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heme/theme2.xml" ContentType="application/vnd.openxmlformats-officedocument.theme+xml"/>
  <Override PartName="/ppt/slideLayouts/slideLayout24.xml" ContentType="application/vnd.openxmlformats-officedocument.presentationml.slideLayout+xml"/>
  <Override PartName="/ppt/theme/theme3.xml" ContentType="application/vnd.openxmlformats-officedocument.theme+xml"/>
  <Override PartName="/ppt/slideLayouts/slideLayout25.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60" r:id="rId4"/>
    <p:sldMasterId id="2147483672" r:id="rId5"/>
    <p:sldMasterId id="2147483685" r:id="rId6"/>
    <p:sldMasterId id="2147483687" r:id="rId7"/>
  </p:sldMasterIdLst>
  <p:notesMasterIdLst>
    <p:notesMasterId r:id="rId57"/>
  </p:notesMasterIdLst>
  <p:sldIdLst>
    <p:sldId id="292" r:id="rId8"/>
    <p:sldId id="325" r:id="rId9"/>
    <p:sldId id="326" r:id="rId10"/>
    <p:sldId id="281" r:id="rId11"/>
    <p:sldId id="327" r:id="rId12"/>
    <p:sldId id="335" r:id="rId13"/>
    <p:sldId id="328" r:id="rId14"/>
    <p:sldId id="275" r:id="rId15"/>
    <p:sldId id="331" r:id="rId16"/>
    <p:sldId id="345" r:id="rId17"/>
    <p:sldId id="297" r:id="rId18"/>
    <p:sldId id="298" r:id="rId19"/>
    <p:sldId id="329" r:id="rId20"/>
    <p:sldId id="336" r:id="rId21"/>
    <p:sldId id="339" r:id="rId22"/>
    <p:sldId id="340" r:id="rId23"/>
    <p:sldId id="341" r:id="rId24"/>
    <p:sldId id="350" r:id="rId25"/>
    <p:sldId id="342" r:id="rId26"/>
    <p:sldId id="355" r:id="rId27"/>
    <p:sldId id="344" r:id="rId28"/>
    <p:sldId id="293" r:id="rId29"/>
    <p:sldId id="346" r:id="rId30"/>
    <p:sldId id="353" r:id="rId31"/>
    <p:sldId id="299" r:id="rId32"/>
    <p:sldId id="291" r:id="rId33"/>
    <p:sldId id="351" r:id="rId34"/>
    <p:sldId id="352" r:id="rId35"/>
    <p:sldId id="338" r:id="rId36"/>
    <p:sldId id="286" r:id="rId37"/>
    <p:sldId id="305" r:id="rId38"/>
    <p:sldId id="306" r:id="rId39"/>
    <p:sldId id="349" r:id="rId40"/>
    <p:sldId id="347" r:id="rId41"/>
    <p:sldId id="321" r:id="rId42"/>
    <p:sldId id="322" r:id="rId43"/>
    <p:sldId id="323" r:id="rId44"/>
    <p:sldId id="324" r:id="rId45"/>
    <p:sldId id="309" r:id="rId46"/>
    <p:sldId id="312" r:id="rId47"/>
    <p:sldId id="311" r:id="rId48"/>
    <p:sldId id="313" r:id="rId49"/>
    <p:sldId id="314" r:id="rId50"/>
    <p:sldId id="315" r:id="rId51"/>
    <p:sldId id="316" r:id="rId52"/>
    <p:sldId id="317" r:id="rId53"/>
    <p:sldId id="318" r:id="rId54"/>
    <p:sldId id="319" r:id="rId55"/>
    <p:sldId id="320" r:id="rId5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31936"/>
    <a:srgbClr val="AF095D"/>
    <a:srgbClr val="54479B"/>
    <a:srgbClr val="11B1FF"/>
    <a:srgbClr val="2CAEE7"/>
    <a:srgbClr val="2CAEE6"/>
    <a:srgbClr val="FE401F"/>
    <a:srgbClr val="227DAC"/>
    <a:srgbClr val="B30D61"/>
    <a:srgbClr val="9F0052"/>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AC9B35D8-9A28-46D0-8084-5AB50621B309}" v="140" dt="2020-06-15T19:20:07.114"/>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549"/>
    <p:restoredTop sz="93297" autoAdjust="0"/>
  </p:normalViewPr>
  <p:slideViewPr>
    <p:cSldViewPr snapToGrid="0" snapToObjects="1">
      <p:cViewPr>
        <p:scale>
          <a:sx n="60" d="100"/>
          <a:sy n="60" d="100"/>
        </p:scale>
        <p:origin x="1080" y="258"/>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9" Type="http://schemas.openxmlformats.org/officeDocument/2006/relationships/slide" Target="slides/slide32.xml"/><Relationship Id="rId21" Type="http://schemas.openxmlformats.org/officeDocument/2006/relationships/slide" Target="slides/slide14.xml"/><Relationship Id="rId34" Type="http://schemas.openxmlformats.org/officeDocument/2006/relationships/slide" Target="slides/slide27.xml"/><Relationship Id="rId42" Type="http://schemas.openxmlformats.org/officeDocument/2006/relationships/slide" Target="slides/slide35.xml"/><Relationship Id="rId47" Type="http://schemas.openxmlformats.org/officeDocument/2006/relationships/slide" Target="slides/slide40.xml"/><Relationship Id="rId50" Type="http://schemas.openxmlformats.org/officeDocument/2006/relationships/slide" Target="slides/slide43.xml"/><Relationship Id="rId55" Type="http://schemas.openxmlformats.org/officeDocument/2006/relationships/slide" Target="slides/slide48.xml"/><Relationship Id="rId7" Type="http://schemas.openxmlformats.org/officeDocument/2006/relationships/slideMaster" Target="slideMasters/slideMaster4.xml"/><Relationship Id="rId2" Type="http://schemas.openxmlformats.org/officeDocument/2006/relationships/customXml" Target="../customXml/item2.xml"/><Relationship Id="rId16" Type="http://schemas.openxmlformats.org/officeDocument/2006/relationships/slide" Target="slides/slide9.xml"/><Relationship Id="rId20" Type="http://schemas.openxmlformats.org/officeDocument/2006/relationships/slide" Target="slides/slide13.xml"/><Relationship Id="rId29" Type="http://schemas.openxmlformats.org/officeDocument/2006/relationships/slide" Target="slides/slide22.xml"/><Relationship Id="rId41" Type="http://schemas.openxmlformats.org/officeDocument/2006/relationships/slide" Target="slides/slide34.xml"/><Relationship Id="rId54" Type="http://schemas.openxmlformats.org/officeDocument/2006/relationships/slide" Target="slides/slide47.xml"/><Relationship Id="rId62"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slide" Target="slides/slide25.xml"/><Relationship Id="rId37" Type="http://schemas.openxmlformats.org/officeDocument/2006/relationships/slide" Target="slides/slide30.xml"/><Relationship Id="rId40" Type="http://schemas.openxmlformats.org/officeDocument/2006/relationships/slide" Target="slides/slide33.xml"/><Relationship Id="rId45" Type="http://schemas.openxmlformats.org/officeDocument/2006/relationships/slide" Target="slides/slide38.xml"/><Relationship Id="rId53" Type="http://schemas.openxmlformats.org/officeDocument/2006/relationships/slide" Target="slides/slide46.xml"/><Relationship Id="rId58" Type="http://schemas.openxmlformats.org/officeDocument/2006/relationships/presProps" Target="presProps.xml"/><Relationship Id="rId5" Type="http://schemas.openxmlformats.org/officeDocument/2006/relationships/slideMaster" Target="slideMasters/slideMaster2.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slide" Target="slides/slide29.xml"/><Relationship Id="rId49" Type="http://schemas.openxmlformats.org/officeDocument/2006/relationships/slide" Target="slides/slide42.xml"/><Relationship Id="rId57" Type="http://schemas.openxmlformats.org/officeDocument/2006/relationships/notesMaster" Target="notesMasters/notesMaster1.xml"/><Relationship Id="rId61" Type="http://schemas.openxmlformats.org/officeDocument/2006/relationships/tableStyles" Target="tableStyles.xml"/><Relationship Id="rId10" Type="http://schemas.openxmlformats.org/officeDocument/2006/relationships/slide" Target="slides/slide3.xml"/><Relationship Id="rId19" Type="http://schemas.openxmlformats.org/officeDocument/2006/relationships/slide" Target="slides/slide12.xml"/><Relationship Id="rId31" Type="http://schemas.openxmlformats.org/officeDocument/2006/relationships/slide" Target="slides/slide24.xml"/><Relationship Id="rId44" Type="http://schemas.openxmlformats.org/officeDocument/2006/relationships/slide" Target="slides/slide37.xml"/><Relationship Id="rId52" Type="http://schemas.openxmlformats.org/officeDocument/2006/relationships/slide" Target="slides/slide45.xml"/><Relationship Id="rId60"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slide" Target="slides/slide28.xml"/><Relationship Id="rId43" Type="http://schemas.openxmlformats.org/officeDocument/2006/relationships/slide" Target="slides/slide36.xml"/><Relationship Id="rId48" Type="http://schemas.openxmlformats.org/officeDocument/2006/relationships/slide" Target="slides/slide41.xml"/><Relationship Id="rId56" Type="http://schemas.openxmlformats.org/officeDocument/2006/relationships/slide" Target="slides/slide49.xml"/><Relationship Id="rId8" Type="http://schemas.openxmlformats.org/officeDocument/2006/relationships/slide" Target="slides/slide1.xml"/><Relationship Id="rId51" Type="http://schemas.openxmlformats.org/officeDocument/2006/relationships/slide" Target="slides/slide44.xml"/><Relationship Id="rId3" Type="http://schemas.openxmlformats.org/officeDocument/2006/relationships/customXml" Target="../customXml/item3.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slide" Target="slides/slide26.xml"/><Relationship Id="rId38" Type="http://schemas.openxmlformats.org/officeDocument/2006/relationships/slide" Target="slides/slide31.xml"/><Relationship Id="rId46" Type="http://schemas.openxmlformats.org/officeDocument/2006/relationships/slide" Target="slides/slide39.xml"/><Relationship Id="rId59"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73A3ACB-AE9A-0446-BC17-B37252394BC1}" type="datetimeFigureOut">
              <a:rPr lang="en-US" smtClean="0"/>
              <a:t>7/10/2020</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DCBC1556-E965-4B4A-8E73-915AB6FCEE1F}" type="slidenum">
              <a:rPr lang="en-US" smtClean="0"/>
              <a:t>‹Nº›</a:t>
            </a:fld>
            <a:endParaRPr lang="en-US" dirty="0"/>
          </a:p>
        </p:txBody>
      </p:sp>
    </p:spTree>
    <p:extLst>
      <p:ext uri="{BB962C8B-B14F-4D97-AF65-F5344CB8AC3E}">
        <p14:creationId xmlns:p14="http://schemas.microsoft.com/office/powerpoint/2010/main" val="364459302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3" Type="http://schemas.openxmlformats.org/officeDocument/2006/relationships/hyperlink" Target="http://slidemodel.com/" TargetMode="External"/><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oderator: Charlotte</a:t>
            </a:r>
            <a:endParaRPr lang="en-GB" dirty="0"/>
          </a:p>
        </p:txBody>
      </p:sp>
      <p:sp>
        <p:nvSpPr>
          <p:cNvPr id="4" name="Slide Number Placeholder 3"/>
          <p:cNvSpPr>
            <a:spLocks noGrp="1"/>
          </p:cNvSpPr>
          <p:nvPr>
            <p:ph type="sldNum" sz="quarter" idx="5"/>
          </p:nvPr>
        </p:nvSpPr>
        <p:spPr/>
        <p:txBody>
          <a:bodyPr/>
          <a:lstStyle/>
          <a:p>
            <a:pPr marL="0" marR="0" lvl="0" indent="0" algn="r" defTabSz="457200" rtl="0" eaLnBrk="0" fontAlgn="base" latinLnBrk="0" hangingPunct="0">
              <a:lnSpc>
                <a:spcPct val="100000"/>
              </a:lnSpc>
              <a:spcBef>
                <a:spcPct val="0"/>
              </a:spcBef>
              <a:spcAft>
                <a:spcPct val="0"/>
              </a:spcAft>
              <a:buClrTx/>
              <a:buSzTx/>
              <a:buFontTx/>
              <a:buNone/>
              <a:tabLst/>
              <a:defRPr/>
            </a:pPr>
            <a:fld id="{C323DD26-F909-475A-912B-991A3A8E6BCA}" type="slidenum">
              <a:rPr kumimoji="0" lang="en-GB" sz="1200" b="0" i="0" u="none" strike="noStrike" kern="1200" cap="none" spc="0" normalizeH="0" baseline="0" noProof="0" smtClean="0">
                <a:ln>
                  <a:noFill/>
                </a:ln>
                <a:solidFill>
                  <a:prstClr val="black"/>
                </a:solidFill>
                <a:effectLst/>
                <a:uLnTx/>
                <a:uFillTx/>
                <a:latin typeface="Arial" panose="020B0604020202020204" pitchFamily="34" charset="0"/>
                <a:ea typeface="MS PGothic" panose="020B0600070205080204" pitchFamily="34" charset="-128"/>
                <a:cs typeface="+mn-cs"/>
              </a:rPr>
              <a:pPr marL="0" marR="0" lvl="0" indent="0" algn="r" defTabSz="457200" rtl="0" eaLnBrk="0" fontAlgn="base" latinLnBrk="0" hangingPunct="0">
                <a:lnSpc>
                  <a:spcPct val="100000"/>
                </a:lnSpc>
                <a:spcBef>
                  <a:spcPct val="0"/>
                </a:spcBef>
                <a:spcAft>
                  <a:spcPct val="0"/>
                </a:spcAft>
                <a:buClrTx/>
                <a:buSzTx/>
                <a:buFontTx/>
                <a:buNone/>
                <a:tabLst/>
                <a:defRPr/>
              </a:pPr>
              <a:t>1</a:t>
            </a:fld>
            <a:endParaRPr kumimoji="0" lang="en-GB" sz="1200" b="0" i="0" u="none" strike="noStrike" kern="1200" cap="none" spc="0" normalizeH="0" baseline="0" noProof="0" dirty="0">
              <a:ln>
                <a:noFill/>
              </a:ln>
              <a:solidFill>
                <a:prstClr val="black"/>
              </a:solidFill>
              <a:effectLst/>
              <a:uLnTx/>
              <a:uFillTx/>
              <a:latin typeface="Arial" panose="020B0604020202020204" pitchFamily="34" charset="0"/>
              <a:ea typeface="MS PGothic" panose="020B0600070205080204" pitchFamily="34" charset="-128"/>
              <a:cs typeface="+mn-cs"/>
            </a:endParaRPr>
          </a:p>
        </p:txBody>
      </p:sp>
    </p:spTree>
    <p:extLst>
      <p:ext uri="{BB962C8B-B14F-4D97-AF65-F5344CB8AC3E}">
        <p14:creationId xmlns:p14="http://schemas.microsoft.com/office/powerpoint/2010/main" val="371246279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VE" dirty="0"/>
          </a:p>
        </p:txBody>
      </p:sp>
      <p:sp>
        <p:nvSpPr>
          <p:cNvPr id="4" name="Marcador de número de diapositiva 3"/>
          <p:cNvSpPr>
            <a:spLocks noGrp="1"/>
          </p:cNvSpPr>
          <p:nvPr>
            <p:ph type="sldNum" sz="quarter" idx="10"/>
          </p:nvPr>
        </p:nvSpPr>
        <p:spPr/>
        <p:txBody>
          <a:bodyPr/>
          <a:lstStyle/>
          <a:p>
            <a:fld id="{DCBC1556-E965-4B4A-8E73-915AB6FCEE1F}" type="slidenum">
              <a:rPr lang="en-US" smtClean="0"/>
              <a:t>7</a:t>
            </a:fld>
            <a:endParaRPr lang="en-US" dirty="0"/>
          </a:p>
        </p:txBody>
      </p:sp>
    </p:spTree>
    <p:extLst>
      <p:ext uri="{BB962C8B-B14F-4D97-AF65-F5344CB8AC3E}">
        <p14:creationId xmlns:p14="http://schemas.microsoft.com/office/powerpoint/2010/main" val="342513931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1218987" rtl="0" eaLnBrk="1" fontAlgn="auto" latinLnBrk="0" hangingPunct="1">
              <a:lnSpc>
                <a:spcPct val="100000"/>
              </a:lnSpc>
              <a:spcBef>
                <a:spcPts val="0"/>
              </a:spcBef>
              <a:spcAft>
                <a:spcPts val="0"/>
              </a:spcAft>
              <a:buClrTx/>
              <a:buSzTx/>
              <a:buFontTx/>
              <a:buNone/>
              <a:tabLst/>
              <a:defRPr/>
            </a:pPr>
            <a:r>
              <a:rPr lang="en-US" dirty="0"/>
              <a:t>You can safely remove this slide. This slide</a:t>
            </a:r>
            <a:r>
              <a:rPr lang="en-US" baseline="0" dirty="0"/>
              <a:t> design was provided by SlideModel.com – You can download more templates, shapes and elements for PowerPoint from </a:t>
            </a:r>
            <a:r>
              <a:rPr lang="en-US" dirty="0">
                <a:hlinkClick r:id="rId3"/>
              </a:rPr>
              <a:t>http://slidemodel.com/</a:t>
            </a:r>
            <a:endParaRPr lang="en-US" dirty="0"/>
          </a:p>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2D21D1-52E2-420B-B491-CFF6D7BB79FB}"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56475014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CBC1556-E965-4B4A-8E73-915AB6FCEE1F}" type="slidenum">
              <a:rPr lang="en-US" smtClean="0"/>
              <a:t>20</a:t>
            </a:fld>
            <a:endParaRPr lang="en-US" dirty="0"/>
          </a:p>
        </p:txBody>
      </p:sp>
    </p:spTree>
    <p:extLst>
      <p:ext uri="{BB962C8B-B14F-4D97-AF65-F5344CB8AC3E}">
        <p14:creationId xmlns:p14="http://schemas.microsoft.com/office/powerpoint/2010/main" val="311753605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CBC1556-E965-4B4A-8E73-915AB6FCEE1F}" type="slidenum">
              <a:rPr lang="en-US" smtClean="0"/>
              <a:t>23</a:t>
            </a:fld>
            <a:endParaRPr lang="en-US" dirty="0"/>
          </a:p>
        </p:txBody>
      </p:sp>
    </p:spTree>
    <p:extLst>
      <p:ext uri="{BB962C8B-B14F-4D97-AF65-F5344CB8AC3E}">
        <p14:creationId xmlns:p14="http://schemas.microsoft.com/office/powerpoint/2010/main" val="241871869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CBC1556-E965-4B4A-8E73-915AB6FCEE1F}" type="slidenum">
              <a:rPr lang="en-US" smtClean="0"/>
              <a:t>24</a:t>
            </a:fld>
            <a:endParaRPr lang="en-US" dirty="0"/>
          </a:p>
        </p:txBody>
      </p:sp>
    </p:spTree>
    <p:extLst>
      <p:ext uri="{BB962C8B-B14F-4D97-AF65-F5344CB8AC3E}">
        <p14:creationId xmlns:p14="http://schemas.microsoft.com/office/powerpoint/2010/main" val="396446533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VE" dirty="0"/>
          </a:p>
        </p:txBody>
      </p:sp>
      <p:sp>
        <p:nvSpPr>
          <p:cNvPr id="4" name="Marcador de número de diapositiva 3"/>
          <p:cNvSpPr>
            <a:spLocks noGrp="1"/>
          </p:cNvSpPr>
          <p:nvPr>
            <p:ph type="sldNum" sz="quarter" idx="10"/>
          </p:nvPr>
        </p:nvSpPr>
        <p:spPr/>
        <p:txBody>
          <a:bodyPr/>
          <a:lstStyle/>
          <a:p>
            <a:fld id="{DCBC1556-E965-4B4A-8E73-915AB6FCEE1F}" type="slidenum">
              <a:rPr lang="en-US" smtClean="0"/>
              <a:t>33</a:t>
            </a:fld>
            <a:endParaRPr lang="en-US" dirty="0"/>
          </a:p>
        </p:txBody>
      </p:sp>
    </p:spTree>
    <p:extLst>
      <p:ext uri="{BB962C8B-B14F-4D97-AF65-F5344CB8AC3E}">
        <p14:creationId xmlns:p14="http://schemas.microsoft.com/office/powerpoint/2010/main" val="37502433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1122363"/>
            <a:ext cx="10363200" cy="2387600"/>
          </a:xfrm>
        </p:spPr>
        <p:txBody>
          <a:bodyPr anchor="b"/>
          <a:lstStyle>
            <a:lvl1pPr algn="ctr">
              <a:defRPr sz="6000"/>
            </a:lvl1pPr>
          </a:lstStyle>
          <a:p>
            <a:r>
              <a:rPr lang="en-US"/>
              <a:t>Click to edit Master title style</a:t>
            </a:r>
            <a:endParaRPr lang="en-US" dirty="0"/>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C5164158-0CE9-4349-B3F5-2F2E57F0D0CB}" type="datetimeFigureOut">
              <a:rPr lang="en-US" smtClean="0"/>
              <a:t>7/10/2020</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5B259CC6-7B72-4137-928D-D85C24DCBB66}" type="slidenum">
              <a:rPr lang="en-US" smtClean="0"/>
              <a:t>‹Nº›</a:t>
            </a:fld>
            <a:endParaRPr lang="en-US" dirty="0"/>
          </a:p>
        </p:txBody>
      </p:sp>
    </p:spTree>
    <p:extLst>
      <p:ext uri="{BB962C8B-B14F-4D97-AF65-F5344CB8AC3E}">
        <p14:creationId xmlns:p14="http://schemas.microsoft.com/office/powerpoint/2010/main" val="162688275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C5164158-0CE9-4349-B3F5-2F2E57F0D0CB}" type="datetimeFigureOut">
              <a:rPr lang="en-US" smtClean="0"/>
              <a:t>7/10/2020</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5B259CC6-7B72-4137-928D-D85C24DCBB66}" type="slidenum">
              <a:rPr lang="en-US" smtClean="0"/>
              <a:t>‹Nº›</a:t>
            </a:fld>
            <a:endParaRPr lang="en-US" dirty="0"/>
          </a:p>
        </p:txBody>
      </p:sp>
    </p:spTree>
    <p:extLst>
      <p:ext uri="{BB962C8B-B14F-4D97-AF65-F5344CB8AC3E}">
        <p14:creationId xmlns:p14="http://schemas.microsoft.com/office/powerpoint/2010/main" val="411458077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1" y="365125"/>
            <a:ext cx="2628900" cy="5811838"/>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1"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C5164158-0CE9-4349-B3F5-2F2E57F0D0CB}" type="datetimeFigureOut">
              <a:rPr lang="en-US" smtClean="0"/>
              <a:t>7/10/2020</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5B259CC6-7B72-4137-928D-D85C24DCBB66}" type="slidenum">
              <a:rPr lang="en-US" smtClean="0"/>
              <a:t>‹Nº›</a:t>
            </a:fld>
            <a:endParaRPr lang="en-US" dirty="0"/>
          </a:p>
        </p:txBody>
      </p:sp>
    </p:spTree>
    <p:extLst>
      <p:ext uri="{BB962C8B-B14F-4D97-AF65-F5344CB8AC3E}">
        <p14:creationId xmlns:p14="http://schemas.microsoft.com/office/powerpoint/2010/main" val="182496879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p>
            <a:fld id="{768D8D1D-FA9E-4F9E-9D65-B58716B9ED53}" type="datetimeFigureOut">
              <a:rPr lang="en-US" smtClean="0"/>
              <a:t>7/10/2020</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74344E34-3C64-4FCC-91B2-22592B1E0D71}" type="slidenum">
              <a:rPr lang="en-US" smtClean="0"/>
              <a:t>‹Nº›</a:t>
            </a:fld>
            <a:endParaRPr lang="en-US" dirty="0"/>
          </a:p>
        </p:txBody>
      </p:sp>
    </p:spTree>
    <p:extLst>
      <p:ext uri="{BB962C8B-B14F-4D97-AF65-F5344CB8AC3E}">
        <p14:creationId xmlns:p14="http://schemas.microsoft.com/office/powerpoint/2010/main" val="242145667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68D8D1D-FA9E-4F9E-9D65-B58716B9ED53}" type="datetimeFigureOut">
              <a:rPr lang="en-US" smtClean="0"/>
              <a:t>7/10/2020</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74344E34-3C64-4FCC-91B2-22592B1E0D71}" type="slidenum">
              <a:rPr lang="en-US" smtClean="0"/>
              <a:t>‹Nº›</a:t>
            </a:fld>
            <a:endParaRPr lang="en-US" dirty="0"/>
          </a:p>
        </p:txBody>
      </p:sp>
    </p:spTree>
    <p:extLst>
      <p:ext uri="{BB962C8B-B14F-4D97-AF65-F5344CB8AC3E}">
        <p14:creationId xmlns:p14="http://schemas.microsoft.com/office/powerpoint/2010/main" val="78444145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768D8D1D-FA9E-4F9E-9D65-B58716B9ED53}" type="datetimeFigureOut">
              <a:rPr lang="en-US" smtClean="0"/>
              <a:t>7/10/2020</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74344E34-3C64-4FCC-91B2-22592B1E0D71}" type="slidenum">
              <a:rPr lang="en-US" smtClean="0"/>
              <a:t>‹Nº›</a:t>
            </a:fld>
            <a:endParaRPr lang="en-US" dirty="0"/>
          </a:p>
        </p:txBody>
      </p:sp>
    </p:spTree>
    <p:extLst>
      <p:ext uri="{BB962C8B-B14F-4D97-AF65-F5344CB8AC3E}">
        <p14:creationId xmlns:p14="http://schemas.microsoft.com/office/powerpoint/2010/main" val="429237060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768D8D1D-FA9E-4F9E-9D65-B58716B9ED53}" type="datetimeFigureOut">
              <a:rPr lang="en-US" smtClean="0"/>
              <a:t>7/10/2020</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74344E34-3C64-4FCC-91B2-22592B1E0D71}" type="slidenum">
              <a:rPr lang="en-US" smtClean="0"/>
              <a:t>‹Nº›</a:t>
            </a:fld>
            <a:endParaRPr lang="en-US" dirty="0"/>
          </a:p>
        </p:txBody>
      </p:sp>
    </p:spTree>
    <p:extLst>
      <p:ext uri="{BB962C8B-B14F-4D97-AF65-F5344CB8AC3E}">
        <p14:creationId xmlns:p14="http://schemas.microsoft.com/office/powerpoint/2010/main" val="383420870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768D8D1D-FA9E-4F9E-9D65-B58716B9ED53}" type="datetimeFigureOut">
              <a:rPr lang="en-US" smtClean="0"/>
              <a:t>7/10/2020</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74344E34-3C64-4FCC-91B2-22592B1E0D71}" type="slidenum">
              <a:rPr lang="en-US" smtClean="0"/>
              <a:t>‹Nº›</a:t>
            </a:fld>
            <a:endParaRPr lang="en-US" dirty="0"/>
          </a:p>
        </p:txBody>
      </p:sp>
    </p:spTree>
    <p:extLst>
      <p:ext uri="{BB962C8B-B14F-4D97-AF65-F5344CB8AC3E}">
        <p14:creationId xmlns:p14="http://schemas.microsoft.com/office/powerpoint/2010/main" val="314303910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768D8D1D-FA9E-4F9E-9D65-B58716B9ED53}" type="datetimeFigureOut">
              <a:rPr lang="en-US" smtClean="0"/>
              <a:t>7/10/2020</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74344E34-3C64-4FCC-91B2-22592B1E0D71}" type="slidenum">
              <a:rPr lang="en-US" smtClean="0"/>
              <a:t>‹Nº›</a:t>
            </a:fld>
            <a:endParaRPr lang="en-US" dirty="0"/>
          </a:p>
        </p:txBody>
      </p:sp>
    </p:spTree>
    <p:extLst>
      <p:ext uri="{BB962C8B-B14F-4D97-AF65-F5344CB8AC3E}">
        <p14:creationId xmlns:p14="http://schemas.microsoft.com/office/powerpoint/2010/main" val="220750075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768D8D1D-FA9E-4F9E-9D65-B58716B9ED53}" type="datetimeFigureOut">
              <a:rPr lang="en-US" smtClean="0"/>
              <a:t>7/10/2020</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74344E34-3C64-4FCC-91B2-22592B1E0D71}" type="slidenum">
              <a:rPr lang="en-US" smtClean="0"/>
              <a:t>‹Nº›</a:t>
            </a:fld>
            <a:endParaRPr lang="en-US" dirty="0"/>
          </a:p>
        </p:txBody>
      </p:sp>
    </p:spTree>
    <p:extLst>
      <p:ext uri="{BB962C8B-B14F-4D97-AF65-F5344CB8AC3E}">
        <p14:creationId xmlns:p14="http://schemas.microsoft.com/office/powerpoint/2010/main" val="295840554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768D8D1D-FA9E-4F9E-9D65-B58716B9ED53}" type="datetimeFigureOut">
              <a:rPr lang="en-US" smtClean="0"/>
              <a:t>7/10/2020</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74344E34-3C64-4FCC-91B2-22592B1E0D71}" type="slidenum">
              <a:rPr lang="en-US" smtClean="0"/>
              <a:t>‹Nº›</a:t>
            </a:fld>
            <a:endParaRPr lang="en-US" dirty="0"/>
          </a:p>
        </p:txBody>
      </p:sp>
    </p:spTree>
    <p:extLst>
      <p:ext uri="{BB962C8B-B14F-4D97-AF65-F5344CB8AC3E}">
        <p14:creationId xmlns:p14="http://schemas.microsoft.com/office/powerpoint/2010/main" val="193981822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C5164158-0CE9-4349-B3F5-2F2E57F0D0CB}" type="datetimeFigureOut">
              <a:rPr lang="en-US" smtClean="0"/>
              <a:t>7/10/2020</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5B259CC6-7B72-4137-928D-D85C24DCBB66}" type="slidenum">
              <a:rPr lang="en-US" smtClean="0"/>
              <a:t>‹Nº›</a:t>
            </a:fld>
            <a:endParaRPr lang="en-US" dirty="0"/>
          </a:p>
        </p:txBody>
      </p:sp>
    </p:spTree>
    <p:extLst>
      <p:ext uri="{BB962C8B-B14F-4D97-AF65-F5344CB8AC3E}">
        <p14:creationId xmlns:p14="http://schemas.microsoft.com/office/powerpoint/2010/main" val="61206738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768D8D1D-FA9E-4F9E-9D65-B58716B9ED53}" type="datetimeFigureOut">
              <a:rPr lang="en-US" smtClean="0"/>
              <a:t>7/10/2020</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74344E34-3C64-4FCC-91B2-22592B1E0D71}" type="slidenum">
              <a:rPr lang="en-US" smtClean="0"/>
              <a:t>‹Nº›</a:t>
            </a:fld>
            <a:endParaRPr lang="en-US" dirty="0"/>
          </a:p>
        </p:txBody>
      </p:sp>
    </p:spTree>
    <p:extLst>
      <p:ext uri="{BB962C8B-B14F-4D97-AF65-F5344CB8AC3E}">
        <p14:creationId xmlns:p14="http://schemas.microsoft.com/office/powerpoint/2010/main" val="104342060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68D8D1D-FA9E-4F9E-9D65-B58716B9ED53}" type="datetimeFigureOut">
              <a:rPr lang="en-US" smtClean="0"/>
              <a:t>7/10/2020</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74344E34-3C64-4FCC-91B2-22592B1E0D71}" type="slidenum">
              <a:rPr lang="en-US" smtClean="0"/>
              <a:t>‹Nº›</a:t>
            </a:fld>
            <a:endParaRPr lang="en-US" dirty="0"/>
          </a:p>
        </p:txBody>
      </p:sp>
    </p:spTree>
    <p:extLst>
      <p:ext uri="{BB962C8B-B14F-4D97-AF65-F5344CB8AC3E}">
        <p14:creationId xmlns:p14="http://schemas.microsoft.com/office/powerpoint/2010/main" val="3524339863"/>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68D8D1D-FA9E-4F9E-9D65-B58716B9ED53}" type="datetimeFigureOut">
              <a:rPr lang="en-US" smtClean="0"/>
              <a:t>7/10/2020</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74344E34-3C64-4FCC-91B2-22592B1E0D71}" type="slidenum">
              <a:rPr lang="en-US" smtClean="0"/>
              <a:t>‹Nº›</a:t>
            </a:fld>
            <a:endParaRPr lang="en-US" dirty="0"/>
          </a:p>
        </p:txBody>
      </p:sp>
    </p:spTree>
    <p:extLst>
      <p:ext uri="{BB962C8B-B14F-4D97-AF65-F5344CB8AC3E}">
        <p14:creationId xmlns:p14="http://schemas.microsoft.com/office/powerpoint/2010/main" val="90935087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slidemodel2">
    <p:bg>
      <p:bgPr>
        <a:gradFill flip="none" rotWithShape="1">
          <a:gsLst>
            <a:gs pos="55000">
              <a:srgbClr val="1181AE"/>
            </a:gs>
            <a:gs pos="0">
              <a:srgbClr val="1181AE"/>
            </a:gs>
            <a:gs pos="100000">
              <a:srgbClr val="095474"/>
            </a:gs>
          </a:gsLst>
          <a:path path="circle">
            <a:fillToRect l="50000" t="50000" r="50000" b="50000"/>
          </a:path>
          <a:tileRect/>
        </a:gra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218672" y="2870634"/>
            <a:ext cx="5932223" cy="711081"/>
          </a:xfrm>
        </p:spPr>
        <p:txBody>
          <a:bodyPr>
            <a:normAutofit/>
          </a:bodyPr>
          <a:lstStyle>
            <a:lvl1pPr algn="ctr">
              <a:defRPr sz="3600" b="0">
                <a:solidFill>
                  <a:schemeClr val="bg1"/>
                </a:solidFill>
                <a:effectLst>
                  <a:outerShdw blurRad="38100" dist="38100" dir="2700000" algn="tl">
                    <a:srgbClr val="000000">
                      <a:alpha val="43137"/>
                    </a:srgbClr>
                  </a:outerShdw>
                </a:effectLst>
                <a:latin typeface="+mj-lt"/>
                <a:ea typeface="Open Sans" pitchFamily="34" charset="0"/>
                <a:cs typeface="Open Sans" pitchFamily="34" charset="0"/>
              </a:defRPr>
            </a:lvl1pPr>
          </a:lstStyle>
          <a:p>
            <a:r>
              <a:rPr lang="en-US"/>
              <a:t>SlideModel.com</a:t>
            </a:r>
          </a:p>
        </p:txBody>
      </p:sp>
      <p:sp>
        <p:nvSpPr>
          <p:cNvPr id="3" name="Date Placeholder 2"/>
          <p:cNvSpPr>
            <a:spLocks noGrp="1"/>
          </p:cNvSpPr>
          <p:nvPr>
            <p:ph type="dt" sz="half" idx="10"/>
          </p:nvPr>
        </p:nvSpPr>
        <p:spPr/>
        <p:txBody>
          <a:bodyPr/>
          <a:lstStyle/>
          <a:p>
            <a:fld id="{425404F2-BE9A-4460-8815-8F645183555F}" type="datetimeFigureOut">
              <a:rPr lang="en-US" smtClean="0"/>
              <a:pPr/>
              <a:t>7/10/2020</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96E69268-9C8B-4EBF-A9EE-DC5DC2D48DC3}" type="slidenum">
              <a:rPr lang="en-US" smtClean="0"/>
              <a:pPr/>
              <a:t>‹Nº›</a:t>
            </a:fld>
            <a:endParaRPr lang="en-US" dirty="0"/>
          </a:p>
        </p:txBody>
      </p:sp>
    </p:spTree>
    <p:extLst>
      <p:ext uri="{BB962C8B-B14F-4D97-AF65-F5344CB8AC3E}">
        <p14:creationId xmlns:p14="http://schemas.microsoft.com/office/powerpoint/2010/main" val="262813295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Title Only">
    <p:bg>
      <p:bgPr>
        <a:gradFill>
          <a:gsLst>
            <a:gs pos="0">
              <a:srgbClr val="EFEDEE"/>
            </a:gs>
            <a:gs pos="53000">
              <a:srgbClr val="F1EFF0"/>
            </a:gs>
            <a:gs pos="77000">
              <a:srgbClr val="EFEDEE"/>
            </a:gs>
            <a:gs pos="100000">
              <a:srgbClr val="EFEBEC"/>
            </a:gs>
          </a:gsLst>
          <a:lin ang="5400000" scaled="1"/>
        </a:gra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838200" y="106331"/>
            <a:ext cx="10515600" cy="739056"/>
          </a:xfrm>
        </p:spPr>
        <p:txBody>
          <a:bodyPr>
            <a:normAutofit/>
          </a:bodyPr>
          <a:lstStyle>
            <a:lvl1pPr>
              <a:defRPr sz="3600"/>
            </a:lvl1pPr>
          </a:lstStyle>
          <a:p>
            <a:r>
              <a:rPr lang="en-US" dirty="0"/>
              <a:t>Click to edit Master title style</a:t>
            </a:r>
          </a:p>
        </p:txBody>
      </p:sp>
      <p:grpSp>
        <p:nvGrpSpPr>
          <p:cNvPr id="3" name="Group 2">
            <a:extLst>
              <a:ext uri="{FF2B5EF4-FFF2-40B4-BE49-F238E27FC236}">
                <a16:creationId xmlns:a16="http://schemas.microsoft.com/office/drawing/2014/main" xmlns="" id="{AEDF2B47-7C58-458B-A014-B081B81A8D06}"/>
              </a:ext>
            </a:extLst>
          </p:cNvPr>
          <p:cNvGrpSpPr/>
          <p:nvPr userDrawn="1"/>
        </p:nvGrpSpPr>
        <p:grpSpPr>
          <a:xfrm>
            <a:off x="12578642" y="2"/>
            <a:ext cx="2196697" cy="1816099"/>
            <a:chOff x="12554553" y="1"/>
            <a:chExt cx="1647523" cy="1816099"/>
          </a:xfrm>
        </p:grpSpPr>
        <p:sp>
          <p:nvSpPr>
            <p:cNvPr id="4" name="Rectangle: Folded Corner 3">
              <a:extLst>
                <a:ext uri="{FF2B5EF4-FFF2-40B4-BE49-F238E27FC236}">
                  <a16:creationId xmlns:a16="http://schemas.microsoft.com/office/drawing/2014/main" xmlns="" id="{C7ACA455-4437-4416-A6F0-33D534A6AE9F}"/>
                </a:ext>
              </a:extLst>
            </p:cNvPr>
            <p:cNvSpPr/>
            <p:nvPr userDrawn="1"/>
          </p:nvSpPr>
          <p:spPr>
            <a:xfrm>
              <a:off x="12554553" y="1"/>
              <a:ext cx="1644047" cy="1816099"/>
            </a:xfrm>
            <a:prstGeom prst="foldedCorner">
              <a:avLst/>
            </a:prstGeom>
            <a:ln>
              <a:noFill/>
            </a:ln>
            <a:effectLst>
              <a:outerShdw blurRad="101600" dist="635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Ins="0" rtlCol="0" anchor="t"/>
            <a:lstStyle/>
            <a:p>
              <a:r>
                <a:rPr lang="en-US" sz="1400" dirty="0">
                  <a:solidFill>
                    <a:schemeClr val="accent2">
                      <a:lumMod val="50000"/>
                    </a:schemeClr>
                  </a:solidFill>
                </a:rPr>
                <a:t>To insert your own icons*:</a:t>
              </a:r>
            </a:p>
            <a:p>
              <a:endParaRPr lang="en-US" sz="1400" dirty="0">
                <a:solidFill>
                  <a:schemeClr val="accent2">
                    <a:lumMod val="50000"/>
                  </a:schemeClr>
                </a:solidFill>
              </a:endParaRPr>
            </a:p>
            <a:p>
              <a:r>
                <a:rPr lang="en-US" sz="1400" b="1" dirty="0">
                  <a:solidFill>
                    <a:schemeClr val="accent2">
                      <a:lumMod val="50000"/>
                    </a:schemeClr>
                  </a:solidFill>
                </a:rPr>
                <a:t>Insert</a:t>
              </a:r>
              <a:r>
                <a:rPr lang="en-US" sz="1400" dirty="0">
                  <a:solidFill>
                    <a:schemeClr val="accent2">
                      <a:lumMod val="50000"/>
                    </a:schemeClr>
                  </a:solidFill>
                </a:rPr>
                <a:t> &gt;&gt; </a:t>
              </a:r>
              <a:r>
                <a:rPr lang="en-US" sz="1400" b="1" dirty="0">
                  <a:solidFill>
                    <a:schemeClr val="accent2">
                      <a:lumMod val="50000"/>
                    </a:schemeClr>
                  </a:solidFill>
                </a:rPr>
                <a:t>Icons</a:t>
              </a:r>
            </a:p>
            <a:p>
              <a:endParaRPr lang="en-US" sz="1400" dirty="0">
                <a:solidFill>
                  <a:schemeClr val="accent2">
                    <a:lumMod val="50000"/>
                  </a:schemeClr>
                </a:solidFill>
              </a:endParaRPr>
            </a:p>
            <a:p>
              <a:r>
                <a:rPr lang="en-US" sz="1200" i="1" dirty="0">
                  <a:solidFill>
                    <a:schemeClr val="accent2">
                      <a:lumMod val="50000"/>
                    </a:schemeClr>
                  </a:solidFill>
                </a:rPr>
                <a:t>(*Only available to Office 365 subscribers)</a:t>
              </a:r>
            </a:p>
          </p:txBody>
        </p:sp>
        <p:pic>
          <p:nvPicPr>
            <p:cNvPr id="5" name="Picture 4">
              <a:extLst>
                <a:ext uri="{FF2B5EF4-FFF2-40B4-BE49-F238E27FC236}">
                  <a16:creationId xmlns:a16="http://schemas.microsoft.com/office/drawing/2014/main" xmlns="" id="{7180DD64-6AC6-41B8-826F-6BE55763C657}"/>
                </a:ext>
              </a:extLst>
            </p:cNvPr>
            <p:cNvPicPr>
              <a:picLocks noChangeAspect="1"/>
            </p:cNvPicPr>
            <p:nvPr userDrawn="1"/>
          </p:nvPicPr>
          <p:blipFill>
            <a:blip r:embed="rId2"/>
            <a:stretch>
              <a:fillRect/>
            </a:stretch>
          </p:blipFill>
          <p:spPr>
            <a:xfrm>
              <a:off x="13802026" y="424090"/>
              <a:ext cx="400050" cy="657225"/>
            </a:xfrm>
            <a:prstGeom prst="rect">
              <a:avLst/>
            </a:prstGeom>
          </p:spPr>
        </p:pic>
      </p:grpSp>
    </p:spTree>
    <p:extLst>
      <p:ext uri="{BB962C8B-B14F-4D97-AF65-F5344CB8AC3E}">
        <p14:creationId xmlns:p14="http://schemas.microsoft.com/office/powerpoint/2010/main" val="134695144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72313114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1" y="1709740"/>
            <a:ext cx="10515600" cy="2852737"/>
          </a:xfrm>
        </p:spPr>
        <p:txBody>
          <a:bodyPr anchor="b"/>
          <a:lstStyle>
            <a:lvl1pPr>
              <a:defRPr sz="6000"/>
            </a:lvl1pPr>
          </a:lstStyle>
          <a:p>
            <a:r>
              <a:rPr lang="en-US"/>
              <a:t>Click to edit Master title style</a:t>
            </a:r>
            <a:endParaRPr lang="en-US" dirty="0"/>
          </a:p>
        </p:txBody>
      </p:sp>
      <p:sp>
        <p:nvSpPr>
          <p:cNvPr id="3" name="Text Placeholder 2"/>
          <p:cNvSpPr>
            <a:spLocks noGrp="1"/>
          </p:cNvSpPr>
          <p:nvPr>
            <p:ph type="body" idx="1"/>
          </p:nvPr>
        </p:nvSpPr>
        <p:spPr>
          <a:xfrm>
            <a:off x="831851" y="4589465"/>
            <a:ext cx="10515600" cy="1500187"/>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C5164158-0CE9-4349-B3F5-2F2E57F0D0CB}" type="datetimeFigureOut">
              <a:rPr lang="en-US" smtClean="0"/>
              <a:t>7/10/2020</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5B259CC6-7B72-4137-928D-D85C24DCBB66}" type="slidenum">
              <a:rPr lang="en-US" smtClean="0"/>
              <a:t>‹Nº›</a:t>
            </a:fld>
            <a:endParaRPr lang="en-US" dirty="0"/>
          </a:p>
        </p:txBody>
      </p:sp>
    </p:spTree>
    <p:extLst>
      <p:ext uri="{BB962C8B-B14F-4D97-AF65-F5344CB8AC3E}">
        <p14:creationId xmlns:p14="http://schemas.microsoft.com/office/powerpoint/2010/main" val="65132703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C5164158-0CE9-4349-B3F5-2F2E57F0D0CB}" type="datetimeFigureOut">
              <a:rPr lang="en-US" smtClean="0"/>
              <a:t>7/10/2020</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5B259CC6-7B72-4137-928D-D85C24DCBB66}" type="slidenum">
              <a:rPr lang="en-US" smtClean="0"/>
              <a:t>‹Nº›</a:t>
            </a:fld>
            <a:endParaRPr lang="en-US" dirty="0"/>
          </a:p>
        </p:txBody>
      </p:sp>
    </p:spTree>
    <p:extLst>
      <p:ext uri="{BB962C8B-B14F-4D97-AF65-F5344CB8AC3E}">
        <p14:creationId xmlns:p14="http://schemas.microsoft.com/office/powerpoint/2010/main" val="88912494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7"/>
            <a:ext cx="10515600" cy="1325563"/>
          </a:xfrm>
        </p:spPr>
        <p:txBody>
          <a:bodyPr/>
          <a:lstStyle/>
          <a:p>
            <a:r>
              <a:rPr lang="en-US"/>
              <a:t>Click to edit Master title style</a:t>
            </a:r>
            <a:endParaRPr lang="en-US" dirty="0"/>
          </a:p>
        </p:txBody>
      </p:sp>
      <p:sp>
        <p:nvSpPr>
          <p:cNvPr id="3" name="Text Placeholder 2"/>
          <p:cNvSpPr>
            <a:spLocks noGrp="1"/>
          </p:cNvSpPr>
          <p:nvPr>
            <p:ph type="body" idx="1"/>
          </p:nvPr>
        </p:nvSpPr>
        <p:spPr>
          <a:xfrm>
            <a:off x="839789"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839789"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172201"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1"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C5164158-0CE9-4349-B3F5-2F2E57F0D0CB}" type="datetimeFigureOut">
              <a:rPr lang="en-US" smtClean="0"/>
              <a:t>7/10/2020</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5B259CC6-7B72-4137-928D-D85C24DCBB66}" type="slidenum">
              <a:rPr lang="en-US" smtClean="0"/>
              <a:t>‹Nº›</a:t>
            </a:fld>
            <a:endParaRPr lang="en-US" dirty="0"/>
          </a:p>
        </p:txBody>
      </p:sp>
    </p:spTree>
    <p:extLst>
      <p:ext uri="{BB962C8B-B14F-4D97-AF65-F5344CB8AC3E}">
        <p14:creationId xmlns:p14="http://schemas.microsoft.com/office/powerpoint/2010/main" val="332425607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C5164158-0CE9-4349-B3F5-2F2E57F0D0CB}" type="datetimeFigureOut">
              <a:rPr lang="en-US" smtClean="0"/>
              <a:t>7/10/2020</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5B259CC6-7B72-4137-928D-D85C24DCBB66}" type="slidenum">
              <a:rPr lang="en-US" smtClean="0"/>
              <a:t>‹Nº›</a:t>
            </a:fld>
            <a:endParaRPr lang="en-US" dirty="0"/>
          </a:p>
        </p:txBody>
      </p:sp>
    </p:spTree>
    <p:extLst>
      <p:ext uri="{BB962C8B-B14F-4D97-AF65-F5344CB8AC3E}">
        <p14:creationId xmlns:p14="http://schemas.microsoft.com/office/powerpoint/2010/main" val="174572820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C5164158-0CE9-4349-B3F5-2F2E57F0D0CB}" type="datetimeFigureOut">
              <a:rPr lang="en-US" smtClean="0"/>
              <a:t>7/10/2020</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5B259CC6-7B72-4137-928D-D85C24DCBB66}" type="slidenum">
              <a:rPr lang="en-US" smtClean="0"/>
              <a:t>‹Nº›</a:t>
            </a:fld>
            <a:endParaRPr lang="en-US" dirty="0"/>
          </a:p>
        </p:txBody>
      </p:sp>
    </p:spTree>
    <p:extLst>
      <p:ext uri="{BB962C8B-B14F-4D97-AF65-F5344CB8AC3E}">
        <p14:creationId xmlns:p14="http://schemas.microsoft.com/office/powerpoint/2010/main" val="165108035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US" dirty="0"/>
          </a:p>
        </p:txBody>
      </p:sp>
      <p:sp>
        <p:nvSpPr>
          <p:cNvPr id="3" name="Content Placeholder 2"/>
          <p:cNvSpPr>
            <a:spLocks noGrp="1"/>
          </p:cNvSpPr>
          <p:nvPr>
            <p:ph idx="1"/>
          </p:nvPr>
        </p:nvSpPr>
        <p:spPr>
          <a:xfrm>
            <a:off x="5183188" y="987427"/>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C5164158-0CE9-4349-B3F5-2F2E57F0D0CB}" type="datetimeFigureOut">
              <a:rPr lang="en-US" smtClean="0"/>
              <a:t>7/10/2020</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5B259CC6-7B72-4137-928D-D85C24DCBB66}" type="slidenum">
              <a:rPr lang="en-US" smtClean="0"/>
              <a:t>‹Nº›</a:t>
            </a:fld>
            <a:endParaRPr lang="en-US" dirty="0"/>
          </a:p>
        </p:txBody>
      </p:sp>
    </p:spTree>
    <p:extLst>
      <p:ext uri="{BB962C8B-B14F-4D97-AF65-F5344CB8AC3E}">
        <p14:creationId xmlns:p14="http://schemas.microsoft.com/office/powerpoint/2010/main" val="321419993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5183188" y="987427"/>
            <a:ext cx="617220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icon to add picture</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C5164158-0CE9-4349-B3F5-2F2E57F0D0CB}" type="datetimeFigureOut">
              <a:rPr lang="en-US" smtClean="0"/>
              <a:t>7/10/2020</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5B259CC6-7B72-4137-928D-D85C24DCBB66}" type="slidenum">
              <a:rPr lang="en-US" smtClean="0"/>
              <a:t>‹Nº›</a:t>
            </a:fld>
            <a:endParaRPr lang="en-US" dirty="0"/>
          </a:p>
        </p:txBody>
      </p:sp>
    </p:spTree>
    <p:extLst>
      <p:ext uri="{BB962C8B-B14F-4D97-AF65-F5344CB8AC3E}">
        <p14:creationId xmlns:p14="http://schemas.microsoft.com/office/powerpoint/2010/main" val="361512616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13" Type="http://schemas.openxmlformats.org/officeDocument/2006/relationships/theme" Target="../theme/theme2.xml"/><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slideLayout" Target="../slideLayouts/slideLayout23.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s>
</file>

<file path=ppt/slideMasters/_rels/slideMaster3.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theme" Target="../theme/theme3.xml"/><Relationship Id="rId1" Type="http://schemas.openxmlformats.org/officeDocument/2006/relationships/slideLayout" Target="../slideLayouts/slideLayout24.xml"/><Relationship Id="rId4" Type="http://schemas.openxmlformats.org/officeDocument/2006/relationships/hyperlink" Target="http://www.presentationgo.com/" TargetMode="External"/></Relationships>
</file>

<file path=ppt/slideMasters/_rels/slideMaster4.xml.rels><?xml version="1.0" encoding="UTF-8" standalone="yes"?>
<Relationships xmlns="http://schemas.openxmlformats.org/package/2006/relationships"><Relationship Id="rId2" Type="http://schemas.openxmlformats.org/officeDocument/2006/relationships/theme" Target="../theme/theme4.xml"/><Relationship Id="rId1" Type="http://schemas.openxmlformats.org/officeDocument/2006/relationships/slideLayout" Target="../slideLayouts/slideLayout2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7"/>
            <a:ext cx="10515600" cy="1325563"/>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838200" y="6356352"/>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C5164158-0CE9-4349-B3F5-2F2E57F0D0CB}" type="datetimeFigureOut">
              <a:rPr lang="en-US" smtClean="0"/>
              <a:t>7/10/2020</a:t>
            </a:fld>
            <a:endParaRPr lang="en-US" dirty="0"/>
          </a:p>
        </p:txBody>
      </p:sp>
      <p:sp>
        <p:nvSpPr>
          <p:cNvPr id="5" name="Footer Placeholder 4"/>
          <p:cNvSpPr>
            <a:spLocks noGrp="1"/>
          </p:cNvSpPr>
          <p:nvPr>
            <p:ph type="ftr" sz="quarter" idx="3"/>
          </p:nvPr>
        </p:nvSpPr>
        <p:spPr>
          <a:xfrm>
            <a:off x="4038600" y="6356352"/>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sp>
        <p:nvSpPr>
          <p:cNvPr id="6" name="Slide Number Placeholder 5"/>
          <p:cNvSpPr>
            <a:spLocks noGrp="1"/>
          </p:cNvSpPr>
          <p:nvPr>
            <p:ph type="sldNum" sz="quarter" idx="4"/>
          </p:nvPr>
        </p:nvSpPr>
        <p:spPr>
          <a:xfrm>
            <a:off x="8610600" y="6356352"/>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5B259CC6-7B72-4137-928D-D85C24DCBB66}" type="slidenum">
              <a:rPr lang="en-US" smtClean="0"/>
              <a:t>‹Nº›</a:t>
            </a:fld>
            <a:endParaRPr lang="en-US" dirty="0"/>
          </a:p>
        </p:txBody>
      </p:sp>
    </p:spTree>
    <p:extLst>
      <p:ext uri="{BB962C8B-B14F-4D97-AF65-F5344CB8AC3E}">
        <p14:creationId xmlns:p14="http://schemas.microsoft.com/office/powerpoint/2010/main" val="4046620719"/>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gradFill flip="none" rotWithShape="1">
          <a:gsLst>
            <a:gs pos="0">
              <a:schemeClr val="bg1"/>
            </a:gs>
            <a:gs pos="50000">
              <a:schemeClr val="bg1">
                <a:lumMod val="95000"/>
              </a:schemeClr>
            </a:gs>
            <a:gs pos="100000">
              <a:schemeClr val="bg1">
                <a:lumMod val="85000"/>
              </a:schemeClr>
            </a:gs>
          </a:gsLst>
          <a:path path="circle">
            <a:fillToRect l="50000" t="50000" r="50000" b="50000"/>
          </a:path>
          <a:tileRect/>
        </a:gra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768D8D1D-FA9E-4F9E-9D65-B58716B9ED53}" type="datetimeFigureOut">
              <a:rPr lang="en-US" smtClean="0"/>
              <a:t>7/10/2020</a:t>
            </a:fld>
            <a:endParaRPr lang="en-US" dirty="0"/>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74344E34-3C64-4FCC-91B2-22592B1E0D71}" type="slidenum">
              <a:rPr lang="en-US" smtClean="0"/>
              <a:t>‹Nº›</a:t>
            </a:fld>
            <a:endParaRPr lang="en-US" dirty="0"/>
          </a:p>
        </p:txBody>
      </p:sp>
    </p:spTree>
    <p:extLst>
      <p:ext uri="{BB962C8B-B14F-4D97-AF65-F5344CB8AC3E}">
        <p14:creationId xmlns:p14="http://schemas.microsoft.com/office/powerpoint/2010/main" val="3438485607"/>
      </p:ext>
    </p:extLst>
  </p:cSld>
  <p:clrMap bg1="lt1" tx1="dk1" bg2="lt2" tx2="dk2" accent1="accent1" accent2="accent2" accent3="accent3" accent4="accent4" accent5="accent5" accent6="accent6" hlink="hlink" folHlink="folHlink"/>
  <p:sldLayoutIdLst>
    <p:sldLayoutId id="2147483673" r:id="rId1"/>
    <p:sldLayoutId id="2147483674" r:id="rId2"/>
    <p:sldLayoutId id="2147483675" r:id="rId3"/>
    <p:sldLayoutId id="2147483676" r:id="rId4"/>
    <p:sldLayoutId id="2147483677" r:id="rId5"/>
    <p:sldLayoutId id="2147483678" r:id="rId6"/>
    <p:sldLayoutId id="2147483679" r:id="rId7"/>
    <p:sldLayoutId id="2147483680" r:id="rId8"/>
    <p:sldLayoutId id="2147483681" r:id="rId9"/>
    <p:sldLayoutId id="2147483682" r:id="rId10"/>
    <p:sldLayoutId id="2147483683" r:id="rId11"/>
    <p:sldLayoutId id="2147483684"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gradFill>
          <a:gsLst>
            <a:gs pos="0">
              <a:srgbClr val="EFEDEE"/>
            </a:gs>
            <a:gs pos="53000">
              <a:srgbClr val="F1EFF0"/>
            </a:gs>
            <a:gs pos="77000">
              <a:srgbClr val="EFEDEE"/>
            </a:gs>
            <a:gs pos="100000">
              <a:srgbClr val="EFEBEC"/>
            </a:gs>
          </a:gsLst>
          <a:lin ang="5400000" scaled="1"/>
        </a:gra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106332"/>
            <a:ext cx="10515600" cy="739056"/>
          </a:xfrm>
          <a:prstGeom prst="rect">
            <a:avLst/>
          </a:prstGeom>
        </p:spPr>
        <p:txBody>
          <a:bodyPr rIns="0">
            <a:normAutofit/>
          </a:bodyPr>
          <a:lstStyle/>
          <a:p>
            <a:pPr marL="0" lvl="0"/>
            <a:r>
              <a:rPr lang="en-US"/>
              <a:t>Click to edit Master title style</a:t>
            </a:r>
          </a:p>
        </p:txBody>
      </p:sp>
      <p:sp>
        <p:nvSpPr>
          <p:cNvPr id="3" name="Text Placeholder 2"/>
          <p:cNvSpPr>
            <a:spLocks noGrp="1"/>
          </p:cNvSpPr>
          <p:nvPr>
            <p:ph type="body" idx="1"/>
          </p:nvPr>
        </p:nvSpPr>
        <p:spPr>
          <a:xfrm>
            <a:off x="838200" y="1219200"/>
            <a:ext cx="10515600" cy="4957763"/>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Rectangle 8"/>
          <p:cNvSpPr/>
          <p:nvPr userDrawn="1"/>
        </p:nvSpPr>
        <p:spPr>
          <a:xfrm>
            <a:off x="0" y="6305911"/>
            <a:ext cx="12192000" cy="55209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bIns="9144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3200" b="0" i="0" u="none" strike="noStrike" kern="1200" cap="none" spc="150" normalizeH="0" baseline="0" noProof="0" dirty="0">
                <a:ln>
                  <a:noFill/>
                </a:ln>
                <a:solidFill>
                  <a:prstClr val="white">
                    <a:lumMod val="75000"/>
                  </a:prstClr>
                </a:solidFill>
                <a:effectLst/>
                <a:uLnTx/>
                <a:uFillTx/>
                <a:latin typeface="+mn-lt"/>
                <a:ea typeface="+mn-ea"/>
                <a:cs typeface="+mn-cs"/>
              </a:rPr>
              <a:t>www.</a:t>
            </a:r>
            <a:r>
              <a:rPr kumimoji="0" lang="en-US" sz="3200" b="0" i="0" u="none" strike="noStrike" kern="1200" cap="none" spc="150" normalizeH="0" baseline="0" noProof="0" dirty="0">
                <a:ln>
                  <a:noFill/>
                </a:ln>
                <a:solidFill>
                  <a:prstClr val="black">
                    <a:lumMod val="85000"/>
                    <a:lumOff val="15000"/>
                  </a:prstClr>
                </a:solidFill>
                <a:effectLst/>
                <a:uLnTx/>
                <a:uFillTx/>
                <a:latin typeface="+mn-lt"/>
                <a:ea typeface="+mn-ea"/>
                <a:cs typeface="+mn-cs"/>
              </a:rPr>
              <a:t>presentationgo</a:t>
            </a:r>
            <a:r>
              <a:rPr kumimoji="0" lang="en-US" sz="3200" b="0" i="0" u="none" strike="noStrike" kern="1200" cap="none" spc="150" normalizeH="0" baseline="0" noProof="0" dirty="0">
                <a:ln>
                  <a:noFill/>
                </a:ln>
                <a:solidFill>
                  <a:prstClr val="white">
                    <a:lumMod val="75000"/>
                  </a:prstClr>
                </a:solidFill>
                <a:effectLst/>
                <a:uLnTx/>
                <a:uFillTx/>
                <a:latin typeface="+mn-lt"/>
                <a:ea typeface="+mn-ea"/>
                <a:cs typeface="+mn-cs"/>
              </a:rPr>
              <a:t>.com</a:t>
            </a:r>
          </a:p>
        </p:txBody>
      </p:sp>
      <p:sp>
        <p:nvSpPr>
          <p:cNvPr id="23" name="Freeform 22"/>
          <p:cNvSpPr/>
          <p:nvPr userDrawn="1"/>
        </p:nvSpPr>
        <p:spPr>
          <a:xfrm rot="5400000">
            <a:off x="183153" y="21288"/>
            <a:ext cx="369496" cy="761203"/>
          </a:xfrm>
          <a:custGeom>
            <a:avLst/>
            <a:gdLst>
              <a:gd name="connsiteX0" fmla="*/ 210916 w 1034764"/>
              <a:gd name="connsiteY0" fmla="*/ 535701 h 1598797"/>
              <a:gd name="connsiteX1" fmla="*/ 331908 w 1034764"/>
              <a:gd name="connsiteY1" fmla="*/ 284049 h 1598797"/>
              <a:gd name="connsiteX2" fmla="*/ 741774 w 1034764"/>
              <a:gd name="connsiteY2" fmla="*/ 315409 h 1598797"/>
              <a:gd name="connsiteX3" fmla="*/ 403935 w 1034764"/>
              <a:gd name="connsiteY3" fmla="*/ 375418 h 1598797"/>
              <a:gd name="connsiteX4" fmla="*/ 266699 w 1034764"/>
              <a:gd name="connsiteY4" fmla="*/ 689905 h 1598797"/>
              <a:gd name="connsiteX5" fmla="*/ 266698 w 1034764"/>
              <a:gd name="connsiteY5" fmla="*/ 689907 h 1598797"/>
              <a:gd name="connsiteX6" fmla="*/ 210916 w 1034764"/>
              <a:gd name="connsiteY6" fmla="*/ 535701 h 1598797"/>
              <a:gd name="connsiteX7" fmla="*/ 134938 w 1034764"/>
              <a:gd name="connsiteY7" fmla="*/ 517381 h 1598797"/>
              <a:gd name="connsiteX8" fmla="*/ 517383 w 1034764"/>
              <a:gd name="connsiteY8" fmla="*/ 899826 h 1598797"/>
              <a:gd name="connsiteX9" fmla="*/ 899828 w 1034764"/>
              <a:gd name="connsiteY9" fmla="*/ 517381 h 1598797"/>
              <a:gd name="connsiteX10" fmla="*/ 517383 w 1034764"/>
              <a:gd name="connsiteY10" fmla="*/ 134936 h 1598797"/>
              <a:gd name="connsiteX11" fmla="*/ 134938 w 1034764"/>
              <a:gd name="connsiteY11" fmla="*/ 517381 h 1598797"/>
              <a:gd name="connsiteX12" fmla="*/ 0 w 1034764"/>
              <a:gd name="connsiteY12" fmla="*/ 517382 h 1598797"/>
              <a:gd name="connsiteX13" fmla="*/ 517382 w 1034764"/>
              <a:gd name="connsiteY13" fmla="*/ 0 h 1598797"/>
              <a:gd name="connsiteX14" fmla="*/ 1034764 w 1034764"/>
              <a:gd name="connsiteY14" fmla="*/ 517382 h 1598797"/>
              <a:gd name="connsiteX15" fmla="*/ 621653 w 1034764"/>
              <a:gd name="connsiteY15" fmla="*/ 1024253 h 1598797"/>
              <a:gd name="connsiteX16" fmla="*/ 620527 w 1034764"/>
              <a:gd name="connsiteY16" fmla="*/ 1024366 h 1598797"/>
              <a:gd name="connsiteX17" fmla="*/ 662992 w 1034764"/>
              <a:gd name="connsiteY17" fmla="*/ 1598797 h 1598797"/>
              <a:gd name="connsiteX18" fmla="*/ 371775 w 1034764"/>
              <a:gd name="connsiteY18" fmla="*/ 1598797 h 1598797"/>
              <a:gd name="connsiteX19" fmla="*/ 414241 w 1034764"/>
              <a:gd name="connsiteY19" fmla="*/ 1024367 h 1598797"/>
              <a:gd name="connsiteX20" fmla="*/ 413112 w 1034764"/>
              <a:gd name="connsiteY20" fmla="*/ 1024253 h 1598797"/>
              <a:gd name="connsiteX21" fmla="*/ 0 w 1034764"/>
              <a:gd name="connsiteY21" fmla="*/ 517382 h 15987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1034764" h="1598797">
                <a:moveTo>
                  <a:pt x="210916" y="535701"/>
                </a:moveTo>
                <a:cubicBezTo>
                  <a:pt x="207764" y="443901"/>
                  <a:pt x="249915" y="348683"/>
                  <a:pt x="331908" y="284049"/>
                </a:cubicBezTo>
                <a:cubicBezTo>
                  <a:pt x="463097" y="180634"/>
                  <a:pt x="646600" y="194675"/>
                  <a:pt x="741774" y="315409"/>
                </a:cubicBezTo>
                <a:cubicBezTo>
                  <a:pt x="631231" y="275026"/>
                  <a:pt x="502220" y="297941"/>
                  <a:pt x="403935" y="375418"/>
                </a:cubicBezTo>
                <a:cubicBezTo>
                  <a:pt x="305650" y="452895"/>
                  <a:pt x="253243" y="572989"/>
                  <a:pt x="266699" y="689905"/>
                </a:cubicBezTo>
                <a:lnTo>
                  <a:pt x="266698" y="689907"/>
                </a:lnTo>
                <a:cubicBezTo>
                  <a:pt x="231008" y="644631"/>
                  <a:pt x="212807" y="590781"/>
                  <a:pt x="210916" y="535701"/>
                </a:cubicBezTo>
                <a:close/>
                <a:moveTo>
                  <a:pt x="134938" y="517381"/>
                </a:moveTo>
                <a:cubicBezTo>
                  <a:pt x="134938" y="728600"/>
                  <a:pt x="306164" y="899826"/>
                  <a:pt x="517383" y="899826"/>
                </a:cubicBezTo>
                <a:cubicBezTo>
                  <a:pt x="728602" y="899826"/>
                  <a:pt x="899828" y="728600"/>
                  <a:pt x="899828" y="517381"/>
                </a:cubicBezTo>
                <a:cubicBezTo>
                  <a:pt x="899828" y="306162"/>
                  <a:pt x="728602" y="134936"/>
                  <a:pt x="517383" y="134936"/>
                </a:cubicBezTo>
                <a:cubicBezTo>
                  <a:pt x="306164" y="134936"/>
                  <a:pt x="134938" y="306162"/>
                  <a:pt x="134938" y="517381"/>
                </a:cubicBezTo>
                <a:close/>
                <a:moveTo>
                  <a:pt x="0" y="517382"/>
                </a:moveTo>
                <a:cubicBezTo>
                  <a:pt x="0" y="231640"/>
                  <a:pt x="231640" y="0"/>
                  <a:pt x="517382" y="0"/>
                </a:cubicBezTo>
                <a:cubicBezTo>
                  <a:pt x="803124" y="0"/>
                  <a:pt x="1034764" y="231640"/>
                  <a:pt x="1034764" y="517382"/>
                </a:cubicBezTo>
                <a:cubicBezTo>
                  <a:pt x="1034764" y="767406"/>
                  <a:pt x="857415" y="976008"/>
                  <a:pt x="621653" y="1024253"/>
                </a:cubicBezTo>
                <a:lnTo>
                  <a:pt x="620527" y="1024366"/>
                </a:lnTo>
                <a:lnTo>
                  <a:pt x="662992" y="1598797"/>
                </a:lnTo>
                <a:lnTo>
                  <a:pt x="371775" y="1598797"/>
                </a:lnTo>
                <a:lnTo>
                  <a:pt x="414241" y="1024367"/>
                </a:lnTo>
                <a:lnTo>
                  <a:pt x="413112" y="1024253"/>
                </a:lnTo>
                <a:cubicBezTo>
                  <a:pt x="177349" y="976008"/>
                  <a:pt x="0" y="767406"/>
                  <a:pt x="0" y="517382"/>
                </a:cubicBezTo>
                <a:close/>
              </a:path>
            </a:pathLst>
          </a:custGeom>
          <a:solidFill>
            <a:schemeClr val="bg1"/>
          </a:solidFill>
          <a:ln>
            <a:noFill/>
          </a:ln>
          <a:effectLst>
            <a:outerShdw blurRad="12700" dist="12700" dir="2700000" algn="tl" rotWithShape="0">
              <a:schemeClr val="bg1">
                <a:lumMod val="50000"/>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lvl="0" algn="ctr"/>
            <a:endParaRPr lang="en-US" sz="1800" dirty="0"/>
          </a:p>
        </p:txBody>
      </p:sp>
      <p:grpSp>
        <p:nvGrpSpPr>
          <p:cNvPr id="8" name="Group 7"/>
          <p:cNvGrpSpPr/>
          <p:nvPr userDrawn="1"/>
        </p:nvGrpSpPr>
        <p:grpSpPr>
          <a:xfrm>
            <a:off x="-2206544" y="-73804"/>
            <a:ext cx="1977374" cy="612144"/>
            <a:chOff x="-2096383" y="21447"/>
            <a:chExt cx="1483030" cy="612144"/>
          </a:xfrm>
        </p:grpSpPr>
        <p:sp>
          <p:nvSpPr>
            <p:cNvPr id="10" name="TextBox 9"/>
            <p:cNvSpPr txBox="1"/>
            <p:nvPr userDrawn="1"/>
          </p:nvSpPr>
          <p:spPr>
            <a:xfrm>
              <a:off x="-2096383" y="21447"/>
              <a:ext cx="259927" cy="246221"/>
            </a:xfrm>
            <a:prstGeom prst="rect">
              <a:avLst/>
            </a:prstGeom>
            <a:noFill/>
          </p:spPr>
          <p:txBody>
            <a:bodyPr wrap="none" rtlCol="0">
              <a:spAutoFit/>
            </a:bodyPr>
            <a:lstStyle/>
            <a:p>
              <a:r>
                <a:rPr lang="en-US" sz="1000" dirty="0">
                  <a:latin typeface="Open Sans" panose="020B0606030504020204" pitchFamily="34" charset="0"/>
                  <a:ea typeface="Open Sans" panose="020B0606030504020204" pitchFamily="34" charset="0"/>
                  <a:cs typeface="Open Sans" panose="020B0606030504020204" pitchFamily="34" charset="0"/>
                </a:rPr>
                <a:t>By:</a:t>
              </a:r>
            </a:p>
          </p:txBody>
        </p:sp>
        <p:sp>
          <p:nvSpPr>
            <p:cNvPr id="11" name="TextBox 10"/>
            <p:cNvSpPr txBox="1"/>
            <p:nvPr userDrawn="1"/>
          </p:nvSpPr>
          <p:spPr>
            <a:xfrm>
              <a:off x="-1002010" y="387370"/>
              <a:ext cx="330859" cy="246221"/>
            </a:xfrm>
            <a:prstGeom prst="rect">
              <a:avLst/>
            </a:prstGeom>
            <a:noFill/>
          </p:spPr>
          <p:txBody>
            <a:bodyPr wrap="none" rtlCol="0">
              <a:spAutoFit/>
            </a:bodyPr>
            <a:lstStyle/>
            <a:p>
              <a:r>
                <a:rPr lang="en-US" sz="1000" dirty="0">
                  <a:latin typeface="Open Sans" panose="020B0606030504020204" pitchFamily="34" charset="0"/>
                  <a:ea typeface="Open Sans" panose="020B0606030504020204" pitchFamily="34" charset="0"/>
                  <a:cs typeface="Open Sans" panose="020B0606030504020204" pitchFamily="34" charset="0"/>
                </a:rPr>
                <a:t>.com</a:t>
              </a:r>
            </a:p>
          </p:txBody>
        </p:sp>
        <p:pic>
          <p:nvPicPr>
            <p:cNvPr id="12" name="Picture 11"/>
            <p:cNvPicPr>
              <a:picLocks noChangeAspect="1"/>
            </p:cNvPicPr>
            <p:nvPr userDrawn="1"/>
          </p:nvPicPr>
          <p:blipFill>
            <a:blip r:embed="rId3"/>
            <a:stretch>
              <a:fillRect/>
            </a:stretch>
          </p:blipFill>
          <p:spPr>
            <a:xfrm>
              <a:off x="-2018604" y="234547"/>
              <a:ext cx="1405251" cy="185944"/>
            </a:xfrm>
            <a:prstGeom prst="rect">
              <a:avLst/>
            </a:prstGeom>
          </p:spPr>
        </p:pic>
      </p:grpSp>
      <p:sp>
        <p:nvSpPr>
          <p:cNvPr id="13" name="Rectangle 12"/>
          <p:cNvSpPr/>
          <p:nvPr userDrawn="1"/>
        </p:nvSpPr>
        <p:spPr>
          <a:xfrm>
            <a:off x="-118532" y="6959601"/>
            <a:ext cx="1486304" cy="261610"/>
          </a:xfrm>
          <a:prstGeom prst="rect">
            <a:avLst/>
          </a:prstGeom>
        </p:spPr>
        <p:txBody>
          <a:bodyPr wrap="none">
            <a:spAutoFit/>
          </a:bodyPr>
          <a:lstStyle/>
          <a:p>
            <a:r>
              <a:rPr lang="en-US" sz="1100" b="0" i="0" dirty="0">
                <a:solidFill>
                  <a:srgbClr val="555555"/>
                </a:solidFill>
                <a:effectLst/>
                <a:latin typeface="Open Sans" panose="020B0606030504020204" pitchFamily="34" charset="0"/>
              </a:rPr>
              <a:t>© </a:t>
            </a:r>
            <a:r>
              <a:rPr lang="en-US" sz="1100" b="0" i="0" u="none" strike="noStrike" dirty="0">
                <a:solidFill>
                  <a:srgbClr val="A5CD28"/>
                </a:solidFill>
                <a:effectLst/>
                <a:latin typeface="Open Sans" panose="020B0606030504020204" pitchFamily="34" charset="0"/>
                <a:hlinkClick r:id="rId4" tooltip="PresentationGo!"/>
              </a:rPr>
              <a:t>presentationgo.com</a:t>
            </a:r>
            <a:endParaRPr lang="en-US" sz="1100" dirty="0"/>
          </a:p>
        </p:txBody>
      </p:sp>
    </p:spTree>
    <p:extLst>
      <p:ext uri="{BB962C8B-B14F-4D97-AF65-F5344CB8AC3E}">
        <p14:creationId xmlns:p14="http://schemas.microsoft.com/office/powerpoint/2010/main" val="345180879"/>
      </p:ext>
    </p:extLst>
  </p:cSld>
  <p:clrMap bg1="lt1" tx1="dk1" bg2="lt2" tx2="dk2" accent1="accent1" accent2="accent2" accent3="accent3" accent4="accent4" accent5="accent5" accent6="accent6" hlink="hlink" folHlink="folHlink"/>
  <p:sldLayoutIdLst>
    <p:sldLayoutId id="2147483686" r:id="rId1"/>
  </p:sldLayoutIdLst>
  <p:txStyles>
    <p:titleStyle>
      <a:lvl1pPr algn="l" defTabSz="914400" rtl="0" eaLnBrk="1" latinLnBrk="0" hangingPunct="1">
        <a:lnSpc>
          <a:spcPct val="90000"/>
        </a:lnSpc>
        <a:spcBef>
          <a:spcPct val="0"/>
        </a:spcBef>
        <a:buNone/>
        <a:defRPr lang="en-US" sz="3600" b="1" kern="1200">
          <a:solidFill>
            <a:schemeClr val="tx1"/>
          </a:solidFill>
          <a:latin typeface="Helvetica" panose="020B0500000000000000" pitchFamily="34" charset="0"/>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400" kern="1200">
          <a:solidFill>
            <a:schemeClr val="tx1"/>
          </a:solidFill>
          <a:latin typeface="+mj-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j-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j-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mj-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600" kern="1200">
          <a:solidFill>
            <a:schemeClr val="tx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4059743019"/>
      </p:ext>
    </p:extLst>
  </p:cSld>
  <p:clrMap bg1="lt1" tx1="dk1" bg2="lt2" tx2="dk2" accent1="accent1" accent2="accent2" accent3="accent3" accent4="accent4" accent5="accent5" accent6="accent6" hlink="hlink" folHlink="folHlink"/>
  <p:sldLayoutIdLst>
    <p:sldLayoutId id="2147483688" r:id="rId1"/>
  </p:sldLayoutIdLst>
  <p:txStyles>
    <p:titleStyle>
      <a:lvl1pPr algn="ctr" rtl="0" eaLnBrk="0" fontAlgn="base" hangingPunct="0">
        <a:spcBef>
          <a:spcPct val="0"/>
        </a:spcBef>
        <a:spcAft>
          <a:spcPct val="0"/>
        </a:spcAft>
        <a:defRPr sz="4400" kern="1200">
          <a:solidFill>
            <a:schemeClr val="tx1"/>
          </a:solidFill>
          <a:latin typeface="+mj-lt"/>
          <a:ea typeface="+mj-ea"/>
          <a:cs typeface="+mj-cs"/>
        </a:defRPr>
      </a:lvl1pPr>
      <a:lvl2pPr algn="ctr" rtl="0" eaLnBrk="0" fontAlgn="base" hangingPunct="0">
        <a:spcBef>
          <a:spcPct val="0"/>
        </a:spcBef>
        <a:spcAft>
          <a:spcPct val="0"/>
        </a:spcAft>
        <a:defRPr sz="4400">
          <a:solidFill>
            <a:schemeClr val="tx1"/>
          </a:solidFill>
          <a:latin typeface="Calibri" charset="0"/>
        </a:defRPr>
      </a:lvl2pPr>
      <a:lvl3pPr algn="ctr" rtl="0" eaLnBrk="0" fontAlgn="base" hangingPunct="0">
        <a:spcBef>
          <a:spcPct val="0"/>
        </a:spcBef>
        <a:spcAft>
          <a:spcPct val="0"/>
        </a:spcAft>
        <a:defRPr sz="4400">
          <a:solidFill>
            <a:schemeClr val="tx1"/>
          </a:solidFill>
          <a:latin typeface="Calibri" charset="0"/>
        </a:defRPr>
      </a:lvl3pPr>
      <a:lvl4pPr algn="ctr" rtl="0" eaLnBrk="0" fontAlgn="base" hangingPunct="0">
        <a:spcBef>
          <a:spcPct val="0"/>
        </a:spcBef>
        <a:spcAft>
          <a:spcPct val="0"/>
        </a:spcAft>
        <a:defRPr sz="4400">
          <a:solidFill>
            <a:schemeClr val="tx1"/>
          </a:solidFill>
          <a:latin typeface="Calibri" charset="0"/>
        </a:defRPr>
      </a:lvl4pPr>
      <a:lvl5pPr algn="ctr" rtl="0" eaLnBrk="0" fontAlgn="base" hangingPunct="0">
        <a:spcBef>
          <a:spcPct val="0"/>
        </a:spcBef>
        <a:spcAft>
          <a:spcPct val="0"/>
        </a:spcAft>
        <a:defRPr sz="4400">
          <a:solidFill>
            <a:schemeClr val="tx1"/>
          </a:solidFill>
          <a:latin typeface="Calibri" charset="0"/>
        </a:defRPr>
      </a:lvl5pPr>
      <a:lvl6pPr marL="457200" algn="ctr" rtl="0" fontAlgn="base">
        <a:spcBef>
          <a:spcPct val="0"/>
        </a:spcBef>
        <a:spcAft>
          <a:spcPct val="0"/>
        </a:spcAft>
        <a:defRPr sz="4400">
          <a:solidFill>
            <a:schemeClr val="tx1"/>
          </a:solidFill>
          <a:latin typeface="Calibri" charset="0"/>
        </a:defRPr>
      </a:lvl6pPr>
      <a:lvl7pPr marL="914400" algn="ctr" rtl="0" fontAlgn="base">
        <a:spcBef>
          <a:spcPct val="0"/>
        </a:spcBef>
        <a:spcAft>
          <a:spcPct val="0"/>
        </a:spcAft>
        <a:defRPr sz="4400">
          <a:solidFill>
            <a:schemeClr val="tx1"/>
          </a:solidFill>
          <a:latin typeface="Calibri" charset="0"/>
        </a:defRPr>
      </a:lvl7pPr>
      <a:lvl8pPr marL="1371600" algn="ctr" rtl="0" fontAlgn="base">
        <a:spcBef>
          <a:spcPct val="0"/>
        </a:spcBef>
        <a:spcAft>
          <a:spcPct val="0"/>
        </a:spcAft>
        <a:defRPr sz="4400">
          <a:solidFill>
            <a:schemeClr val="tx1"/>
          </a:solidFill>
          <a:latin typeface="Calibri" charset="0"/>
        </a:defRPr>
      </a:lvl8pPr>
      <a:lvl9pPr marL="1828800" algn="ctr" rtl="0" fontAlgn="base">
        <a:spcBef>
          <a:spcPct val="0"/>
        </a:spcBef>
        <a:spcAft>
          <a:spcPct val="0"/>
        </a:spcAft>
        <a:defRPr sz="4400">
          <a:solidFill>
            <a:schemeClr val="tx1"/>
          </a:solidFill>
          <a:latin typeface="Calibri" charset="0"/>
        </a:defRPr>
      </a:lvl9pPr>
    </p:titleStyle>
    <p:bodyStyle>
      <a:lvl1pPr marL="342900" indent="-342900" algn="l" rtl="0" eaLnBrk="0" fontAlgn="base" hangingPunct="0">
        <a:spcBef>
          <a:spcPct val="20000"/>
        </a:spcBef>
        <a:spcAft>
          <a:spcPct val="0"/>
        </a:spcAft>
        <a:buFont typeface="Arial" panose="020B0604020202020204" pitchFamily="34" charset="0"/>
        <a:buChar char="•"/>
        <a:defRPr sz="3200" kern="1200">
          <a:solidFill>
            <a:schemeClr val="tx1"/>
          </a:solidFill>
          <a:latin typeface="+mn-lt"/>
          <a:ea typeface="+mn-ea"/>
          <a:cs typeface="+mn-cs"/>
        </a:defRPr>
      </a:lvl1pPr>
      <a:lvl2pPr marL="742950" indent="-285750" algn="l" rtl="0" eaLnBrk="0" fontAlgn="base" hangingPunct="0">
        <a:spcBef>
          <a:spcPct val="20000"/>
        </a:spcBef>
        <a:spcAft>
          <a:spcPct val="0"/>
        </a:spcAft>
        <a:buFont typeface="Arial" panose="020B0604020202020204" pitchFamily="34" charset="0"/>
        <a:buChar char="–"/>
        <a:defRPr sz="2800" kern="1200">
          <a:solidFill>
            <a:schemeClr val="tx1"/>
          </a:solidFill>
          <a:latin typeface="+mn-lt"/>
          <a:ea typeface="+mn-ea"/>
          <a:cs typeface="+mn-cs"/>
        </a:defRPr>
      </a:lvl2pPr>
      <a:lvl3pPr marL="1143000" indent="-228600" algn="l" rtl="0" eaLnBrk="0" fontAlgn="base" hangingPunct="0">
        <a:spcBef>
          <a:spcPct val="20000"/>
        </a:spcBef>
        <a:spcAft>
          <a:spcPct val="0"/>
        </a:spcAft>
        <a:buFont typeface="Arial" panose="020B0604020202020204" pitchFamily="34" charset="0"/>
        <a:buChar char="•"/>
        <a:defRPr sz="2400" kern="1200">
          <a:solidFill>
            <a:schemeClr val="tx1"/>
          </a:solidFill>
          <a:latin typeface="+mn-lt"/>
          <a:ea typeface="+mn-ea"/>
          <a:cs typeface="+mn-cs"/>
        </a:defRPr>
      </a:lvl3pPr>
      <a:lvl4pPr marL="1600200" indent="-228600" algn="l" rtl="0" eaLnBrk="0" fontAlgn="base" hangingPunct="0">
        <a:spcBef>
          <a:spcPct val="20000"/>
        </a:spcBef>
        <a:spcAft>
          <a:spcPct val="0"/>
        </a:spcAft>
        <a:buFont typeface="Arial" panose="020B0604020202020204" pitchFamily="34" charset="0"/>
        <a:buChar char="–"/>
        <a:defRPr sz="2000" kern="1200">
          <a:solidFill>
            <a:schemeClr val="tx1"/>
          </a:solidFill>
          <a:latin typeface="+mn-lt"/>
          <a:ea typeface="+mn-ea"/>
          <a:cs typeface="+mn-cs"/>
        </a:defRPr>
      </a:lvl4pPr>
      <a:lvl5pPr marL="2057400" indent="-228600" algn="l" rtl="0" eaLnBrk="0" fontAlgn="base" hangingPunct="0">
        <a:spcBef>
          <a:spcPct val="20000"/>
        </a:spcBef>
        <a:spcAft>
          <a:spcPct val="0"/>
        </a:spcAft>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xml"/><Relationship Id="rId1" Type="http://schemas.openxmlformats.org/officeDocument/2006/relationships/slideLayout" Target="../slideLayouts/slideLayout25.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8.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8.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8.xml"/></Relationships>
</file>

<file path=ppt/slides/_rels/slide25.xml.rels><?xml version="1.0" encoding="UTF-8" standalone="yes"?>
<Relationships xmlns="http://schemas.openxmlformats.org/package/2006/relationships"><Relationship Id="rId2" Type="http://schemas.openxmlformats.org/officeDocument/2006/relationships/hyperlink" Target="http://slidemodel.com/account/plans/?utm_source=free&amp;utm_medium=button&amp;utm_campaign=freetemplate" TargetMode="External"/><Relationship Id="rId1" Type="http://schemas.openxmlformats.org/officeDocument/2006/relationships/slideLayout" Target="../slideLayouts/slideLayout18.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5.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slideLayout" Target="../slideLayouts/slideLayout6.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2.xml.rels><?xml version="1.0" encoding="UTF-8" standalone="yes"?>
<Relationships xmlns="http://schemas.openxmlformats.org/package/2006/relationships"><Relationship Id="rId3" Type="http://schemas.openxmlformats.org/officeDocument/2006/relationships/hyperlink" Target="mailto:strategy@unaids.org" TargetMode="External"/><Relationship Id="rId2" Type="http://schemas.openxmlformats.org/officeDocument/2006/relationships/hyperlink" Target="https://www.surveymonkey.com/r/3HC9Q6M" TargetMode="External"/><Relationship Id="rId1" Type="http://schemas.openxmlformats.org/officeDocument/2006/relationships/slideLayout" Target="../slideLayouts/slideLayout18.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9.xml.rels><?xml version="1.0" encoding="UTF-8" standalone="yes"?>
<Relationships xmlns="http://schemas.openxmlformats.org/package/2006/relationships"><Relationship Id="rId2" Type="http://schemas.openxmlformats.org/officeDocument/2006/relationships/hyperlink" Target="mailto:strategyteam@unaids.org" TargetMode="External"/><Relationship Id="rId1" Type="http://schemas.openxmlformats.org/officeDocument/2006/relationships/slideLayout" Target="../slideLayouts/slideLayout18.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3" Type="http://schemas.openxmlformats.org/officeDocument/2006/relationships/hyperlink" Target="http://slidemodel.com/account/plans/?utm_source=free&amp;utm_medium=button&amp;utm_campaign=freetemplate" TargetMode="External"/><Relationship Id="rId2" Type="http://schemas.openxmlformats.org/officeDocument/2006/relationships/notesSlide" Target="../notesSlides/notesSlide3.xml"/><Relationship Id="rId1" Type="http://schemas.openxmlformats.org/officeDocument/2006/relationships/slideLayout" Target="../slideLayouts/slideLayout18.xml"/></Relationships>
</file>

<file path=ppt/slides/_rels/slide9.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Layout" Target="../slideLayouts/slideLayout18.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rgbClr val="B3499B"/>
        </a:solidFill>
        <a:effectLst/>
      </p:bgPr>
    </p:bg>
    <p:spTree>
      <p:nvGrpSpPr>
        <p:cNvPr id="1" name=""/>
        <p:cNvGrpSpPr/>
        <p:nvPr/>
      </p:nvGrpSpPr>
      <p:grpSpPr>
        <a:xfrm>
          <a:off x="0" y="0"/>
          <a:ext cx="0" cy="0"/>
          <a:chOff x="0" y="0"/>
          <a:chExt cx="0" cy="0"/>
        </a:xfrm>
      </p:grpSpPr>
      <p:pic>
        <p:nvPicPr>
          <p:cNvPr id="7170" name="Image 2" descr="Une image contenant dessin&#10;&#10;Description générée automatiquement">
            <a:extLst>
              <a:ext uri="{FF2B5EF4-FFF2-40B4-BE49-F238E27FC236}">
                <a16:creationId xmlns:a16="http://schemas.microsoft.com/office/drawing/2014/main" xmlns="" id="{563255A9-2EF3-4F7C-A597-485B1F395FE8}"/>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524000" y="0"/>
            <a:ext cx="9144000" cy="6858000"/>
          </a:xfrm>
          <a:prstGeom prst="rect">
            <a:avLst/>
          </a:prstGeom>
          <a:solidFill>
            <a:srgbClr val="2555A6"/>
          </a:solidFill>
          <a:ln>
            <a:noFill/>
          </a:ln>
        </p:spPr>
      </p:pic>
      <p:sp>
        <p:nvSpPr>
          <p:cNvPr id="7171" name="Text Placeholder 6">
            <a:extLst>
              <a:ext uri="{FF2B5EF4-FFF2-40B4-BE49-F238E27FC236}">
                <a16:creationId xmlns:a16="http://schemas.microsoft.com/office/drawing/2014/main" xmlns="" id="{213FA936-BE99-4FC0-8303-50D21128DC54}"/>
              </a:ext>
            </a:extLst>
          </p:cNvPr>
          <p:cNvSpPr txBox="1">
            <a:spLocks/>
          </p:cNvSpPr>
          <p:nvPr/>
        </p:nvSpPr>
        <p:spPr bwMode="auto">
          <a:xfrm>
            <a:off x="2070100" y="309278"/>
            <a:ext cx="3293470" cy="5381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a:solidFill>
                  <a:schemeClr val="tx1"/>
                </a:solidFill>
                <a:latin typeface="Arial" panose="020B0604020202020204" pitchFamily="34" charset="0"/>
                <a:ea typeface="MS PGothic" panose="020B0600070205080204" pitchFamily="34" charset="-128"/>
              </a:defRPr>
            </a:lvl1pPr>
            <a:lvl2pPr marL="742950" indent="-285750">
              <a:defRPr>
                <a:solidFill>
                  <a:schemeClr val="tx1"/>
                </a:solidFill>
                <a:latin typeface="Arial" panose="020B0604020202020204" pitchFamily="34" charset="0"/>
                <a:ea typeface="MS PGothic" panose="020B0600070205080204" pitchFamily="34" charset="-128"/>
              </a:defRPr>
            </a:lvl2pPr>
            <a:lvl3pPr marL="1143000" indent="-228600">
              <a:defRPr>
                <a:solidFill>
                  <a:schemeClr val="tx1"/>
                </a:solidFill>
                <a:latin typeface="Arial" panose="020B0604020202020204" pitchFamily="34" charset="0"/>
                <a:ea typeface="MS PGothic" panose="020B0600070205080204" pitchFamily="34" charset="-128"/>
              </a:defRPr>
            </a:lvl3pPr>
            <a:lvl4pPr marL="1600200" indent="-228600">
              <a:defRPr>
                <a:solidFill>
                  <a:schemeClr val="tx1"/>
                </a:solidFill>
                <a:latin typeface="Arial" panose="020B0604020202020204" pitchFamily="34" charset="0"/>
                <a:ea typeface="MS PGothic" panose="020B0600070205080204" pitchFamily="34" charset="-128"/>
              </a:defRPr>
            </a:lvl4pPr>
            <a:lvl5pPr marL="2057400" indent="-228600">
              <a:defRPr>
                <a:solidFill>
                  <a:schemeClr val="tx1"/>
                </a:solidFill>
                <a:latin typeface="Arial" panose="020B0604020202020204" pitchFamily="34" charset="0"/>
                <a:ea typeface="MS PGothic" panose="020B0600070205080204" pitchFamily="34" charset="-128"/>
              </a:defRPr>
            </a:lvl5pPr>
            <a:lvl6pPr marL="25146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6pPr>
            <a:lvl7pPr marL="29718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7pPr>
            <a:lvl8pPr marL="34290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8pPr>
            <a:lvl9pPr marL="3886200" indent="-228600" defTabSz="457200" eaLnBrk="0" fontAlgn="base" hangingPunct="0">
              <a:spcBef>
                <a:spcPct val="0"/>
              </a:spcBef>
              <a:spcAft>
                <a:spcPct val="0"/>
              </a:spcAft>
              <a:defRPr>
                <a:solidFill>
                  <a:schemeClr val="tx1"/>
                </a:solidFill>
                <a:latin typeface="Arial" panose="020B0604020202020204" pitchFamily="34" charset="0"/>
                <a:ea typeface="MS PGothic" panose="020B0600070205080204" pitchFamily="34" charset="-128"/>
              </a:defRPr>
            </a:lvl9pPr>
          </a:lstStyle>
          <a:p>
            <a:pPr defTabSz="457200" fontAlgn="base">
              <a:lnSpc>
                <a:spcPct val="120000"/>
              </a:lnSpc>
              <a:spcBef>
                <a:spcPct val="20000"/>
              </a:spcBef>
              <a:spcAft>
                <a:spcPct val="0"/>
              </a:spcAft>
            </a:pPr>
            <a:r>
              <a:rPr lang="en-US" altLang="en-US" sz="2000" b="1" dirty="0" smtClean="0">
                <a:solidFill>
                  <a:prstClr val="white"/>
                </a:solidFill>
                <a:cs typeface="Arial" panose="020B0604020202020204" pitchFamily="34" charset="0"/>
              </a:rPr>
              <a:t>ONUSIDA </a:t>
            </a:r>
            <a:r>
              <a:rPr lang="en-US" altLang="en-US" sz="2000" b="1" dirty="0">
                <a:solidFill>
                  <a:prstClr val="white"/>
                </a:solidFill>
                <a:cs typeface="Arial" panose="020B0604020202020204" pitchFamily="34" charset="0"/>
              </a:rPr>
              <a:t>| </a:t>
            </a:r>
            <a:r>
              <a:rPr lang="es-VE" altLang="en-US" sz="2000" b="1" dirty="0" smtClean="0">
                <a:solidFill>
                  <a:prstClr val="white"/>
                </a:solidFill>
                <a:cs typeface="Arial" panose="020B0604020202020204" pitchFamily="34" charset="0"/>
              </a:rPr>
              <a:t>Junio</a:t>
            </a:r>
            <a:r>
              <a:rPr lang="en-US" altLang="en-US" sz="2000" b="1" dirty="0" smtClean="0">
                <a:solidFill>
                  <a:prstClr val="white"/>
                </a:solidFill>
                <a:cs typeface="Arial" panose="020B0604020202020204" pitchFamily="34" charset="0"/>
              </a:rPr>
              <a:t> </a:t>
            </a:r>
            <a:r>
              <a:rPr lang="en-US" altLang="en-US" sz="2000" b="1" dirty="0" smtClean="0">
                <a:solidFill>
                  <a:prstClr val="white"/>
                </a:solidFill>
                <a:cs typeface="Arial" panose="020B0604020202020204" pitchFamily="34" charset="0"/>
              </a:rPr>
              <a:t>de </a:t>
            </a:r>
            <a:r>
              <a:rPr lang="en-US" altLang="en-US" sz="2000" b="1" dirty="0">
                <a:solidFill>
                  <a:prstClr val="white"/>
                </a:solidFill>
                <a:cs typeface="Arial" panose="020B0604020202020204" pitchFamily="34" charset="0"/>
              </a:rPr>
              <a:t>2020</a:t>
            </a:r>
          </a:p>
        </p:txBody>
      </p:sp>
      <p:sp>
        <p:nvSpPr>
          <p:cNvPr id="2" name="TextBox 1">
            <a:extLst>
              <a:ext uri="{FF2B5EF4-FFF2-40B4-BE49-F238E27FC236}">
                <a16:creationId xmlns:a16="http://schemas.microsoft.com/office/drawing/2014/main" xmlns="" id="{38FCE82C-900A-B04C-BA0F-E19DADEB986B}"/>
              </a:ext>
            </a:extLst>
          </p:cNvPr>
          <p:cNvSpPr txBox="1"/>
          <p:nvPr/>
        </p:nvSpPr>
        <p:spPr>
          <a:xfrm>
            <a:off x="756852" y="4107051"/>
            <a:ext cx="9911148" cy="553998"/>
          </a:xfrm>
          <a:prstGeom prst="rect">
            <a:avLst/>
          </a:prstGeom>
          <a:noFill/>
        </p:spPr>
        <p:txBody>
          <a:bodyPr wrap="square" rtlCol="0">
            <a:spAutoFit/>
          </a:bodyPr>
          <a:lstStyle/>
          <a:p>
            <a:pPr algn="r"/>
            <a:r>
              <a:rPr lang="en-US" sz="3000" dirty="0" smtClean="0">
                <a:solidFill>
                  <a:schemeClr val="bg1"/>
                </a:solidFill>
              </a:rPr>
              <a:t>Cómo entablar discusiones en un grupo de enfoque</a:t>
            </a:r>
            <a:endParaRPr lang="en-US" sz="3000" dirty="0">
              <a:solidFill>
                <a:schemeClr val="bg1"/>
              </a:solidFill>
            </a:endParaRPr>
          </a:p>
        </p:txBody>
      </p:sp>
      <p:sp>
        <p:nvSpPr>
          <p:cNvPr id="3" name="CuadroTexto 2"/>
          <p:cNvSpPr txBox="1"/>
          <p:nvPr/>
        </p:nvSpPr>
        <p:spPr>
          <a:xfrm>
            <a:off x="1735811" y="1678675"/>
            <a:ext cx="5388319" cy="1846659"/>
          </a:xfrm>
          <a:prstGeom prst="rect">
            <a:avLst/>
          </a:prstGeom>
          <a:solidFill>
            <a:srgbClr val="E31936"/>
          </a:solidFill>
        </p:spPr>
        <p:txBody>
          <a:bodyPr wrap="square" rtlCol="0">
            <a:spAutoFit/>
          </a:bodyPr>
          <a:lstStyle/>
          <a:p>
            <a:r>
              <a:rPr lang="es-VE" sz="3800" b="1" dirty="0" smtClean="0">
                <a:solidFill>
                  <a:schemeClr val="bg1"/>
                </a:solidFill>
              </a:rPr>
              <a:t>DESARROLLO </a:t>
            </a:r>
            <a:br>
              <a:rPr lang="es-VE" sz="3800" b="1" dirty="0" smtClean="0">
                <a:solidFill>
                  <a:schemeClr val="bg1"/>
                </a:solidFill>
              </a:rPr>
            </a:br>
            <a:r>
              <a:rPr lang="es-VE" sz="3800" b="1" dirty="0" smtClean="0">
                <a:solidFill>
                  <a:schemeClr val="bg1"/>
                </a:solidFill>
              </a:rPr>
              <a:t>DE LA ESTRATEGIA DE ONUSIDA</a:t>
            </a:r>
            <a:endParaRPr lang="es-VE" sz="3800" b="1" dirty="0">
              <a:solidFill>
                <a:schemeClr val="bg1"/>
              </a:solidFill>
            </a:endParaRPr>
          </a:p>
        </p:txBody>
      </p:sp>
    </p:spTree>
    <p:extLst>
      <p:ext uri="{BB962C8B-B14F-4D97-AF65-F5344CB8AC3E}">
        <p14:creationId xmlns:p14="http://schemas.microsoft.com/office/powerpoint/2010/main" val="339951400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xmlns="" id="{586F2D36-523F-4A9D-98EE-FAB24DA8A47A}"/>
              </a:ext>
            </a:extLst>
          </p:cNvPr>
          <p:cNvSpPr>
            <a:spLocks noGrp="1"/>
          </p:cNvSpPr>
          <p:nvPr>
            <p:ph type="title"/>
          </p:nvPr>
        </p:nvSpPr>
        <p:spPr>
          <a:solidFill>
            <a:schemeClr val="accent4"/>
          </a:solidFill>
        </p:spPr>
        <p:txBody>
          <a:bodyPr/>
          <a:lstStyle/>
          <a:p>
            <a:pPr algn="ctr"/>
            <a:r>
              <a:rPr lang="en-ZA" b="1" dirty="0" smtClean="0">
                <a:solidFill>
                  <a:schemeClr val="bg1"/>
                </a:solidFill>
              </a:rPr>
              <a:t>Antes de seguir adelante…</a:t>
            </a:r>
            <a:endParaRPr lang="en-ZA" b="1" dirty="0">
              <a:solidFill>
                <a:schemeClr val="bg1"/>
              </a:solidFill>
            </a:endParaRPr>
          </a:p>
        </p:txBody>
      </p:sp>
      <p:sp>
        <p:nvSpPr>
          <p:cNvPr id="5" name="Rectangle 4">
            <a:extLst>
              <a:ext uri="{FF2B5EF4-FFF2-40B4-BE49-F238E27FC236}">
                <a16:creationId xmlns:a16="http://schemas.microsoft.com/office/drawing/2014/main" xmlns="" id="{2869AF15-E3F6-4B40-B72E-D151189C0829}"/>
              </a:ext>
            </a:extLst>
          </p:cNvPr>
          <p:cNvSpPr/>
          <p:nvPr/>
        </p:nvSpPr>
        <p:spPr>
          <a:xfrm>
            <a:off x="1731335" y="2474749"/>
            <a:ext cx="8729330" cy="3638432"/>
          </a:xfrm>
          <a:prstGeom prst="rect">
            <a:avLst/>
          </a:prstGeom>
        </p:spPr>
        <p:txBody>
          <a:bodyPr wrap="square">
            <a:spAutoFit/>
          </a:bodyPr>
          <a:lstStyle/>
          <a:p>
            <a:pPr algn="ctr">
              <a:lnSpc>
                <a:spcPct val="107000"/>
              </a:lnSpc>
              <a:spcAft>
                <a:spcPts val="600"/>
              </a:spcAft>
            </a:pPr>
            <a:r>
              <a:rPr lang="en-ZA" sz="2400" b="1" dirty="0" smtClean="0">
                <a:solidFill>
                  <a:schemeClr val="accent2"/>
                </a:solidFill>
                <a:latin typeface="Arial" panose="020B0604020202020204" pitchFamily="34" charset="0"/>
                <a:ea typeface="Times New Roman" panose="02020603050405020304" pitchFamily="18" charset="0"/>
                <a:cs typeface="Times New Roman" panose="02020603050405020304" pitchFamily="18" charset="0"/>
              </a:rPr>
              <a:t>¿Tienes alguna pregunta? </a:t>
            </a:r>
            <a:endPar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endParaRPr>
          </a:p>
          <a:p>
            <a:pPr algn="ctr">
              <a:lnSpc>
                <a:spcPct val="107000"/>
              </a:lnSpc>
              <a:spcAft>
                <a:spcPts val="600"/>
              </a:spcAft>
            </a:pPr>
            <a:r>
              <a:rPr lang="en-ZA" sz="2400" b="1" dirty="0" smtClean="0">
                <a:solidFill>
                  <a:schemeClr val="accent2"/>
                </a:solidFill>
                <a:latin typeface="Arial" panose="020B0604020202020204" pitchFamily="34" charset="0"/>
                <a:ea typeface="Times New Roman" panose="02020603050405020304" pitchFamily="18" charset="0"/>
                <a:cs typeface="Times New Roman" panose="02020603050405020304" pitchFamily="18" charset="0"/>
              </a:rPr>
              <a:t>¿Necesitas apoyo para organizar una discusión?</a:t>
            </a:r>
            <a:endPar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endParaRPr>
          </a:p>
          <a:p>
            <a:pPr algn="ctr">
              <a:lnSpc>
                <a:spcPct val="107000"/>
              </a:lnSpc>
              <a:spcAft>
                <a:spcPts val="600"/>
              </a:spcAft>
            </a:pPr>
            <a:r>
              <a:rPr lang="en-ZA" sz="2400" b="1" dirty="0" smtClean="0">
                <a:solidFill>
                  <a:schemeClr val="accent2"/>
                </a:solidFill>
                <a:latin typeface="Arial" panose="020B0604020202020204" pitchFamily="34" charset="0"/>
                <a:ea typeface="Times New Roman" panose="02020603050405020304" pitchFamily="18" charset="0"/>
                <a:cs typeface="Times New Roman" panose="02020603050405020304" pitchFamily="18" charset="0"/>
              </a:rPr>
              <a:t>¿Quieres sugerir algún tema?</a:t>
            </a:r>
            <a:endPar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endParaRPr>
          </a:p>
          <a:p>
            <a:pPr algn="ctr">
              <a:lnSpc>
                <a:spcPct val="107000"/>
              </a:lnSpc>
              <a:spcAft>
                <a:spcPts val="600"/>
              </a:spcAft>
            </a:pPr>
            <a:endPar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endParaRPr>
          </a:p>
          <a:p>
            <a:pPr algn="ctr">
              <a:lnSpc>
                <a:spcPct val="107000"/>
              </a:lnSpc>
              <a:spcAft>
                <a:spcPts val="600"/>
              </a:spcAft>
            </a:pPr>
            <a:r>
              <a:rPr lang="es-VE" sz="2400" b="1" dirty="0" smtClean="0">
                <a:solidFill>
                  <a:schemeClr val="accent2"/>
                </a:solidFill>
                <a:latin typeface="+mj-lt"/>
                <a:ea typeface="Calibri" panose="020F0502020204030204" pitchFamily="34" charset="0"/>
                <a:cs typeface="Times New Roman" panose="02020603050405020304" pitchFamily="18" charset="0"/>
              </a:rPr>
              <a:t>Contáctanos </a:t>
            </a:r>
            <a:r>
              <a:rPr lang="es-VE" sz="2400" b="1" dirty="0">
                <a:solidFill>
                  <a:schemeClr val="accent2"/>
                </a:solidFill>
                <a:latin typeface="+mj-lt"/>
                <a:ea typeface="Calibri" panose="020F0502020204030204" pitchFamily="34" charset="0"/>
                <a:cs typeface="Times New Roman" panose="02020603050405020304" pitchFamily="18" charset="0"/>
              </a:rPr>
              <a:t>a través de </a:t>
            </a:r>
            <a:r>
              <a:rPr lang="es-VE" sz="2400" b="1" dirty="0" smtClean="0">
                <a:solidFill>
                  <a:schemeClr val="accent2"/>
                </a:solidFill>
                <a:latin typeface="+mj-lt"/>
                <a:ea typeface="Calibri" panose="020F0502020204030204" pitchFamily="34" charset="0"/>
                <a:cs typeface="Times New Roman" panose="02020603050405020304" pitchFamily="18" charset="0"/>
              </a:rPr>
              <a:t>strategyteam@unaids.org</a:t>
            </a:r>
            <a:br>
              <a:rPr lang="es-VE" sz="2400" b="1" dirty="0" smtClean="0">
                <a:solidFill>
                  <a:schemeClr val="accent2"/>
                </a:solidFill>
                <a:latin typeface="+mj-lt"/>
                <a:ea typeface="Calibri" panose="020F0502020204030204" pitchFamily="34" charset="0"/>
                <a:cs typeface="Times New Roman" panose="02020603050405020304" pitchFamily="18" charset="0"/>
              </a:rPr>
            </a:br>
            <a:r>
              <a:rPr lang="es-VE" sz="2400" b="1" dirty="0" smtClean="0">
                <a:solidFill>
                  <a:schemeClr val="accent2"/>
                </a:solidFill>
                <a:latin typeface="+mj-lt"/>
                <a:ea typeface="Calibri" panose="020F0502020204030204" pitchFamily="34" charset="0"/>
                <a:cs typeface="Times New Roman" panose="02020603050405020304" pitchFamily="18" charset="0"/>
              </a:rPr>
              <a:t> </a:t>
            </a:r>
            <a:r>
              <a:rPr lang="es-VE" sz="2400" b="1" dirty="0">
                <a:solidFill>
                  <a:schemeClr val="accent2"/>
                </a:solidFill>
                <a:latin typeface="+mj-lt"/>
                <a:ea typeface="Calibri" panose="020F0502020204030204" pitchFamily="34" charset="0"/>
                <a:cs typeface="Times New Roman" panose="02020603050405020304" pitchFamily="18" charset="0"/>
              </a:rPr>
              <a:t>p</a:t>
            </a:r>
            <a:r>
              <a:rPr lang="es-VE" sz="2400" b="1" dirty="0" smtClean="0">
                <a:solidFill>
                  <a:schemeClr val="accent2"/>
                </a:solidFill>
                <a:latin typeface="+mj-lt"/>
                <a:ea typeface="Calibri" panose="020F0502020204030204" pitchFamily="34" charset="0"/>
                <a:cs typeface="Times New Roman" panose="02020603050405020304" pitchFamily="18" charset="0"/>
              </a:rPr>
              <a:t>ara poder darte </a:t>
            </a:r>
            <a:r>
              <a:rPr lang="es-VE" sz="2400" b="1" dirty="0">
                <a:solidFill>
                  <a:schemeClr val="accent2"/>
                </a:solidFill>
                <a:latin typeface="+mj-lt"/>
                <a:ea typeface="Calibri" panose="020F0502020204030204" pitchFamily="34" charset="0"/>
                <a:cs typeface="Times New Roman" panose="02020603050405020304" pitchFamily="18" charset="0"/>
              </a:rPr>
              <a:t>orientaciones y apoyo </a:t>
            </a:r>
            <a:r>
              <a:rPr lang="es-VE" sz="2400" b="1" dirty="0" smtClean="0">
                <a:solidFill>
                  <a:schemeClr val="accent2"/>
                </a:solidFill>
                <a:latin typeface="+mj-lt"/>
                <a:ea typeface="Calibri" panose="020F0502020204030204" pitchFamily="34" charset="0"/>
                <a:cs typeface="Times New Roman" panose="02020603050405020304" pitchFamily="18" charset="0"/>
              </a:rPr>
              <a:t/>
            </a:r>
            <a:br>
              <a:rPr lang="es-VE" sz="2400" b="1" dirty="0" smtClean="0">
                <a:solidFill>
                  <a:schemeClr val="accent2"/>
                </a:solidFill>
                <a:latin typeface="+mj-lt"/>
                <a:ea typeface="Calibri" panose="020F0502020204030204" pitchFamily="34" charset="0"/>
                <a:cs typeface="Times New Roman" panose="02020603050405020304" pitchFamily="18" charset="0"/>
              </a:rPr>
            </a:br>
            <a:r>
              <a:rPr lang="es-VE" sz="2400" b="1" dirty="0" smtClean="0">
                <a:solidFill>
                  <a:schemeClr val="accent2"/>
                </a:solidFill>
                <a:latin typeface="+mj-lt"/>
                <a:ea typeface="Calibri" panose="020F0502020204030204" pitchFamily="34" charset="0"/>
                <a:cs typeface="Times New Roman" panose="02020603050405020304" pitchFamily="18" charset="0"/>
              </a:rPr>
              <a:t>durante tu </a:t>
            </a:r>
            <a:r>
              <a:rPr lang="es-VE" sz="2400" b="1" dirty="0">
                <a:solidFill>
                  <a:schemeClr val="accent2"/>
                </a:solidFill>
                <a:latin typeface="+mj-lt"/>
                <a:ea typeface="Calibri" panose="020F0502020204030204" pitchFamily="34" charset="0"/>
                <a:cs typeface="Times New Roman" panose="02020603050405020304" pitchFamily="18" charset="0"/>
              </a:rPr>
              <a:t>preparación.</a:t>
            </a:r>
            <a:endParaRPr lang="en-ZA" sz="2400" b="1" dirty="0">
              <a:solidFill>
                <a:schemeClr val="accent2"/>
              </a:solidFill>
              <a:latin typeface="+mj-lt"/>
              <a:ea typeface="Calibri" panose="020F0502020204030204" pitchFamily="34" charset="0"/>
              <a:cs typeface="Times New Roman" panose="02020603050405020304" pitchFamily="18" charset="0"/>
            </a:endParaRPr>
          </a:p>
          <a:p>
            <a:pPr algn="ctr">
              <a:lnSpc>
                <a:spcPct val="107000"/>
              </a:lnSpc>
              <a:spcAft>
                <a:spcPts val="600"/>
              </a:spcAft>
            </a:pPr>
            <a:endParaRPr lang="en-ZA" sz="2400" dirty="0">
              <a:solidFill>
                <a:schemeClr val="accent2"/>
              </a:solidFill>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23903906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roup 6"/>
          <p:cNvGrpSpPr/>
          <p:nvPr/>
        </p:nvGrpSpPr>
        <p:grpSpPr>
          <a:xfrm>
            <a:off x="3497940" y="994954"/>
            <a:ext cx="4885509" cy="4868092"/>
            <a:chOff x="3497940" y="1425302"/>
            <a:chExt cx="4885509" cy="4868092"/>
          </a:xfrm>
        </p:grpSpPr>
        <p:sp>
          <p:nvSpPr>
            <p:cNvPr id="2" name="Pie 1"/>
            <p:cNvSpPr/>
            <p:nvPr/>
          </p:nvSpPr>
          <p:spPr>
            <a:xfrm>
              <a:off x="3628569" y="1538514"/>
              <a:ext cx="4754880" cy="4754880"/>
            </a:xfrm>
            <a:prstGeom prst="pie">
              <a:avLst>
                <a:gd name="adj1" fmla="val 0"/>
                <a:gd name="adj2" fmla="val 5416976"/>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3" name="Pie 2"/>
            <p:cNvSpPr/>
            <p:nvPr/>
          </p:nvSpPr>
          <p:spPr>
            <a:xfrm flipH="1">
              <a:off x="3497940" y="1538514"/>
              <a:ext cx="4754880" cy="4754880"/>
            </a:xfrm>
            <a:prstGeom prst="pie">
              <a:avLst>
                <a:gd name="adj1" fmla="val 0"/>
                <a:gd name="adj2" fmla="val 5416976"/>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4" name="Pie 3"/>
            <p:cNvSpPr/>
            <p:nvPr/>
          </p:nvSpPr>
          <p:spPr>
            <a:xfrm flipH="1" flipV="1">
              <a:off x="3497940" y="1425302"/>
              <a:ext cx="4754880" cy="4754880"/>
            </a:xfrm>
            <a:prstGeom prst="pie">
              <a:avLst>
                <a:gd name="adj1" fmla="val 0"/>
                <a:gd name="adj2" fmla="val 5416976"/>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5" name="Pie 4"/>
            <p:cNvSpPr/>
            <p:nvPr/>
          </p:nvSpPr>
          <p:spPr>
            <a:xfrm flipV="1">
              <a:off x="3628569" y="1425302"/>
              <a:ext cx="4754880" cy="4754880"/>
            </a:xfrm>
            <a:prstGeom prst="pie">
              <a:avLst>
                <a:gd name="adj1" fmla="val 0"/>
                <a:gd name="adj2" fmla="val 5416976"/>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8" name="TextBox 7"/>
          <p:cNvSpPr txBox="1"/>
          <p:nvPr/>
        </p:nvSpPr>
        <p:spPr>
          <a:xfrm>
            <a:off x="798286" y="2820828"/>
            <a:ext cx="2393214" cy="981423"/>
          </a:xfrm>
          <a:prstGeom prst="rect">
            <a:avLst/>
          </a:prstGeom>
          <a:noFill/>
        </p:spPr>
        <p:txBody>
          <a:bodyPr wrap="square" rtlCol="0">
            <a:spAutoFit/>
          </a:bodyPr>
          <a:lstStyle/>
          <a:p>
            <a:pPr algn="r">
              <a:lnSpc>
                <a:spcPct val="107000"/>
              </a:lnSpc>
              <a:spcAft>
                <a:spcPts val="800"/>
              </a:spcAft>
            </a:pPr>
            <a:r>
              <a:rPr lang="en-ZA" dirty="0" smtClean="0">
                <a:latin typeface="Arial" panose="020B0604020202020204" pitchFamily="34" charset="0"/>
                <a:ea typeface="Calibri" panose="020F0502020204030204" pitchFamily="34" charset="0"/>
                <a:cs typeface="Times New Roman" panose="02020603050405020304" pitchFamily="18" charset="0"/>
              </a:rPr>
              <a:t>Una propuesta de agenda con notas </a:t>
            </a:r>
            <a:r>
              <a:rPr lang="en-ZA" dirty="0" smtClean="0">
                <a:latin typeface="Arial" panose="020B0604020202020204" pitchFamily="34" charset="0"/>
                <a:ea typeface="Calibri" panose="020F0502020204030204" pitchFamily="34" charset="0"/>
                <a:cs typeface="Times New Roman" panose="02020603050405020304" pitchFamily="18" charset="0"/>
              </a:rPr>
              <a:t>para</a:t>
            </a:r>
            <a:r>
              <a:rPr lang="en-ZA" dirty="0" smtClean="0">
                <a:latin typeface="Arial" panose="020B0604020202020204" pitchFamily="34" charset="0"/>
                <a:ea typeface="Calibri" panose="020F0502020204030204" pitchFamily="34" charset="0"/>
                <a:cs typeface="Times New Roman" panose="02020603050405020304" pitchFamily="18" charset="0"/>
              </a:rPr>
              <a:t> </a:t>
            </a:r>
            <a:r>
              <a:rPr lang="en-ZA" dirty="0" smtClean="0">
                <a:latin typeface="Arial" panose="020B0604020202020204" pitchFamily="34" charset="0"/>
                <a:ea typeface="Calibri" panose="020F0502020204030204" pitchFamily="34" charset="0"/>
                <a:cs typeface="Times New Roman" panose="02020603050405020304" pitchFamily="18" charset="0"/>
              </a:rPr>
              <a:t>moderadores</a:t>
            </a:r>
            <a:r>
              <a:rPr lang="en-ZA" dirty="0" smtClean="0">
                <a:latin typeface="Arial" panose="020B0604020202020204" pitchFamily="34" charset="0"/>
                <a:ea typeface="Calibri" panose="020F0502020204030204" pitchFamily="34" charset="0"/>
                <a:cs typeface="Times New Roman" panose="02020603050405020304" pitchFamily="18" charset="0"/>
              </a:rPr>
              <a:t> </a:t>
            </a:r>
            <a:endParaRPr lang="en-ZA" sz="1600" dirty="0">
              <a:latin typeface="Calibri" panose="020F0502020204030204" pitchFamily="34" charset="0"/>
              <a:ea typeface="Calibri" panose="020F0502020204030204" pitchFamily="34" charset="0"/>
              <a:cs typeface="Times New Roman" panose="02020603050405020304" pitchFamily="18" charset="0"/>
            </a:endParaRPr>
          </a:p>
        </p:txBody>
      </p:sp>
      <p:sp>
        <p:nvSpPr>
          <p:cNvPr id="9" name="TextBox 8"/>
          <p:cNvSpPr txBox="1"/>
          <p:nvPr/>
        </p:nvSpPr>
        <p:spPr>
          <a:xfrm>
            <a:off x="798286" y="5103503"/>
            <a:ext cx="2393214" cy="685059"/>
          </a:xfrm>
          <a:prstGeom prst="rect">
            <a:avLst/>
          </a:prstGeom>
          <a:noFill/>
        </p:spPr>
        <p:txBody>
          <a:bodyPr wrap="square" rtlCol="0">
            <a:spAutoFit/>
          </a:bodyPr>
          <a:lstStyle/>
          <a:p>
            <a:pPr algn="r">
              <a:lnSpc>
                <a:spcPct val="107000"/>
              </a:lnSpc>
              <a:spcAft>
                <a:spcPts val="800"/>
              </a:spcAft>
            </a:pPr>
            <a:r>
              <a:rPr lang="en-ZA" dirty="0" smtClean="0">
                <a:latin typeface="Arial" panose="020B0604020202020204" pitchFamily="34" charset="0"/>
                <a:ea typeface="Calibri" panose="020F0502020204030204" pitchFamily="34" charset="0"/>
                <a:cs typeface="Times New Roman" panose="02020603050405020304" pitchFamily="18" charset="0"/>
              </a:rPr>
              <a:t>Un glosario de términos </a:t>
            </a:r>
            <a:endParaRPr lang="en-ZA" sz="1600" dirty="0">
              <a:latin typeface="Calibri" panose="020F0502020204030204" pitchFamily="34" charset="0"/>
              <a:ea typeface="Calibri" panose="020F0502020204030204" pitchFamily="34" charset="0"/>
              <a:cs typeface="Times New Roman" panose="02020603050405020304" pitchFamily="18" charset="0"/>
            </a:endParaRPr>
          </a:p>
        </p:txBody>
      </p:sp>
      <p:sp>
        <p:nvSpPr>
          <p:cNvPr id="10" name="TextBox 9"/>
          <p:cNvSpPr txBox="1"/>
          <p:nvPr/>
        </p:nvSpPr>
        <p:spPr>
          <a:xfrm>
            <a:off x="8770997" y="2733501"/>
            <a:ext cx="2393214" cy="1277786"/>
          </a:xfrm>
          <a:prstGeom prst="rect">
            <a:avLst/>
          </a:prstGeom>
          <a:noFill/>
        </p:spPr>
        <p:txBody>
          <a:bodyPr wrap="square" rtlCol="0">
            <a:spAutoFit/>
          </a:bodyPr>
          <a:lstStyle/>
          <a:p>
            <a:pPr>
              <a:lnSpc>
                <a:spcPct val="107000"/>
              </a:lnSpc>
              <a:spcAft>
                <a:spcPts val="800"/>
              </a:spcAft>
            </a:pPr>
            <a:r>
              <a:rPr lang="en-ZA" dirty="0" smtClean="0">
                <a:latin typeface="Arial" panose="020B0604020202020204" pitchFamily="34" charset="0"/>
                <a:ea typeface="Calibri" panose="020F0502020204030204" pitchFamily="34" charset="0"/>
                <a:cs typeface="Times New Roman" panose="02020603050405020304" pitchFamily="18" charset="0"/>
              </a:rPr>
              <a:t>Tips para moderadores y detalles sobre ejercicios específicos</a:t>
            </a:r>
            <a:endParaRPr lang="en-ZA" sz="1600" dirty="0">
              <a:latin typeface="Calibri" panose="020F0502020204030204" pitchFamily="34" charset="0"/>
              <a:ea typeface="Calibri" panose="020F0502020204030204" pitchFamily="34" charset="0"/>
              <a:cs typeface="Times New Roman" panose="02020603050405020304" pitchFamily="18" charset="0"/>
            </a:endParaRPr>
          </a:p>
        </p:txBody>
      </p:sp>
      <p:sp>
        <p:nvSpPr>
          <p:cNvPr id="11" name="TextBox 10"/>
          <p:cNvSpPr txBox="1"/>
          <p:nvPr/>
        </p:nvSpPr>
        <p:spPr>
          <a:xfrm>
            <a:off x="8795658" y="5103503"/>
            <a:ext cx="2393214" cy="1200329"/>
          </a:xfrm>
          <a:prstGeom prst="rect">
            <a:avLst/>
          </a:prstGeom>
          <a:noFill/>
        </p:spPr>
        <p:txBody>
          <a:bodyPr wrap="square" rtlCol="0">
            <a:spAutoFit/>
          </a:bodyPr>
          <a:lstStyle/>
          <a:p>
            <a:pPr lvl="0"/>
            <a:r>
              <a:rPr lang="en-ZA" noProof="0" dirty="0" smtClean="0">
                <a:latin typeface="Arial" panose="020B0604020202020204" pitchFamily="34" charset="0"/>
                <a:cs typeface="Times New Roman" panose="02020603050405020304" pitchFamily="18" charset="0"/>
              </a:rPr>
              <a:t>Un formato de </a:t>
            </a:r>
            <a:r>
              <a:rPr lang="en-ZA" noProof="0" dirty="0" smtClean="0">
                <a:latin typeface="Arial" panose="020B0604020202020204" pitchFamily="34" charset="0"/>
                <a:cs typeface="Times New Roman" panose="02020603050405020304" pitchFamily="18" charset="0"/>
              </a:rPr>
              <a:t>informes </a:t>
            </a:r>
            <a:r>
              <a:rPr lang="en-ZA" noProof="0" dirty="0" smtClean="0">
                <a:latin typeface="Arial" panose="020B0604020202020204" pitchFamily="34" charset="0"/>
                <a:cs typeface="Times New Roman" panose="02020603050405020304" pitchFamily="18" charset="0"/>
              </a:rPr>
              <a:t>para sintetizar las discusiones</a:t>
            </a:r>
            <a:endParaRPr kumimoji="0" lang="en-US" sz="18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endParaRPr>
          </a:p>
        </p:txBody>
      </p:sp>
      <p:sp>
        <p:nvSpPr>
          <p:cNvPr id="12" name="TextBox 11"/>
          <p:cNvSpPr txBox="1"/>
          <p:nvPr/>
        </p:nvSpPr>
        <p:spPr>
          <a:xfrm>
            <a:off x="798286" y="1543571"/>
            <a:ext cx="2393214" cy="1323439"/>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8000" b="1" i="0" u="none" strike="noStrike" kern="1200" cap="none" spc="0" normalizeH="0" baseline="0" noProof="0" dirty="0">
                <a:ln>
                  <a:noFill/>
                </a:ln>
                <a:solidFill>
                  <a:schemeClr val="accent1"/>
                </a:solidFill>
                <a:effectLst/>
                <a:uLnTx/>
                <a:uFillTx/>
                <a:latin typeface="Arial" panose="020B0604020202020204" pitchFamily="34" charset="0"/>
                <a:ea typeface="+mn-ea"/>
                <a:cs typeface="Arial" panose="020B0604020202020204" pitchFamily="34" charset="0"/>
              </a:rPr>
              <a:t>01</a:t>
            </a:r>
          </a:p>
        </p:txBody>
      </p:sp>
      <p:sp>
        <p:nvSpPr>
          <p:cNvPr id="13" name="TextBox 12"/>
          <p:cNvSpPr txBox="1"/>
          <p:nvPr/>
        </p:nvSpPr>
        <p:spPr>
          <a:xfrm>
            <a:off x="798286" y="3841634"/>
            <a:ext cx="2393214" cy="1323439"/>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8000" b="1" i="0" u="none" strike="noStrike" kern="1200" cap="none" spc="0" normalizeH="0" baseline="0" noProof="0" dirty="0">
                <a:ln>
                  <a:noFill/>
                </a:ln>
                <a:solidFill>
                  <a:schemeClr val="accent2"/>
                </a:solidFill>
                <a:effectLst/>
                <a:uLnTx/>
                <a:uFillTx/>
                <a:latin typeface="Arial" panose="020B0604020202020204" pitchFamily="34" charset="0"/>
                <a:ea typeface="+mn-ea"/>
                <a:cs typeface="Arial" panose="020B0604020202020204" pitchFamily="34" charset="0"/>
              </a:rPr>
              <a:t>03</a:t>
            </a:r>
          </a:p>
        </p:txBody>
      </p:sp>
      <p:sp>
        <p:nvSpPr>
          <p:cNvPr id="14" name="TextBox 13"/>
          <p:cNvSpPr txBox="1"/>
          <p:nvPr/>
        </p:nvSpPr>
        <p:spPr>
          <a:xfrm>
            <a:off x="8795658" y="1543571"/>
            <a:ext cx="2393214" cy="132343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8000" b="1" i="0" u="none" strike="noStrike" kern="1200" cap="none" spc="0" normalizeH="0" baseline="0" noProof="0" dirty="0">
                <a:ln>
                  <a:noFill/>
                </a:ln>
                <a:solidFill>
                  <a:schemeClr val="accent4"/>
                </a:solidFill>
                <a:effectLst/>
                <a:uLnTx/>
                <a:uFillTx/>
                <a:latin typeface="Arial" panose="020B0604020202020204" pitchFamily="34" charset="0"/>
                <a:ea typeface="+mn-ea"/>
                <a:cs typeface="Arial" panose="020B0604020202020204" pitchFamily="34" charset="0"/>
              </a:rPr>
              <a:t>02</a:t>
            </a:r>
          </a:p>
        </p:txBody>
      </p:sp>
      <p:sp>
        <p:nvSpPr>
          <p:cNvPr id="15" name="TextBox 14"/>
          <p:cNvSpPr txBox="1"/>
          <p:nvPr/>
        </p:nvSpPr>
        <p:spPr>
          <a:xfrm>
            <a:off x="8795658" y="3841634"/>
            <a:ext cx="2393214" cy="132343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8000" b="1" i="0" u="none" strike="noStrike" kern="1200" cap="none" spc="0" normalizeH="0" baseline="0" noProof="0" dirty="0">
                <a:ln>
                  <a:noFill/>
                </a:ln>
                <a:solidFill>
                  <a:schemeClr val="accent3"/>
                </a:solidFill>
                <a:effectLst/>
                <a:uLnTx/>
                <a:uFillTx/>
                <a:latin typeface="Arial" panose="020B0604020202020204" pitchFamily="34" charset="0"/>
                <a:ea typeface="+mn-ea"/>
                <a:cs typeface="Arial" panose="020B0604020202020204" pitchFamily="34" charset="0"/>
              </a:rPr>
              <a:t>04</a:t>
            </a:r>
          </a:p>
        </p:txBody>
      </p:sp>
      <p:grpSp>
        <p:nvGrpSpPr>
          <p:cNvPr id="17" name="Group 4"/>
          <p:cNvGrpSpPr>
            <a:grpSpLocks noChangeAspect="1"/>
          </p:cNvGrpSpPr>
          <p:nvPr/>
        </p:nvGrpSpPr>
        <p:grpSpPr bwMode="auto">
          <a:xfrm>
            <a:off x="4230742" y="2190416"/>
            <a:ext cx="1400347" cy="766468"/>
            <a:chOff x="1807" y="350"/>
            <a:chExt cx="771" cy="422"/>
          </a:xfrm>
          <a:solidFill>
            <a:schemeClr val="bg1"/>
          </a:solidFill>
        </p:grpSpPr>
        <p:sp>
          <p:nvSpPr>
            <p:cNvPr id="20" name="Freeform 6"/>
            <p:cNvSpPr>
              <a:spLocks noEditPoints="1"/>
            </p:cNvSpPr>
            <p:nvPr/>
          </p:nvSpPr>
          <p:spPr bwMode="auto">
            <a:xfrm>
              <a:off x="1807" y="353"/>
              <a:ext cx="477" cy="416"/>
            </a:xfrm>
            <a:custGeom>
              <a:avLst/>
              <a:gdLst>
                <a:gd name="T0" fmla="*/ 352 w 2385"/>
                <a:gd name="T1" fmla="*/ 246 h 2077"/>
                <a:gd name="T2" fmla="*/ 297 w 2385"/>
                <a:gd name="T3" fmla="*/ 270 h 2077"/>
                <a:gd name="T4" fmla="*/ 255 w 2385"/>
                <a:gd name="T5" fmla="*/ 312 h 2077"/>
                <a:gd name="T6" fmla="*/ 232 w 2385"/>
                <a:gd name="T7" fmla="*/ 365 h 2077"/>
                <a:gd name="T8" fmla="*/ 228 w 2385"/>
                <a:gd name="T9" fmla="*/ 1290 h 2077"/>
                <a:gd name="T10" fmla="*/ 240 w 2385"/>
                <a:gd name="T11" fmla="*/ 1351 h 2077"/>
                <a:gd name="T12" fmla="*/ 274 w 2385"/>
                <a:gd name="T13" fmla="*/ 1399 h 2077"/>
                <a:gd name="T14" fmla="*/ 323 w 2385"/>
                <a:gd name="T15" fmla="*/ 1432 h 2077"/>
                <a:gd name="T16" fmla="*/ 383 w 2385"/>
                <a:gd name="T17" fmla="*/ 1444 h 2077"/>
                <a:gd name="T18" fmla="*/ 2017 w 2385"/>
                <a:gd name="T19" fmla="*/ 1441 h 2077"/>
                <a:gd name="T20" fmla="*/ 2073 w 2385"/>
                <a:gd name="T21" fmla="*/ 1417 h 2077"/>
                <a:gd name="T22" fmla="*/ 2113 w 2385"/>
                <a:gd name="T23" fmla="*/ 1376 h 2077"/>
                <a:gd name="T24" fmla="*/ 2137 w 2385"/>
                <a:gd name="T25" fmla="*/ 1321 h 2077"/>
                <a:gd name="T26" fmla="*/ 2140 w 2385"/>
                <a:gd name="T27" fmla="*/ 396 h 2077"/>
                <a:gd name="T28" fmla="*/ 2128 w 2385"/>
                <a:gd name="T29" fmla="*/ 337 h 2077"/>
                <a:gd name="T30" fmla="*/ 2095 w 2385"/>
                <a:gd name="T31" fmla="*/ 289 h 2077"/>
                <a:gd name="T32" fmla="*/ 2046 w 2385"/>
                <a:gd name="T33" fmla="*/ 256 h 2077"/>
                <a:gd name="T34" fmla="*/ 1986 w 2385"/>
                <a:gd name="T35" fmla="*/ 244 h 2077"/>
                <a:gd name="T36" fmla="*/ 107 w 2385"/>
                <a:gd name="T37" fmla="*/ 0 h 2077"/>
                <a:gd name="T38" fmla="*/ 2298 w 2385"/>
                <a:gd name="T39" fmla="*/ 3 h 2077"/>
                <a:gd name="T40" fmla="*/ 2344 w 2385"/>
                <a:gd name="T41" fmla="*/ 24 h 2077"/>
                <a:gd name="T42" fmla="*/ 2374 w 2385"/>
                <a:gd name="T43" fmla="*/ 63 h 2077"/>
                <a:gd name="T44" fmla="*/ 2385 w 2385"/>
                <a:gd name="T45" fmla="*/ 116 h 2077"/>
                <a:gd name="T46" fmla="*/ 2383 w 2385"/>
                <a:gd name="T47" fmla="*/ 1576 h 2077"/>
                <a:gd name="T48" fmla="*/ 2361 w 2385"/>
                <a:gd name="T49" fmla="*/ 1625 h 2077"/>
                <a:gd name="T50" fmla="*/ 2323 w 2385"/>
                <a:gd name="T51" fmla="*/ 1658 h 2077"/>
                <a:gd name="T52" fmla="*/ 2272 w 2385"/>
                <a:gd name="T53" fmla="*/ 1671 h 2077"/>
                <a:gd name="T54" fmla="*/ 1290 w 2385"/>
                <a:gd name="T55" fmla="*/ 1849 h 2077"/>
                <a:gd name="T56" fmla="*/ 1657 w 2385"/>
                <a:gd name="T57" fmla="*/ 1853 h 2077"/>
                <a:gd name="T58" fmla="*/ 1719 w 2385"/>
                <a:gd name="T59" fmla="*/ 1875 h 2077"/>
                <a:gd name="T60" fmla="*/ 1769 w 2385"/>
                <a:gd name="T61" fmla="*/ 1917 h 2077"/>
                <a:gd name="T62" fmla="*/ 1802 w 2385"/>
                <a:gd name="T63" fmla="*/ 1973 h 2077"/>
                <a:gd name="T64" fmla="*/ 1814 w 2385"/>
                <a:gd name="T65" fmla="*/ 2039 h 2077"/>
                <a:gd name="T66" fmla="*/ 523 w 2385"/>
                <a:gd name="T67" fmla="*/ 2077 h 2077"/>
                <a:gd name="T68" fmla="*/ 526 w 2385"/>
                <a:gd name="T69" fmla="*/ 2005 h 2077"/>
                <a:gd name="T70" fmla="*/ 549 w 2385"/>
                <a:gd name="T71" fmla="*/ 1943 h 2077"/>
                <a:gd name="T72" fmla="*/ 591 w 2385"/>
                <a:gd name="T73" fmla="*/ 1894 h 2077"/>
                <a:gd name="T74" fmla="*/ 648 w 2385"/>
                <a:gd name="T75" fmla="*/ 1861 h 2077"/>
                <a:gd name="T76" fmla="*/ 714 w 2385"/>
                <a:gd name="T77" fmla="*/ 1849 h 2077"/>
                <a:gd name="T78" fmla="*/ 1045 w 2385"/>
                <a:gd name="T79" fmla="*/ 1671 h 2077"/>
                <a:gd name="T80" fmla="*/ 83 w 2385"/>
                <a:gd name="T81" fmla="*/ 1669 h 2077"/>
                <a:gd name="T82" fmla="*/ 43 w 2385"/>
                <a:gd name="T83" fmla="*/ 1650 h 2077"/>
                <a:gd name="T84" fmla="*/ 17 w 2385"/>
                <a:gd name="T85" fmla="*/ 1617 h 2077"/>
                <a:gd name="T86" fmla="*/ 2 w 2385"/>
                <a:gd name="T87" fmla="*/ 1572 h 2077"/>
                <a:gd name="T88" fmla="*/ 0 w 2385"/>
                <a:gd name="T89" fmla="*/ 116 h 2077"/>
                <a:gd name="T90" fmla="*/ 10 w 2385"/>
                <a:gd name="T91" fmla="*/ 63 h 2077"/>
                <a:gd name="T92" fmla="*/ 37 w 2385"/>
                <a:gd name="T93" fmla="*/ 24 h 2077"/>
                <a:gd name="T94" fmla="*/ 81 w 2385"/>
                <a:gd name="T95" fmla="*/ 3 h 20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385" h="2077">
                  <a:moveTo>
                    <a:pt x="383" y="244"/>
                  </a:moveTo>
                  <a:lnTo>
                    <a:pt x="352" y="246"/>
                  </a:lnTo>
                  <a:lnTo>
                    <a:pt x="323" y="256"/>
                  </a:lnTo>
                  <a:lnTo>
                    <a:pt x="297" y="270"/>
                  </a:lnTo>
                  <a:lnTo>
                    <a:pt x="274" y="289"/>
                  </a:lnTo>
                  <a:lnTo>
                    <a:pt x="255" y="312"/>
                  </a:lnTo>
                  <a:lnTo>
                    <a:pt x="240" y="337"/>
                  </a:lnTo>
                  <a:lnTo>
                    <a:pt x="232" y="365"/>
                  </a:lnTo>
                  <a:lnTo>
                    <a:pt x="228" y="396"/>
                  </a:lnTo>
                  <a:lnTo>
                    <a:pt x="228" y="1290"/>
                  </a:lnTo>
                  <a:lnTo>
                    <a:pt x="232" y="1321"/>
                  </a:lnTo>
                  <a:lnTo>
                    <a:pt x="240" y="1351"/>
                  </a:lnTo>
                  <a:lnTo>
                    <a:pt x="255" y="1377"/>
                  </a:lnTo>
                  <a:lnTo>
                    <a:pt x="274" y="1399"/>
                  </a:lnTo>
                  <a:lnTo>
                    <a:pt x="297" y="1417"/>
                  </a:lnTo>
                  <a:lnTo>
                    <a:pt x="323" y="1432"/>
                  </a:lnTo>
                  <a:lnTo>
                    <a:pt x="352" y="1441"/>
                  </a:lnTo>
                  <a:lnTo>
                    <a:pt x="383" y="1444"/>
                  </a:lnTo>
                  <a:lnTo>
                    <a:pt x="1986" y="1444"/>
                  </a:lnTo>
                  <a:lnTo>
                    <a:pt x="2017" y="1441"/>
                  </a:lnTo>
                  <a:lnTo>
                    <a:pt x="2046" y="1432"/>
                  </a:lnTo>
                  <a:lnTo>
                    <a:pt x="2073" y="1417"/>
                  </a:lnTo>
                  <a:lnTo>
                    <a:pt x="2095" y="1398"/>
                  </a:lnTo>
                  <a:lnTo>
                    <a:pt x="2113" y="1376"/>
                  </a:lnTo>
                  <a:lnTo>
                    <a:pt x="2128" y="1349"/>
                  </a:lnTo>
                  <a:lnTo>
                    <a:pt x="2137" y="1321"/>
                  </a:lnTo>
                  <a:lnTo>
                    <a:pt x="2140" y="1290"/>
                  </a:lnTo>
                  <a:lnTo>
                    <a:pt x="2140" y="396"/>
                  </a:lnTo>
                  <a:lnTo>
                    <a:pt x="2137" y="365"/>
                  </a:lnTo>
                  <a:lnTo>
                    <a:pt x="2128" y="337"/>
                  </a:lnTo>
                  <a:lnTo>
                    <a:pt x="2113" y="312"/>
                  </a:lnTo>
                  <a:lnTo>
                    <a:pt x="2095" y="289"/>
                  </a:lnTo>
                  <a:lnTo>
                    <a:pt x="2073" y="270"/>
                  </a:lnTo>
                  <a:lnTo>
                    <a:pt x="2046" y="256"/>
                  </a:lnTo>
                  <a:lnTo>
                    <a:pt x="2017" y="246"/>
                  </a:lnTo>
                  <a:lnTo>
                    <a:pt x="1986" y="244"/>
                  </a:lnTo>
                  <a:lnTo>
                    <a:pt x="383" y="244"/>
                  </a:lnTo>
                  <a:close/>
                  <a:moveTo>
                    <a:pt x="107" y="0"/>
                  </a:moveTo>
                  <a:lnTo>
                    <a:pt x="2272" y="0"/>
                  </a:lnTo>
                  <a:lnTo>
                    <a:pt x="2298" y="3"/>
                  </a:lnTo>
                  <a:lnTo>
                    <a:pt x="2323" y="11"/>
                  </a:lnTo>
                  <a:lnTo>
                    <a:pt x="2344" y="24"/>
                  </a:lnTo>
                  <a:lnTo>
                    <a:pt x="2361" y="42"/>
                  </a:lnTo>
                  <a:lnTo>
                    <a:pt x="2374" y="63"/>
                  </a:lnTo>
                  <a:lnTo>
                    <a:pt x="2383" y="89"/>
                  </a:lnTo>
                  <a:lnTo>
                    <a:pt x="2385" y="116"/>
                  </a:lnTo>
                  <a:lnTo>
                    <a:pt x="2385" y="1549"/>
                  </a:lnTo>
                  <a:lnTo>
                    <a:pt x="2383" y="1576"/>
                  </a:lnTo>
                  <a:lnTo>
                    <a:pt x="2374" y="1601"/>
                  </a:lnTo>
                  <a:lnTo>
                    <a:pt x="2361" y="1625"/>
                  </a:lnTo>
                  <a:lnTo>
                    <a:pt x="2344" y="1644"/>
                  </a:lnTo>
                  <a:lnTo>
                    <a:pt x="2323" y="1658"/>
                  </a:lnTo>
                  <a:lnTo>
                    <a:pt x="2298" y="1668"/>
                  </a:lnTo>
                  <a:lnTo>
                    <a:pt x="2272" y="1671"/>
                  </a:lnTo>
                  <a:lnTo>
                    <a:pt x="1290" y="1671"/>
                  </a:lnTo>
                  <a:lnTo>
                    <a:pt x="1290" y="1849"/>
                  </a:lnTo>
                  <a:lnTo>
                    <a:pt x="1623" y="1849"/>
                  </a:lnTo>
                  <a:lnTo>
                    <a:pt x="1657" y="1853"/>
                  </a:lnTo>
                  <a:lnTo>
                    <a:pt x="1689" y="1861"/>
                  </a:lnTo>
                  <a:lnTo>
                    <a:pt x="1719" y="1875"/>
                  </a:lnTo>
                  <a:lnTo>
                    <a:pt x="1746" y="1894"/>
                  </a:lnTo>
                  <a:lnTo>
                    <a:pt x="1769" y="1917"/>
                  </a:lnTo>
                  <a:lnTo>
                    <a:pt x="1788" y="1943"/>
                  </a:lnTo>
                  <a:lnTo>
                    <a:pt x="1802" y="1973"/>
                  </a:lnTo>
                  <a:lnTo>
                    <a:pt x="1811" y="2005"/>
                  </a:lnTo>
                  <a:lnTo>
                    <a:pt x="1814" y="2039"/>
                  </a:lnTo>
                  <a:lnTo>
                    <a:pt x="1814" y="2077"/>
                  </a:lnTo>
                  <a:lnTo>
                    <a:pt x="523" y="2077"/>
                  </a:lnTo>
                  <a:lnTo>
                    <a:pt x="523" y="2039"/>
                  </a:lnTo>
                  <a:lnTo>
                    <a:pt x="526" y="2005"/>
                  </a:lnTo>
                  <a:lnTo>
                    <a:pt x="535" y="1973"/>
                  </a:lnTo>
                  <a:lnTo>
                    <a:pt x="549" y="1943"/>
                  </a:lnTo>
                  <a:lnTo>
                    <a:pt x="568" y="1917"/>
                  </a:lnTo>
                  <a:lnTo>
                    <a:pt x="591" y="1894"/>
                  </a:lnTo>
                  <a:lnTo>
                    <a:pt x="618" y="1875"/>
                  </a:lnTo>
                  <a:lnTo>
                    <a:pt x="648" y="1861"/>
                  </a:lnTo>
                  <a:lnTo>
                    <a:pt x="679" y="1853"/>
                  </a:lnTo>
                  <a:lnTo>
                    <a:pt x="714" y="1849"/>
                  </a:lnTo>
                  <a:lnTo>
                    <a:pt x="1045" y="1849"/>
                  </a:lnTo>
                  <a:lnTo>
                    <a:pt x="1045" y="1671"/>
                  </a:lnTo>
                  <a:lnTo>
                    <a:pt x="107" y="1671"/>
                  </a:lnTo>
                  <a:lnTo>
                    <a:pt x="83" y="1669"/>
                  </a:lnTo>
                  <a:lnTo>
                    <a:pt x="62" y="1661"/>
                  </a:lnTo>
                  <a:lnTo>
                    <a:pt x="43" y="1650"/>
                  </a:lnTo>
                  <a:lnTo>
                    <a:pt x="29" y="1634"/>
                  </a:lnTo>
                  <a:lnTo>
                    <a:pt x="17" y="1617"/>
                  </a:lnTo>
                  <a:lnTo>
                    <a:pt x="7" y="1595"/>
                  </a:lnTo>
                  <a:lnTo>
                    <a:pt x="2" y="1572"/>
                  </a:lnTo>
                  <a:lnTo>
                    <a:pt x="0" y="1549"/>
                  </a:lnTo>
                  <a:lnTo>
                    <a:pt x="0" y="116"/>
                  </a:lnTo>
                  <a:lnTo>
                    <a:pt x="2" y="89"/>
                  </a:lnTo>
                  <a:lnTo>
                    <a:pt x="10" y="63"/>
                  </a:lnTo>
                  <a:lnTo>
                    <a:pt x="22" y="42"/>
                  </a:lnTo>
                  <a:lnTo>
                    <a:pt x="37" y="24"/>
                  </a:lnTo>
                  <a:lnTo>
                    <a:pt x="56" y="11"/>
                  </a:lnTo>
                  <a:lnTo>
                    <a:pt x="81" y="3"/>
                  </a:lnTo>
                  <a:lnTo>
                    <a:pt x="107"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21" name="Freeform 7"/>
            <p:cNvSpPr>
              <a:spLocks noEditPoints="1"/>
            </p:cNvSpPr>
            <p:nvPr/>
          </p:nvSpPr>
          <p:spPr bwMode="auto">
            <a:xfrm>
              <a:off x="2323" y="350"/>
              <a:ext cx="255" cy="422"/>
            </a:xfrm>
            <a:custGeom>
              <a:avLst/>
              <a:gdLst>
                <a:gd name="T0" fmla="*/ 641 w 1275"/>
                <a:gd name="T1" fmla="*/ 1676 h 2109"/>
                <a:gd name="T2" fmla="*/ 614 w 1275"/>
                <a:gd name="T3" fmla="*/ 1679 h 2109"/>
                <a:gd name="T4" fmla="*/ 589 w 1275"/>
                <a:gd name="T5" fmla="*/ 1689 h 2109"/>
                <a:gd name="T6" fmla="*/ 567 w 1275"/>
                <a:gd name="T7" fmla="*/ 1705 h 2109"/>
                <a:gd name="T8" fmla="*/ 550 w 1275"/>
                <a:gd name="T9" fmla="*/ 1726 h 2109"/>
                <a:gd name="T10" fmla="*/ 541 w 1275"/>
                <a:gd name="T11" fmla="*/ 1749 h 2109"/>
                <a:gd name="T12" fmla="*/ 536 w 1275"/>
                <a:gd name="T13" fmla="*/ 1777 h 2109"/>
                <a:gd name="T14" fmla="*/ 539 w 1275"/>
                <a:gd name="T15" fmla="*/ 1800 h 2109"/>
                <a:gd name="T16" fmla="*/ 547 w 1275"/>
                <a:gd name="T17" fmla="*/ 1821 h 2109"/>
                <a:gd name="T18" fmla="*/ 559 w 1275"/>
                <a:gd name="T19" fmla="*/ 1840 h 2109"/>
                <a:gd name="T20" fmla="*/ 575 w 1275"/>
                <a:gd name="T21" fmla="*/ 1856 h 2109"/>
                <a:gd name="T22" fmla="*/ 595 w 1275"/>
                <a:gd name="T23" fmla="*/ 1868 h 2109"/>
                <a:gd name="T24" fmla="*/ 617 w 1275"/>
                <a:gd name="T25" fmla="*/ 1876 h 2109"/>
                <a:gd name="T26" fmla="*/ 641 w 1275"/>
                <a:gd name="T27" fmla="*/ 1878 h 2109"/>
                <a:gd name="T28" fmla="*/ 669 w 1275"/>
                <a:gd name="T29" fmla="*/ 1875 h 2109"/>
                <a:gd name="T30" fmla="*/ 693 w 1275"/>
                <a:gd name="T31" fmla="*/ 1864 h 2109"/>
                <a:gd name="T32" fmla="*/ 715 w 1275"/>
                <a:gd name="T33" fmla="*/ 1848 h 2109"/>
                <a:gd name="T34" fmla="*/ 732 w 1275"/>
                <a:gd name="T35" fmla="*/ 1828 h 2109"/>
                <a:gd name="T36" fmla="*/ 741 w 1275"/>
                <a:gd name="T37" fmla="*/ 1803 h 2109"/>
                <a:gd name="T38" fmla="*/ 745 w 1275"/>
                <a:gd name="T39" fmla="*/ 1777 h 2109"/>
                <a:gd name="T40" fmla="*/ 741 w 1275"/>
                <a:gd name="T41" fmla="*/ 1749 h 2109"/>
                <a:gd name="T42" fmla="*/ 732 w 1275"/>
                <a:gd name="T43" fmla="*/ 1726 h 2109"/>
                <a:gd name="T44" fmla="*/ 715 w 1275"/>
                <a:gd name="T45" fmla="*/ 1705 h 2109"/>
                <a:gd name="T46" fmla="*/ 694 w 1275"/>
                <a:gd name="T47" fmla="*/ 1689 h 2109"/>
                <a:gd name="T48" fmla="*/ 669 w 1275"/>
                <a:gd name="T49" fmla="*/ 1679 h 2109"/>
                <a:gd name="T50" fmla="*/ 641 w 1275"/>
                <a:gd name="T51" fmla="*/ 1676 h 2109"/>
                <a:gd name="T52" fmla="*/ 279 w 1275"/>
                <a:gd name="T53" fmla="*/ 616 h 2109"/>
                <a:gd name="T54" fmla="*/ 279 w 1275"/>
                <a:gd name="T55" fmla="*/ 730 h 2109"/>
                <a:gd name="T56" fmla="*/ 997 w 1275"/>
                <a:gd name="T57" fmla="*/ 730 h 2109"/>
                <a:gd name="T58" fmla="*/ 997 w 1275"/>
                <a:gd name="T59" fmla="*/ 616 h 2109"/>
                <a:gd name="T60" fmla="*/ 279 w 1275"/>
                <a:gd name="T61" fmla="*/ 616 h 2109"/>
                <a:gd name="T62" fmla="*/ 279 w 1275"/>
                <a:gd name="T63" fmla="*/ 373 h 2109"/>
                <a:gd name="T64" fmla="*/ 279 w 1275"/>
                <a:gd name="T65" fmla="*/ 486 h 2109"/>
                <a:gd name="T66" fmla="*/ 997 w 1275"/>
                <a:gd name="T67" fmla="*/ 486 h 2109"/>
                <a:gd name="T68" fmla="*/ 997 w 1275"/>
                <a:gd name="T69" fmla="*/ 373 h 2109"/>
                <a:gd name="T70" fmla="*/ 279 w 1275"/>
                <a:gd name="T71" fmla="*/ 373 h 2109"/>
                <a:gd name="T72" fmla="*/ 246 w 1275"/>
                <a:gd name="T73" fmla="*/ 0 h 2109"/>
                <a:gd name="T74" fmla="*/ 1084 w 1275"/>
                <a:gd name="T75" fmla="*/ 0 h 2109"/>
                <a:gd name="T76" fmla="*/ 1118 w 1275"/>
                <a:gd name="T77" fmla="*/ 3 h 2109"/>
                <a:gd name="T78" fmla="*/ 1151 w 1275"/>
                <a:gd name="T79" fmla="*/ 11 h 2109"/>
                <a:gd name="T80" fmla="*/ 1180 w 1275"/>
                <a:gd name="T81" fmla="*/ 26 h 2109"/>
                <a:gd name="T82" fmla="*/ 1206 w 1275"/>
                <a:gd name="T83" fmla="*/ 45 h 2109"/>
                <a:gd name="T84" fmla="*/ 1229 w 1275"/>
                <a:gd name="T85" fmla="*/ 68 h 2109"/>
                <a:gd name="T86" fmla="*/ 1248 w 1275"/>
                <a:gd name="T87" fmla="*/ 94 h 2109"/>
                <a:gd name="T88" fmla="*/ 1263 w 1275"/>
                <a:gd name="T89" fmla="*/ 124 h 2109"/>
                <a:gd name="T90" fmla="*/ 1271 w 1275"/>
                <a:gd name="T91" fmla="*/ 156 h 2109"/>
                <a:gd name="T92" fmla="*/ 1275 w 1275"/>
                <a:gd name="T93" fmla="*/ 189 h 2109"/>
                <a:gd name="T94" fmla="*/ 1275 w 1275"/>
                <a:gd name="T95" fmla="*/ 2109 h 2109"/>
                <a:gd name="T96" fmla="*/ 0 w 1275"/>
                <a:gd name="T97" fmla="*/ 2109 h 2109"/>
                <a:gd name="T98" fmla="*/ 0 w 1275"/>
                <a:gd name="T99" fmla="*/ 243 h 2109"/>
                <a:gd name="T100" fmla="*/ 3 w 1275"/>
                <a:gd name="T101" fmla="*/ 204 h 2109"/>
                <a:gd name="T102" fmla="*/ 13 w 1275"/>
                <a:gd name="T103" fmla="*/ 167 h 2109"/>
                <a:gd name="T104" fmla="*/ 27 w 1275"/>
                <a:gd name="T105" fmla="*/ 132 h 2109"/>
                <a:gd name="T106" fmla="*/ 48 w 1275"/>
                <a:gd name="T107" fmla="*/ 100 h 2109"/>
                <a:gd name="T108" fmla="*/ 72 w 1275"/>
                <a:gd name="T109" fmla="*/ 71 h 2109"/>
                <a:gd name="T110" fmla="*/ 101 w 1275"/>
                <a:gd name="T111" fmla="*/ 47 h 2109"/>
                <a:gd name="T112" fmla="*/ 133 w 1275"/>
                <a:gd name="T113" fmla="*/ 27 h 2109"/>
                <a:gd name="T114" fmla="*/ 168 w 1275"/>
                <a:gd name="T115" fmla="*/ 13 h 2109"/>
                <a:gd name="T116" fmla="*/ 205 w 1275"/>
                <a:gd name="T117" fmla="*/ 3 h 2109"/>
                <a:gd name="T118" fmla="*/ 246 w 1275"/>
                <a:gd name="T119" fmla="*/ 0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75" h="2109">
                  <a:moveTo>
                    <a:pt x="641" y="1676"/>
                  </a:moveTo>
                  <a:lnTo>
                    <a:pt x="614" y="1679"/>
                  </a:lnTo>
                  <a:lnTo>
                    <a:pt x="589" y="1689"/>
                  </a:lnTo>
                  <a:lnTo>
                    <a:pt x="567" y="1705"/>
                  </a:lnTo>
                  <a:lnTo>
                    <a:pt x="550" y="1726"/>
                  </a:lnTo>
                  <a:lnTo>
                    <a:pt x="541" y="1749"/>
                  </a:lnTo>
                  <a:lnTo>
                    <a:pt x="536" y="1777"/>
                  </a:lnTo>
                  <a:lnTo>
                    <a:pt x="539" y="1800"/>
                  </a:lnTo>
                  <a:lnTo>
                    <a:pt x="547" y="1821"/>
                  </a:lnTo>
                  <a:lnTo>
                    <a:pt x="559" y="1840"/>
                  </a:lnTo>
                  <a:lnTo>
                    <a:pt x="575" y="1856"/>
                  </a:lnTo>
                  <a:lnTo>
                    <a:pt x="595" y="1868"/>
                  </a:lnTo>
                  <a:lnTo>
                    <a:pt x="617" y="1876"/>
                  </a:lnTo>
                  <a:lnTo>
                    <a:pt x="641" y="1878"/>
                  </a:lnTo>
                  <a:lnTo>
                    <a:pt x="669" y="1875"/>
                  </a:lnTo>
                  <a:lnTo>
                    <a:pt x="693" y="1864"/>
                  </a:lnTo>
                  <a:lnTo>
                    <a:pt x="715" y="1848"/>
                  </a:lnTo>
                  <a:lnTo>
                    <a:pt x="732" y="1828"/>
                  </a:lnTo>
                  <a:lnTo>
                    <a:pt x="741" y="1803"/>
                  </a:lnTo>
                  <a:lnTo>
                    <a:pt x="745" y="1777"/>
                  </a:lnTo>
                  <a:lnTo>
                    <a:pt x="741" y="1749"/>
                  </a:lnTo>
                  <a:lnTo>
                    <a:pt x="732" y="1726"/>
                  </a:lnTo>
                  <a:lnTo>
                    <a:pt x="715" y="1705"/>
                  </a:lnTo>
                  <a:lnTo>
                    <a:pt x="694" y="1689"/>
                  </a:lnTo>
                  <a:lnTo>
                    <a:pt x="669" y="1679"/>
                  </a:lnTo>
                  <a:lnTo>
                    <a:pt x="641" y="1676"/>
                  </a:lnTo>
                  <a:close/>
                  <a:moveTo>
                    <a:pt x="279" y="616"/>
                  </a:moveTo>
                  <a:lnTo>
                    <a:pt x="279" y="730"/>
                  </a:lnTo>
                  <a:lnTo>
                    <a:pt x="997" y="730"/>
                  </a:lnTo>
                  <a:lnTo>
                    <a:pt x="997" y="616"/>
                  </a:lnTo>
                  <a:lnTo>
                    <a:pt x="279" y="616"/>
                  </a:lnTo>
                  <a:close/>
                  <a:moveTo>
                    <a:pt x="279" y="373"/>
                  </a:moveTo>
                  <a:lnTo>
                    <a:pt x="279" y="486"/>
                  </a:lnTo>
                  <a:lnTo>
                    <a:pt x="997" y="486"/>
                  </a:lnTo>
                  <a:lnTo>
                    <a:pt x="997" y="373"/>
                  </a:lnTo>
                  <a:lnTo>
                    <a:pt x="279" y="373"/>
                  </a:lnTo>
                  <a:close/>
                  <a:moveTo>
                    <a:pt x="246" y="0"/>
                  </a:moveTo>
                  <a:lnTo>
                    <a:pt x="1084" y="0"/>
                  </a:lnTo>
                  <a:lnTo>
                    <a:pt x="1118" y="3"/>
                  </a:lnTo>
                  <a:lnTo>
                    <a:pt x="1151" y="11"/>
                  </a:lnTo>
                  <a:lnTo>
                    <a:pt x="1180" y="26"/>
                  </a:lnTo>
                  <a:lnTo>
                    <a:pt x="1206" y="45"/>
                  </a:lnTo>
                  <a:lnTo>
                    <a:pt x="1229" y="68"/>
                  </a:lnTo>
                  <a:lnTo>
                    <a:pt x="1248" y="94"/>
                  </a:lnTo>
                  <a:lnTo>
                    <a:pt x="1263" y="124"/>
                  </a:lnTo>
                  <a:lnTo>
                    <a:pt x="1271" y="156"/>
                  </a:lnTo>
                  <a:lnTo>
                    <a:pt x="1275" y="189"/>
                  </a:lnTo>
                  <a:lnTo>
                    <a:pt x="1275" y="2109"/>
                  </a:lnTo>
                  <a:lnTo>
                    <a:pt x="0" y="2109"/>
                  </a:lnTo>
                  <a:lnTo>
                    <a:pt x="0" y="243"/>
                  </a:lnTo>
                  <a:lnTo>
                    <a:pt x="3" y="204"/>
                  </a:lnTo>
                  <a:lnTo>
                    <a:pt x="13" y="167"/>
                  </a:lnTo>
                  <a:lnTo>
                    <a:pt x="27" y="132"/>
                  </a:lnTo>
                  <a:lnTo>
                    <a:pt x="48" y="100"/>
                  </a:lnTo>
                  <a:lnTo>
                    <a:pt x="72" y="71"/>
                  </a:lnTo>
                  <a:lnTo>
                    <a:pt x="101" y="47"/>
                  </a:lnTo>
                  <a:lnTo>
                    <a:pt x="133" y="27"/>
                  </a:lnTo>
                  <a:lnTo>
                    <a:pt x="168" y="13"/>
                  </a:lnTo>
                  <a:lnTo>
                    <a:pt x="205" y="3"/>
                  </a:lnTo>
                  <a:lnTo>
                    <a:pt x="24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26" name="Freeform 12"/>
          <p:cNvSpPr>
            <a:spLocks noEditPoints="1"/>
          </p:cNvSpPr>
          <p:nvPr/>
        </p:nvSpPr>
        <p:spPr bwMode="auto">
          <a:xfrm>
            <a:off x="6471786" y="1813884"/>
            <a:ext cx="1101725" cy="1143000"/>
          </a:xfrm>
          <a:custGeom>
            <a:avLst/>
            <a:gdLst>
              <a:gd name="T0" fmla="*/ 901 w 3472"/>
              <a:gd name="T1" fmla="*/ 2829 h 3599"/>
              <a:gd name="T2" fmla="*/ 1124 w 3472"/>
              <a:gd name="T3" fmla="*/ 846 h 3599"/>
              <a:gd name="T4" fmla="*/ 3116 w 3472"/>
              <a:gd name="T5" fmla="*/ 773 h 3599"/>
              <a:gd name="T6" fmla="*/ 2927 w 3472"/>
              <a:gd name="T7" fmla="*/ 873 h 3599"/>
              <a:gd name="T8" fmla="*/ 2619 w 3472"/>
              <a:gd name="T9" fmla="*/ 1122 h 3599"/>
              <a:gd name="T10" fmla="*/ 2345 w 3472"/>
              <a:gd name="T11" fmla="*/ 1424 h 3599"/>
              <a:gd name="T12" fmla="*/ 2239 w 3472"/>
              <a:gd name="T13" fmla="*/ 1601 h 3599"/>
              <a:gd name="T14" fmla="*/ 2285 w 3472"/>
              <a:gd name="T15" fmla="*/ 1663 h 3599"/>
              <a:gd name="T16" fmla="*/ 2434 w 3472"/>
              <a:gd name="T17" fmla="*/ 1603 h 3599"/>
              <a:gd name="T18" fmla="*/ 2735 w 3472"/>
              <a:gd name="T19" fmla="*/ 1376 h 3599"/>
              <a:gd name="T20" fmla="*/ 3030 w 3472"/>
              <a:gd name="T21" fmla="*/ 1071 h 3599"/>
              <a:gd name="T22" fmla="*/ 3176 w 3472"/>
              <a:gd name="T23" fmla="*/ 856 h 3599"/>
              <a:gd name="T24" fmla="*/ 3147 w 3472"/>
              <a:gd name="T25" fmla="*/ 784 h 3599"/>
              <a:gd name="T26" fmla="*/ 1988 w 3472"/>
              <a:gd name="T27" fmla="*/ 15 h 3599"/>
              <a:gd name="T28" fmla="*/ 2320 w 3472"/>
              <a:gd name="T29" fmla="*/ 249 h 3599"/>
              <a:gd name="T30" fmla="*/ 2665 w 3472"/>
              <a:gd name="T31" fmla="*/ 255 h 3599"/>
              <a:gd name="T32" fmla="*/ 3003 w 3472"/>
              <a:gd name="T33" fmla="*/ 405 h 3599"/>
              <a:gd name="T34" fmla="*/ 3171 w 3472"/>
              <a:gd name="T35" fmla="*/ 491 h 3599"/>
              <a:gd name="T36" fmla="*/ 3293 w 3472"/>
              <a:gd name="T37" fmla="*/ 482 h 3599"/>
              <a:gd name="T38" fmla="*/ 3418 w 3472"/>
              <a:gd name="T39" fmla="*/ 551 h 3599"/>
              <a:gd name="T40" fmla="*/ 3472 w 3472"/>
              <a:gd name="T41" fmla="*/ 716 h 3599"/>
              <a:gd name="T42" fmla="*/ 3402 w 3472"/>
              <a:gd name="T43" fmla="*/ 945 h 3599"/>
              <a:gd name="T44" fmla="*/ 3200 w 3472"/>
              <a:gd name="T45" fmla="*/ 1242 h 3599"/>
              <a:gd name="T46" fmla="*/ 2917 w 3472"/>
              <a:gd name="T47" fmla="*/ 1536 h 3599"/>
              <a:gd name="T48" fmla="*/ 2667 w 3472"/>
              <a:gd name="T49" fmla="*/ 1738 h 3599"/>
              <a:gd name="T50" fmla="*/ 2405 w 3472"/>
              <a:gd name="T51" fmla="*/ 1893 h 3599"/>
              <a:gd name="T52" fmla="*/ 2169 w 3472"/>
              <a:gd name="T53" fmla="*/ 1955 h 3599"/>
              <a:gd name="T54" fmla="*/ 2073 w 3472"/>
              <a:gd name="T55" fmla="*/ 1927 h 3599"/>
              <a:gd name="T56" fmla="*/ 1981 w 3472"/>
              <a:gd name="T57" fmla="*/ 1835 h 3599"/>
              <a:gd name="T58" fmla="*/ 1953 w 3472"/>
              <a:gd name="T59" fmla="*/ 1674 h 3599"/>
              <a:gd name="T60" fmla="*/ 1848 w 3472"/>
              <a:gd name="T61" fmla="*/ 1391 h 3599"/>
              <a:gd name="T62" fmla="*/ 1752 w 3472"/>
              <a:gd name="T63" fmla="*/ 1038 h 3599"/>
              <a:gd name="T64" fmla="*/ 1797 w 3472"/>
              <a:gd name="T65" fmla="*/ 695 h 3599"/>
              <a:gd name="T66" fmla="*/ 1580 w 3472"/>
              <a:gd name="T67" fmla="*/ 1199 h 3599"/>
              <a:gd name="T68" fmla="*/ 1486 w 3472"/>
              <a:gd name="T69" fmla="*/ 1217 h 3599"/>
              <a:gd name="T70" fmla="*/ 944 w 3472"/>
              <a:gd name="T71" fmla="*/ 1739 h 3599"/>
              <a:gd name="T72" fmla="*/ 952 w 3472"/>
              <a:gd name="T73" fmla="*/ 1830 h 3599"/>
              <a:gd name="T74" fmla="*/ 1367 w 3472"/>
              <a:gd name="T75" fmla="*/ 2840 h 3599"/>
              <a:gd name="T76" fmla="*/ 1630 w 3472"/>
              <a:gd name="T77" fmla="*/ 2998 h 3599"/>
              <a:gd name="T78" fmla="*/ 1828 w 3472"/>
              <a:gd name="T79" fmla="*/ 3105 h 3599"/>
              <a:gd name="T80" fmla="*/ 2035 w 3472"/>
              <a:gd name="T81" fmla="*/ 3246 h 3599"/>
              <a:gd name="T82" fmla="*/ 2117 w 3472"/>
              <a:gd name="T83" fmla="*/ 3489 h 3599"/>
              <a:gd name="T84" fmla="*/ 52 w 3472"/>
              <a:gd name="T85" fmla="*/ 3384 h 3599"/>
              <a:gd name="T86" fmla="*/ 192 w 3472"/>
              <a:gd name="T87" fmla="*/ 3174 h 3599"/>
              <a:gd name="T88" fmla="*/ 434 w 3472"/>
              <a:gd name="T89" fmla="*/ 3090 h 3599"/>
              <a:gd name="T90" fmla="*/ 141 w 3472"/>
              <a:gd name="T91" fmla="*/ 2210 h 3599"/>
              <a:gd name="T92" fmla="*/ 35 w 3472"/>
              <a:gd name="T93" fmla="*/ 2178 h 3599"/>
              <a:gd name="T94" fmla="*/ 0 w 3472"/>
              <a:gd name="T95" fmla="*/ 1506 h 3599"/>
              <a:gd name="T96" fmla="*/ 50 w 3472"/>
              <a:gd name="T97" fmla="*/ 1394 h 3599"/>
              <a:gd name="T98" fmla="*/ 186 w 3472"/>
              <a:gd name="T99" fmla="*/ 1361 h 3599"/>
              <a:gd name="T100" fmla="*/ 946 w 3472"/>
              <a:gd name="T101" fmla="*/ 647 h 3599"/>
              <a:gd name="T102" fmla="*/ 976 w 3472"/>
              <a:gd name="T103" fmla="*/ 591 h 3599"/>
              <a:gd name="T104" fmla="*/ 1582 w 3472"/>
              <a:gd name="T105" fmla="*/ 445 h 3599"/>
              <a:gd name="T106" fmla="*/ 1574 w 3472"/>
              <a:gd name="T107" fmla="*/ 260 h 3599"/>
              <a:gd name="T108" fmla="*/ 1772 w 3472"/>
              <a:gd name="T109" fmla="*/ 42 h 3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472" h="3599">
                <a:moveTo>
                  <a:pt x="640" y="1990"/>
                </a:moveTo>
                <a:lnTo>
                  <a:pt x="383" y="2105"/>
                </a:lnTo>
                <a:lnTo>
                  <a:pt x="795" y="2871"/>
                </a:lnTo>
                <a:lnTo>
                  <a:pt x="847" y="2849"/>
                </a:lnTo>
                <a:lnTo>
                  <a:pt x="901" y="2829"/>
                </a:lnTo>
                <a:lnTo>
                  <a:pt x="957" y="2814"/>
                </a:lnTo>
                <a:lnTo>
                  <a:pt x="1015" y="2804"/>
                </a:lnTo>
                <a:lnTo>
                  <a:pt x="1074" y="2798"/>
                </a:lnTo>
                <a:lnTo>
                  <a:pt x="640" y="1990"/>
                </a:lnTo>
                <a:close/>
                <a:moveTo>
                  <a:pt x="1124" y="846"/>
                </a:moveTo>
                <a:lnTo>
                  <a:pt x="457" y="1491"/>
                </a:lnTo>
                <a:lnTo>
                  <a:pt x="686" y="1602"/>
                </a:lnTo>
                <a:lnTo>
                  <a:pt x="1288" y="1019"/>
                </a:lnTo>
                <a:lnTo>
                  <a:pt x="1124" y="846"/>
                </a:lnTo>
                <a:close/>
                <a:moveTo>
                  <a:pt x="3116" y="773"/>
                </a:moveTo>
                <a:lnTo>
                  <a:pt x="3101" y="774"/>
                </a:lnTo>
                <a:lnTo>
                  <a:pt x="3085" y="780"/>
                </a:lnTo>
                <a:lnTo>
                  <a:pt x="3036" y="807"/>
                </a:lnTo>
                <a:lnTo>
                  <a:pt x="2983" y="836"/>
                </a:lnTo>
                <a:lnTo>
                  <a:pt x="2927" y="873"/>
                </a:lnTo>
                <a:lnTo>
                  <a:pt x="2869" y="913"/>
                </a:lnTo>
                <a:lnTo>
                  <a:pt x="2809" y="958"/>
                </a:lnTo>
                <a:lnTo>
                  <a:pt x="2747" y="1008"/>
                </a:lnTo>
                <a:lnTo>
                  <a:pt x="2684" y="1063"/>
                </a:lnTo>
                <a:lnTo>
                  <a:pt x="2619" y="1122"/>
                </a:lnTo>
                <a:lnTo>
                  <a:pt x="2551" y="1187"/>
                </a:lnTo>
                <a:lnTo>
                  <a:pt x="2491" y="1250"/>
                </a:lnTo>
                <a:lnTo>
                  <a:pt x="2436" y="1311"/>
                </a:lnTo>
                <a:lnTo>
                  <a:pt x="2387" y="1369"/>
                </a:lnTo>
                <a:lnTo>
                  <a:pt x="2345" y="1424"/>
                </a:lnTo>
                <a:lnTo>
                  <a:pt x="2308" y="1476"/>
                </a:lnTo>
                <a:lnTo>
                  <a:pt x="2276" y="1524"/>
                </a:lnTo>
                <a:lnTo>
                  <a:pt x="2248" y="1569"/>
                </a:lnTo>
                <a:lnTo>
                  <a:pt x="2242" y="1584"/>
                </a:lnTo>
                <a:lnTo>
                  <a:pt x="2239" y="1601"/>
                </a:lnTo>
                <a:lnTo>
                  <a:pt x="2242" y="1617"/>
                </a:lnTo>
                <a:lnTo>
                  <a:pt x="2247" y="1632"/>
                </a:lnTo>
                <a:lnTo>
                  <a:pt x="2258" y="1646"/>
                </a:lnTo>
                <a:lnTo>
                  <a:pt x="2270" y="1656"/>
                </a:lnTo>
                <a:lnTo>
                  <a:pt x="2285" y="1663"/>
                </a:lnTo>
                <a:lnTo>
                  <a:pt x="2301" y="1667"/>
                </a:lnTo>
                <a:lnTo>
                  <a:pt x="2317" y="1666"/>
                </a:lnTo>
                <a:lnTo>
                  <a:pt x="2333" y="1660"/>
                </a:lnTo>
                <a:lnTo>
                  <a:pt x="2382" y="1635"/>
                </a:lnTo>
                <a:lnTo>
                  <a:pt x="2434" y="1603"/>
                </a:lnTo>
                <a:lnTo>
                  <a:pt x="2490" y="1568"/>
                </a:lnTo>
                <a:lnTo>
                  <a:pt x="2548" y="1526"/>
                </a:lnTo>
                <a:lnTo>
                  <a:pt x="2608" y="1482"/>
                </a:lnTo>
                <a:lnTo>
                  <a:pt x="2671" y="1431"/>
                </a:lnTo>
                <a:lnTo>
                  <a:pt x="2735" y="1376"/>
                </a:lnTo>
                <a:lnTo>
                  <a:pt x="2800" y="1317"/>
                </a:lnTo>
                <a:lnTo>
                  <a:pt x="2867" y="1252"/>
                </a:lnTo>
                <a:lnTo>
                  <a:pt x="2927" y="1189"/>
                </a:lnTo>
                <a:lnTo>
                  <a:pt x="2981" y="1129"/>
                </a:lnTo>
                <a:lnTo>
                  <a:pt x="3030" y="1071"/>
                </a:lnTo>
                <a:lnTo>
                  <a:pt x="3073" y="1016"/>
                </a:lnTo>
                <a:lnTo>
                  <a:pt x="3110" y="964"/>
                </a:lnTo>
                <a:lnTo>
                  <a:pt x="3143" y="916"/>
                </a:lnTo>
                <a:lnTo>
                  <a:pt x="3169" y="872"/>
                </a:lnTo>
                <a:lnTo>
                  <a:pt x="3176" y="856"/>
                </a:lnTo>
                <a:lnTo>
                  <a:pt x="3178" y="840"/>
                </a:lnTo>
                <a:lnTo>
                  <a:pt x="3176" y="824"/>
                </a:lnTo>
                <a:lnTo>
                  <a:pt x="3170" y="808"/>
                </a:lnTo>
                <a:lnTo>
                  <a:pt x="3161" y="794"/>
                </a:lnTo>
                <a:lnTo>
                  <a:pt x="3147" y="784"/>
                </a:lnTo>
                <a:lnTo>
                  <a:pt x="3132" y="777"/>
                </a:lnTo>
                <a:lnTo>
                  <a:pt x="3116" y="773"/>
                </a:lnTo>
                <a:close/>
                <a:moveTo>
                  <a:pt x="1915" y="0"/>
                </a:moveTo>
                <a:lnTo>
                  <a:pt x="1952" y="5"/>
                </a:lnTo>
                <a:lnTo>
                  <a:pt x="1988" y="15"/>
                </a:lnTo>
                <a:lnTo>
                  <a:pt x="2022" y="30"/>
                </a:lnTo>
                <a:lnTo>
                  <a:pt x="2053" y="51"/>
                </a:lnTo>
                <a:lnTo>
                  <a:pt x="2081" y="77"/>
                </a:lnTo>
                <a:lnTo>
                  <a:pt x="2254" y="265"/>
                </a:lnTo>
                <a:lnTo>
                  <a:pt x="2320" y="249"/>
                </a:lnTo>
                <a:lnTo>
                  <a:pt x="2387" y="238"/>
                </a:lnTo>
                <a:lnTo>
                  <a:pt x="2456" y="234"/>
                </a:lnTo>
                <a:lnTo>
                  <a:pt x="2525" y="235"/>
                </a:lnTo>
                <a:lnTo>
                  <a:pt x="2595" y="242"/>
                </a:lnTo>
                <a:lnTo>
                  <a:pt x="2665" y="255"/>
                </a:lnTo>
                <a:lnTo>
                  <a:pt x="2735" y="274"/>
                </a:lnTo>
                <a:lnTo>
                  <a:pt x="2803" y="298"/>
                </a:lnTo>
                <a:lnTo>
                  <a:pt x="2872" y="328"/>
                </a:lnTo>
                <a:lnTo>
                  <a:pt x="2938" y="364"/>
                </a:lnTo>
                <a:lnTo>
                  <a:pt x="3003" y="405"/>
                </a:lnTo>
                <a:lnTo>
                  <a:pt x="3065" y="451"/>
                </a:lnTo>
                <a:lnTo>
                  <a:pt x="3126" y="504"/>
                </a:lnTo>
                <a:lnTo>
                  <a:pt x="3137" y="501"/>
                </a:lnTo>
                <a:lnTo>
                  <a:pt x="3153" y="496"/>
                </a:lnTo>
                <a:lnTo>
                  <a:pt x="3171" y="491"/>
                </a:lnTo>
                <a:lnTo>
                  <a:pt x="3193" y="487"/>
                </a:lnTo>
                <a:lnTo>
                  <a:pt x="3216" y="483"/>
                </a:lnTo>
                <a:lnTo>
                  <a:pt x="3241" y="481"/>
                </a:lnTo>
                <a:lnTo>
                  <a:pt x="3266" y="480"/>
                </a:lnTo>
                <a:lnTo>
                  <a:pt x="3293" y="482"/>
                </a:lnTo>
                <a:lnTo>
                  <a:pt x="3319" y="488"/>
                </a:lnTo>
                <a:lnTo>
                  <a:pt x="3345" y="497"/>
                </a:lnTo>
                <a:lnTo>
                  <a:pt x="3372" y="510"/>
                </a:lnTo>
                <a:lnTo>
                  <a:pt x="3396" y="528"/>
                </a:lnTo>
                <a:lnTo>
                  <a:pt x="3418" y="551"/>
                </a:lnTo>
                <a:lnTo>
                  <a:pt x="3439" y="579"/>
                </a:lnTo>
                <a:lnTo>
                  <a:pt x="3455" y="610"/>
                </a:lnTo>
                <a:lnTo>
                  <a:pt x="3465" y="643"/>
                </a:lnTo>
                <a:lnTo>
                  <a:pt x="3471" y="678"/>
                </a:lnTo>
                <a:lnTo>
                  <a:pt x="3472" y="716"/>
                </a:lnTo>
                <a:lnTo>
                  <a:pt x="3468" y="756"/>
                </a:lnTo>
                <a:lnTo>
                  <a:pt x="3459" y="800"/>
                </a:lnTo>
                <a:lnTo>
                  <a:pt x="3446" y="844"/>
                </a:lnTo>
                <a:lnTo>
                  <a:pt x="3427" y="893"/>
                </a:lnTo>
                <a:lnTo>
                  <a:pt x="3402" y="945"/>
                </a:lnTo>
                <a:lnTo>
                  <a:pt x="3374" y="997"/>
                </a:lnTo>
                <a:lnTo>
                  <a:pt x="3337" y="1057"/>
                </a:lnTo>
                <a:lnTo>
                  <a:pt x="3295" y="1118"/>
                </a:lnTo>
                <a:lnTo>
                  <a:pt x="3250" y="1179"/>
                </a:lnTo>
                <a:lnTo>
                  <a:pt x="3200" y="1242"/>
                </a:lnTo>
                <a:lnTo>
                  <a:pt x="3145" y="1306"/>
                </a:lnTo>
                <a:lnTo>
                  <a:pt x="3088" y="1369"/>
                </a:lnTo>
                <a:lnTo>
                  <a:pt x="3026" y="1432"/>
                </a:lnTo>
                <a:lnTo>
                  <a:pt x="2963" y="1493"/>
                </a:lnTo>
                <a:lnTo>
                  <a:pt x="2917" y="1536"/>
                </a:lnTo>
                <a:lnTo>
                  <a:pt x="2869" y="1578"/>
                </a:lnTo>
                <a:lnTo>
                  <a:pt x="2820" y="1620"/>
                </a:lnTo>
                <a:lnTo>
                  <a:pt x="2770" y="1660"/>
                </a:lnTo>
                <a:lnTo>
                  <a:pt x="2719" y="1700"/>
                </a:lnTo>
                <a:lnTo>
                  <a:pt x="2667" y="1738"/>
                </a:lnTo>
                <a:lnTo>
                  <a:pt x="2614" y="1775"/>
                </a:lnTo>
                <a:lnTo>
                  <a:pt x="2561" y="1808"/>
                </a:lnTo>
                <a:lnTo>
                  <a:pt x="2508" y="1839"/>
                </a:lnTo>
                <a:lnTo>
                  <a:pt x="2456" y="1868"/>
                </a:lnTo>
                <a:lnTo>
                  <a:pt x="2405" y="1893"/>
                </a:lnTo>
                <a:lnTo>
                  <a:pt x="2354" y="1915"/>
                </a:lnTo>
                <a:lnTo>
                  <a:pt x="2304" y="1932"/>
                </a:lnTo>
                <a:lnTo>
                  <a:pt x="2258" y="1945"/>
                </a:lnTo>
                <a:lnTo>
                  <a:pt x="2212" y="1953"/>
                </a:lnTo>
                <a:lnTo>
                  <a:pt x="2169" y="1955"/>
                </a:lnTo>
                <a:lnTo>
                  <a:pt x="2152" y="1954"/>
                </a:lnTo>
                <a:lnTo>
                  <a:pt x="2133" y="1951"/>
                </a:lnTo>
                <a:lnTo>
                  <a:pt x="2114" y="1945"/>
                </a:lnTo>
                <a:lnTo>
                  <a:pt x="2094" y="1937"/>
                </a:lnTo>
                <a:lnTo>
                  <a:pt x="2073" y="1927"/>
                </a:lnTo>
                <a:lnTo>
                  <a:pt x="2053" y="1913"/>
                </a:lnTo>
                <a:lnTo>
                  <a:pt x="2032" y="1898"/>
                </a:lnTo>
                <a:lnTo>
                  <a:pt x="2014" y="1879"/>
                </a:lnTo>
                <a:lnTo>
                  <a:pt x="1997" y="1858"/>
                </a:lnTo>
                <a:lnTo>
                  <a:pt x="1981" y="1835"/>
                </a:lnTo>
                <a:lnTo>
                  <a:pt x="1968" y="1808"/>
                </a:lnTo>
                <a:lnTo>
                  <a:pt x="1959" y="1778"/>
                </a:lnTo>
                <a:lnTo>
                  <a:pt x="1953" y="1747"/>
                </a:lnTo>
                <a:lnTo>
                  <a:pt x="1951" y="1712"/>
                </a:lnTo>
                <a:lnTo>
                  <a:pt x="1953" y="1674"/>
                </a:lnTo>
                <a:lnTo>
                  <a:pt x="1961" y="1633"/>
                </a:lnTo>
                <a:lnTo>
                  <a:pt x="1974" y="1590"/>
                </a:lnTo>
                <a:lnTo>
                  <a:pt x="1926" y="1525"/>
                </a:lnTo>
                <a:lnTo>
                  <a:pt x="1884" y="1459"/>
                </a:lnTo>
                <a:lnTo>
                  <a:pt x="1848" y="1391"/>
                </a:lnTo>
                <a:lnTo>
                  <a:pt x="1818" y="1322"/>
                </a:lnTo>
                <a:lnTo>
                  <a:pt x="1793" y="1252"/>
                </a:lnTo>
                <a:lnTo>
                  <a:pt x="1773" y="1180"/>
                </a:lnTo>
                <a:lnTo>
                  <a:pt x="1760" y="1109"/>
                </a:lnTo>
                <a:lnTo>
                  <a:pt x="1752" y="1038"/>
                </a:lnTo>
                <a:lnTo>
                  <a:pt x="1750" y="966"/>
                </a:lnTo>
                <a:lnTo>
                  <a:pt x="1753" y="896"/>
                </a:lnTo>
                <a:lnTo>
                  <a:pt x="1762" y="827"/>
                </a:lnTo>
                <a:lnTo>
                  <a:pt x="1777" y="761"/>
                </a:lnTo>
                <a:lnTo>
                  <a:pt x="1797" y="695"/>
                </a:lnTo>
                <a:lnTo>
                  <a:pt x="1701" y="591"/>
                </a:lnTo>
                <a:lnTo>
                  <a:pt x="1609" y="1147"/>
                </a:lnTo>
                <a:lnTo>
                  <a:pt x="1603" y="1166"/>
                </a:lnTo>
                <a:lnTo>
                  <a:pt x="1593" y="1184"/>
                </a:lnTo>
                <a:lnTo>
                  <a:pt x="1580" y="1199"/>
                </a:lnTo>
                <a:lnTo>
                  <a:pt x="1564" y="1211"/>
                </a:lnTo>
                <a:lnTo>
                  <a:pt x="1546" y="1219"/>
                </a:lnTo>
                <a:lnTo>
                  <a:pt x="1526" y="1223"/>
                </a:lnTo>
                <a:lnTo>
                  <a:pt x="1506" y="1222"/>
                </a:lnTo>
                <a:lnTo>
                  <a:pt x="1486" y="1217"/>
                </a:lnTo>
                <a:lnTo>
                  <a:pt x="1469" y="1208"/>
                </a:lnTo>
                <a:lnTo>
                  <a:pt x="1453" y="1194"/>
                </a:lnTo>
                <a:lnTo>
                  <a:pt x="915" y="1715"/>
                </a:lnTo>
                <a:lnTo>
                  <a:pt x="931" y="1725"/>
                </a:lnTo>
                <a:lnTo>
                  <a:pt x="944" y="1739"/>
                </a:lnTo>
                <a:lnTo>
                  <a:pt x="953" y="1756"/>
                </a:lnTo>
                <a:lnTo>
                  <a:pt x="960" y="1774"/>
                </a:lnTo>
                <a:lnTo>
                  <a:pt x="961" y="1793"/>
                </a:lnTo>
                <a:lnTo>
                  <a:pt x="959" y="1813"/>
                </a:lnTo>
                <a:lnTo>
                  <a:pt x="952" y="1830"/>
                </a:lnTo>
                <a:lnTo>
                  <a:pt x="942" y="1846"/>
                </a:lnTo>
                <a:lnTo>
                  <a:pt x="928" y="1860"/>
                </a:lnTo>
                <a:lnTo>
                  <a:pt x="911" y="1869"/>
                </a:lnTo>
                <a:lnTo>
                  <a:pt x="859" y="1893"/>
                </a:lnTo>
                <a:lnTo>
                  <a:pt x="1367" y="2840"/>
                </a:lnTo>
                <a:lnTo>
                  <a:pt x="1425" y="2863"/>
                </a:lnTo>
                <a:lnTo>
                  <a:pt x="1481" y="2890"/>
                </a:lnTo>
                <a:lnTo>
                  <a:pt x="1533" y="2921"/>
                </a:lnTo>
                <a:lnTo>
                  <a:pt x="1583" y="2958"/>
                </a:lnTo>
                <a:lnTo>
                  <a:pt x="1630" y="2998"/>
                </a:lnTo>
                <a:lnTo>
                  <a:pt x="1673" y="3042"/>
                </a:lnTo>
                <a:lnTo>
                  <a:pt x="1713" y="3090"/>
                </a:lnTo>
                <a:lnTo>
                  <a:pt x="1723" y="3090"/>
                </a:lnTo>
                <a:lnTo>
                  <a:pt x="1777" y="3094"/>
                </a:lnTo>
                <a:lnTo>
                  <a:pt x="1828" y="3105"/>
                </a:lnTo>
                <a:lnTo>
                  <a:pt x="1877" y="3123"/>
                </a:lnTo>
                <a:lnTo>
                  <a:pt x="1923" y="3146"/>
                </a:lnTo>
                <a:lnTo>
                  <a:pt x="1965" y="3174"/>
                </a:lnTo>
                <a:lnTo>
                  <a:pt x="2002" y="3208"/>
                </a:lnTo>
                <a:lnTo>
                  <a:pt x="2035" y="3246"/>
                </a:lnTo>
                <a:lnTo>
                  <a:pt x="2064" y="3288"/>
                </a:lnTo>
                <a:lnTo>
                  <a:pt x="2087" y="3334"/>
                </a:lnTo>
                <a:lnTo>
                  <a:pt x="2104" y="3384"/>
                </a:lnTo>
                <a:lnTo>
                  <a:pt x="2114" y="3435"/>
                </a:lnTo>
                <a:lnTo>
                  <a:pt x="2117" y="3489"/>
                </a:lnTo>
                <a:lnTo>
                  <a:pt x="2117" y="3599"/>
                </a:lnTo>
                <a:lnTo>
                  <a:pt x="39" y="3599"/>
                </a:lnTo>
                <a:lnTo>
                  <a:pt x="39" y="3489"/>
                </a:lnTo>
                <a:lnTo>
                  <a:pt x="42" y="3435"/>
                </a:lnTo>
                <a:lnTo>
                  <a:pt x="52" y="3384"/>
                </a:lnTo>
                <a:lnTo>
                  <a:pt x="69" y="3334"/>
                </a:lnTo>
                <a:lnTo>
                  <a:pt x="92" y="3288"/>
                </a:lnTo>
                <a:lnTo>
                  <a:pt x="121" y="3246"/>
                </a:lnTo>
                <a:lnTo>
                  <a:pt x="155" y="3208"/>
                </a:lnTo>
                <a:lnTo>
                  <a:pt x="192" y="3174"/>
                </a:lnTo>
                <a:lnTo>
                  <a:pt x="235" y="3146"/>
                </a:lnTo>
                <a:lnTo>
                  <a:pt x="280" y="3123"/>
                </a:lnTo>
                <a:lnTo>
                  <a:pt x="329" y="3105"/>
                </a:lnTo>
                <a:lnTo>
                  <a:pt x="380" y="3094"/>
                </a:lnTo>
                <a:lnTo>
                  <a:pt x="434" y="3090"/>
                </a:lnTo>
                <a:lnTo>
                  <a:pt x="526" y="3090"/>
                </a:lnTo>
                <a:lnTo>
                  <a:pt x="560" y="3049"/>
                </a:lnTo>
                <a:lnTo>
                  <a:pt x="598" y="3010"/>
                </a:lnTo>
                <a:lnTo>
                  <a:pt x="164" y="2201"/>
                </a:lnTo>
                <a:lnTo>
                  <a:pt x="141" y="2210"/>
                </a:lnTo>
                <a:lnTo>
                  <a:pt x="118" y="2212"/>
                </a:lnTo>
                <a:lnTo>
                  <a:pt x="96" y="2211"/>
                </a:lnTo>
                <a:lnTo>
                  <a:pt x="74" y="2204"/>
                </a:lnTo>
                <a:lnTo>
                  <a:pt x="53" y="2193"/>
                </a:lnTo>
                <a:lnTo>
                  <a:pt x="35" y="2178"/>
                </a:lnTo>
                <a:lnTo>
                  <a:pt x="20" y="2160"/>
                </a:lnTo>
                <a:lnTo>
                  <a:pt x="9" y="2141"/>
                </a:lnTo>
                <a:lnTo>
                  <a:pt x="2" y="2118"/>
                </a:lnTo>
                <a:lnTo>
                  <a:pt x="0" y="2095"/>
                </a:lnTo>
                <a:lnTo>
                  <a:pt x="0" y="1506"/>
                </a:lnTo>
                <a:lnTo>
                  <a:pt x="2" y="1480"/>
                </a:lnTo>
                <a:lnTo>
                  <a:pt x="9" y="1456"/>
                </a:lnTo>
                <a:lnTo>
                  <a:pt x="18" y="1433"/>
                </a:lnTo>
                <a:lnTo>
                  <a:pt x="33" y="1413"/>
                </a:lnTo>
                <a:lnTo>
                  <a:pt x="50" y="1394"/>
                </a:lnTo>
                <a:lnTo>
                  <a:pt x="69" y="1378"/>
                </a:lnTo>
                <a:lnTo>
                  <a:pt x="97" y="1365"/>
                </a:lnTo>
                <a:lnTo>
                  <a:pt x="126" y="1357"/>
                </a:lnTo>
                <a:lnTo>
                  <a:pt x="156" y="1356"/>
                </a:lnTo>
                <a:lnTo>
                  <a:pt x="186" y="1361"/>
                </a:lnTo>
                <a:lnTo>
                  <a:pt x="213" y="1371"/>
                </a:lnTo>
                <a:lnTo>
                  <a:pt x="228" y="1378"/>
                </a:lnTo>
                <a:lnTo>
                  <a:pt x="959" y="671"/>
                </a:lnTo>
                <a:lnTo>
                  <a:pt x="951" y="659"/>
                </a:lnTo>
                <a:lnTo>
                  <a:pt x="946" y="647"/>
                </a:lnTo>
                <a:lnTo>
                  <a:pt x="945" y="633"/>
                </a:lnTo>
                <a:lnTo>
                  <a:pt x="948" y="619"/>
                </a:lnTo>
                <a:lnTo>
                  <a:pt x="954" y="608"/>
                </a:lnTo>
                <a:lnTo>
                  <a:pt x="965" y="597"/>
                </a:lnTo>
                <a:lnTo>
                  <a:pt x="976" y="591"/>
                </a:lnTo>
                <a:lnTo>
                  <a:pt x="990" y="588"/>
                </a:lnTo>
                <a:lnTo>
                  <a:pt x="1645" y="531"/>
                </a:lnTo>
                <a:lnTo>
                  <a:pt x="1624" y="508"/>
                </a:lnTo>
                <a:lnTo>
                  <a:pt x="1600" y="478"/>
                </a:lnTo>
                <a:lnTo>
                  <a:pt x="1582" y="445"/>
                </a:lnTo>
                <a:lnTo>
                  <a:pt x="1570" y="410"/>
                </a:lnTo>
                <a:lnTo>
                  <a:pt x="1562" y="373"/>
                </a:lnTo>
                <a:lnTo>
                  <a:pt x="1559" y="335"/>
                </a:lnTo>
                <a:lnTo>
                  <a:pt x="1564" y="297"/>
                </a:lnTo>
                <a:lnTo>
                  <a:pt x="1574" y="260"/>
                </a:lnTo>
                <a:lnTo>
                  <a:pt x="1590" y="227"/>
                </a:lnTo>
                <a:lnTo>
                  <a:pt x="1611" y="195"/>
                </a:lnTo>
                <a:lnTo>
                  <a:pt x="1636" y="167"/>
                </a:lnTo>
                <a:lnTo>
                  <a:pt x="1743" y="66"/>
                </a:lnTo>
                <a:lnTo>
                  <a:pt x="1772" y="42"/>
                </a:lnTo>
                <a:lnTo>
                  <a:pt x="1805" y="23"/>
                </a:lnTo>
                <a:lnTo>
                  <a:pt x="1841" y="10"/>
                </a:lnTo>
                <a:lnTo>
                  <a:pt x="1877" y="3"/>
                </a:lnTo>
                <a:lnTo>
                  <a:pt x="19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nvGrpSpPr>
          <p:cNvPr id="28" name="Group 15"/>
          <p:cNvGrpSpPr>
            <a:grpSpLocks noChangeAspect="1"/>
          </p:cNvGrpSpPr>
          <p:nvPr/>
        </p:nvGrpSpPr>
        <p:grpSpPr bwMode="auto">
          <a:xfrm>
            <a:off x="4362672" y="3841634"/>
            <a:ext cx="1136486" cy="1214554"/>
            <a:chOff x="2785" y="2376"/>
            <a:chExt cx="757" cy="809"/>
          </a:xfrm>
          <a:solidFill>
            <a:schemeClr val="bg1"/>
          </a:solidFill>
        </p:grpSpPr>
        <p:sp>
          <p:nvSpPr>
            <p:cNvPr id="31" name="Freeform 17"/>
            <p:cNvSpPr>
              <a:spLocks noEditPoints="1"/>
            </p:cNvSpPr>
            <p:nvPr/>
          </p:nvSpPr>
          <p:spPr bwMode="auto">
            <a:xfrm>
              <a:off x="2785" y="2376"/>
              <a:ext cx="757" cy="809"/>
            </a:xfrm>
            <a:custGeom>
              <a:avLst/>
              <a:gdLst>
                <a:gd name="T0" fmla="*/ 1295 w 3027"/>
                <a:gd name="T1" fmla="*/ 2679 h 3239"/>
                <a:gd name="T2" fmla="*/ 1466 w 3027"/>
                <a:gd name="T3" fmla="*/ 2998 h 3239"/>
                <a:gd name="T4" fmla="*/ 1600 w 3027"/>
                <a:gd name="T5" fmla="*/ 2952 h 3239"/>
                <a:gd name="T6" fmla="*/ 1776 w 3027"/>
                <a:gd name="T7" fmla="*/ 2539 h 3239"/>
                <a:gd name="T8" fmla="*/ 1176 w 3027"/>
                <a:gd name="T9" fmla="*/ 2171 h 3239"/>
                <a:gd name="T10" fmla="*/ 1853 w 3027"/>
                <a:gd name="T11" fmla="*/ 2163 h 3239"/>
                <a:gd name="T12" fmla="*/ 421 w 3027"/>
                <a:gd name="T13" fmla="*/ 2023 h 3239"/>
                <a:gd name="T14" fmla="*/ 229 w 3027"/>
                <a:gd name="T15" fmla="*/ 2312 h 3239"/>
                <a:gd name="T16" fmla="*/ 310 w 3027"/>
                <a:gd name="T17" fmla="*/ 2371 h 3239"/>
                <a:gd name="T18" fmla="*/ 749 w 3027"/>
                <a:gd name="T19" fmla="*/ 2317 h 3239"/>
                <a:gd name="T20" fmla="*/ 772 w 3027"/>
                <a:gd name="T21" fmla="*/ 1818 h 3239"/>
                <a:gd name="T22" fmla="*/ 2058 w 3027"/>
                <a:gd name="T23" fmla="*/ 2239 h 3239"/>
                <a:gd name="T24" fmla="*/ 2597 w 3027"/>
                <a:gd name="T25" fmla="*/ 2357 h 3239"/>
                <a:gd name="T26" fmla="*/ 2807 w 3027"/>
                <a:gd name="T27" fmla="*/ 2336 h 3239"/>
                <a:gd name="T28" fmla="*/ 2718 w 3027"/>
                <a:gd name="T29" fmla="*/ 2137 h 3239"/>
                <a:gd name="T30" fmla="*/ 2335 w 3027"/>
                <a:gd name="T31" fmla="*/ 1751 h 3239"/>
                <a:gd name="T32" fmla="*/ 2159 w 3027"/>
                <a:gd name="T33" fmla="*/ 1617 h 3239"/>
                <a:gd name="T34" fmla="*/ 1140 w 3027"/>
                <a:gd name="T35" fmla="*/ 1620 h 3239"/>
                <a:gd name="T36" fmla="*/ 1721 w 3027"/>
                <a:gd name="T37" fmla="*/ 1901 h 3239"/>
                <a:gd name="T38" fmla="*/ 1717 w 3027"/>
                <a:gd name="T39" fmla="*/ 1337 h 3239"/>
                <a:gd name="T40" fmla="*/ 1174 w 3027"/>
                <a:gd name="T41" fmla="*/ 1077 h 3239"/>
                <a:gd name="T42" fmla="*/ 375 w 3027"/>
                <a:gd name="T43" fmla="*/ 880 h 3239"/>
                <a:gd name="T44" fmla="*/ 214 w 3027"/>
                <a:gd name="T45" fmla="*/ 907 h 3239"/>
                <a:gd name="T46" fmla="*/ 340 w 3027"/>
                <a:gd name="T47" fmla="*/ 1143 h 3239"/>
                <a:gd name="T48" fmla="*/ 770 w 3027"/>
                <a:gd name="T49" fmla="*/ 1431 h 3239"/>
                <a:gd name="T50" fmla="*/ 748 w 3027"/>
                <a:gd name="T51" fmla="*/ 935 h 3239"/>
                <a:gd name="T52" fmla="*/ 2598 w 3027"/>
                <a:gd name="T53" fmla="*/ 873 h 3239"/>
                <a:gd name="T54" fmla="*/ 2057 w 3027"/>
                <a:gd name="T55" fmla="*/ 995 h 3239"/>
                <a:gd name="T56" fmla="*/ 2459 w 3027"/>
                <a:gd name="T57" fmla="*/ 1369 h 3239"/>
                <a:gd name="T58" fmla="*/ 2759 w 3027"/>
                <a:gd name="T59" fmla="*/ 1016 h 3239"/>
                <a:gd name="T60" fmla="*/ 2778 w 3027"/>
                <a:gd name="T61" fmla="*/ 884 h 3239"/>
                <a:gd name="T62" fmla="*/ 1484 w 3027"/>
                <a:gd name="T63" fmla="*/ 227 h 3239"/>
                <a:gd name="T64" fmla="*/ 1316 w 3027"/>
                <a:gd name="T65" fmla="*/ 504 h 3239"/>
                <a:gd name="T66" fmla="*/ 1510 w 3027"/>
                <a:gd name="T67" fmla="*/ 988 h 3239"/>
                <a:gd name="T68" fmla="*/ 1711 w 3027"/>
                <a:gd name="T69" fmla="*/ 501 h 3239"/>
                <a:gd name="T70" fmla="*/ 1543 w 3027"/>
                <a:gd name="T71" fmla="*/ 227 h 3239"/>
                <a:gd name="T72" fmla="*/ 1703 w 3027"/>
                <a:gd name="T73" fmla="*/ 88 h 3239"/>
                <a:gd name="T74" fmla="*/ 1950 w 3027"/>
                <a:gd name="T75" fmla="*/ 533 h 3239"/>
                <a:gd name="T76" fmla="*/ 2397 w 3027"/>
                <a:gd name="T77" fmla="*/ 677 h 3239"/>
                <a:gd name="T78" fmla="*/ 2839 w 3027"/>
                <a:gd name="T79" fmla="*/ 675 h 3239"/>
                <a:gd name="T80" fmla="*/ 3018 w 3027"/>
                <a:gd name="T81" fmla="*/ 866 h 3239"/>
                <a:gd name="T82" fmla="*/ 2893 w 3027"/>
                <a:gd name="T83" fmla="*/ 1202 h 3239"/>
                <a:gd name="T84" fmla="*/ 2506 w 3027"/>
                <a:gd name="T85" fmla="*/ 1614 h 3239"/>
                <a:gd name="T86" fmla="*/ 2898 w 3027"/>
                <a:gd name="T87" fmla="*/ 2021 h 3239"/>
                <a:gd name="T88" fmla="*/ 3027 w 3027"/>
                <a:gd name="T89" fmla="*/ 2355 h 3239"/>
                <a:gd name="T90" fmla="*/ 2845 w 3027"/>
                <a:gd name="T91" fmla="*/ 2550 h 3239"/>
                <a:gd name="T92" fmla="*/ 2397 w 3027"/>
                <a:gd name="T93" fmla="*/ 2550 h 3239"/>
                <a:gd name="T94" fmla="*/ 1952 w 3027"/>
                <a:gd name="T95" fmla="*/ 2700 h 3239"/>
                <a:gd name="T96" fmla="*/ 1705 w 3027"/>
                <a:gd name="T97" fmla="*/ 3151 h 3239"/>
                <a:gd name="T98" fmla="*/ 1397 w 3027"/>
                <a:gd name="T99" fmla="*/ 3207 h 3239"/>
                <a:gd name="T100" fmla="*/ 1130 w 3027"/>
                <a:gd name="T101" fmla="*/ 2849 h 3239"/>
                <a:gd name="T102" fmla="*/ 774 w 3027"/>
                <a:gd name="T103" fmla="*/ 2532 h 3239"/>
                <a:gd name="T104" fmla="*/ 274 w 3027"/>
                <a:gd name="T105" fmla="*/ 2583 h 3239"/>
                <a:gd name="T106" fmla="*/ 26 w 3027"/>
                <a:gd name="T107" fmla="*/ 2439 h 3239"/>
                <a:gd name="T108" fmla="*/ 76 w 3027"/>
                <a:gd name="T109" fmla="*/ 2132 h 3239"/>
                <a:gd name="T110" fmla="*/ 403 w 3027"/>
                <a:gd name="T111" fmla="*/ 1733 h 3239"/>
                <a:gd name="T112" fmla="*/ 205 w 3027"/>
                <a:gd name="T113" fmla="*/ 1316 h 3239"/>
                <a:gd name="T114" fmla="*/ 4 w 3027"/>
                <a:gd name="T115" fmla="*/ 958 h 3239"/>
                <a:gd name="T116" fmla="*/ 108 w 3027"/>
                <a:gd name="T117" fmla="*/ 720 h 3239"/>
                <a:gd name="T118" fmla="*/ 496 w 3027"/>
                <a:gd name="T119" fmla="*/ 672 h 3239"/>
                <a:gd name="T120" fmla="*/ 1029 w 3027"/>
                <a:gd name="T121" fmla="*/ 700 h 3239"/>
                <a:gd name="T122" fmla="*/ 1252 w 3027"/>
                <a:gd name="T123" fmla="*/ 169 h 3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27" h="3239">
                  <a:moveTo>
                    <a:pt x="1517" y="2251"/>
                  </a:moveTo>
                  <a:lnTo>
                    <a:pt x="1415" y="2300"/>
                  </a:lnTo>
                  <a:lnTo>
                    <a:pt x="1314" y="2345"/>
                  </a:lnTo>
                  <a:lnTo>
                    <a:pt x="1214" y="2386"/>
                  </a:lnTo>
                  <a:lnTo>
                    <a:pt x="1233" y="2468"/>
                  </a:lnTo>
                  <a:lnTo>
                    <a:pt x="1252" y="2544"/>
                  </a:lnTo>
                  <a:lnTo>
                    <a:pt x="1273" y="2614"/>
                  </a:lnTo>
                  <a:lnTo>
                    <a:pt x="1295" y="2679"/>
                  </a:lnTo>
                  <a:lnTo>
                    <a:pt x="1317" y="2739"/>
                  </a:lnTo>
                  <a:lnTo>
                    <a:pt x="1340" y="2793"/>
                  </a:lnTo>
                  <a:lnTo>
                    <a:pt x="1361" y="2840"/>
                  </a:lnTo>
                  <a:lnTo>
                    <a:pt x="1384" y="2884"/>
                  </a:lnTo>
                  <a:lnTo>
                    <a:pt x="1406" y="2920"/>
                  </a:lnTo>
                  <a:lnTo>
                    <a:pt x="1427" y="2953"/>
                  </a:lnTo>
                  <a:lnTo>
                    <a:pt x="1448" y="2979"/>
                  </a:lnTo>
                  <a:lnTo>
                    <a:pt x="1466" y="2998"/>
                  </a:lnTo>
                  <a:lnTo>
                    <a:pt x="1484" y="3013"/>
                  </a:lnTo>
                  <a:lnTo>
                    <a:pt x="1500" y="3021"/>
                  </a:lnTo>
                  <a:lnTo>
                    <a:pt x="1513" y="3024"/>
                  </a:lnTo>
                  <a:lnTo>
                    <a:pt x="1528" y="3021"/>
                  </a:lnTo>
                  <a:lnTo>
                    <a:pt x="1543" y="3013"/>
                  </a:lnTo>
                  <a:lnTo>
                    <a:pt x="1561" y="2998"/>
                  </a:lnTo>
                  <a:lnTo>
                    <a:pt x="1581" y="2977"/>
                  </a:lnTo>
                  <a:lnTo>
                    <a:pt x="1600" y="2952"/>
                  </a:lnTo>
                  <a:lnTo>
                    <a:pt x="1622" y="2919"/>
                  </a:lnTo>
                  <a:lnTo>
                    <a:pt x="1644" y="2882"/>
                  </a:lnTo>
                  <a:lnTo>
                    <a:pt x="1666" y="2839"/>
                  </a:lnTo>
                  <a:lnTo>
                    <a:pt x="1689" y="2791"/>
                  </a:lnTo>
                  <a:lnTo>
                    <a:pt x="1712" y="2735"/>
                  </a:lnTo>
                  <a:lnTo>
                    <a:pt x="1733" y="2675"/>
                  </a:lnTo>
                  <a:lnTo>
                    <a:pt x="1755" y="2610"/>
                  </a:lnTo>
                  <a:lnTo>
                    <a:pt x="1776" y="2539"/>
                  </a:lnTo>
                  <a:lnTo>
                    <a:pt x="1796" y="2462"/>
                  </a:lnTo>
                  <a:lnTo>
                    <a:pt x="1814" y="2380"/>
                  </a:lnTo>
                  <a:lnTo>
                    <a:pt x="1717" y="2341"/>
                  </a:lnTo>
                  <a:lnTo>
                    <a:pt x="1618" y="2298"/>
                  </a:lnTo>
                  <a:lnTo>
                    <a:pt x="1517" y="2251"/>
                  </a:lnTo>
                  <a:close/>
                  <a:moveTo>
                    <a:pt x="1163" y="2066"/>
                  </a:moveTo>
                  <a:lnTo>
                    <a:pt x="1169" y="2119"/>
                  </a:lnTo>
                  <a:lnTo>
                    <a:pt x="1176" y="2171"/>
                  </a:lnTo>
                  <a:lnTo>
                    <a:pt x="1225" y="2150"/>
                  </a:lnTo>
                  <a:lnTo>
                    <a:pt x="1275" y="2129"/>
                  </a:lnTo>
                  <a:lnTo>
                    <a:pt x="1205" y="2090"/>
                  </a:lnTo>
                  <a:lnTo>
                    <a:pt x="1163" y="2066"/>
                  </a:lnTo>
                  <a:close/>
                  <a:moveTo>
                    <a:pt x="1864" y="2065"/>
                  </a:moveTo>
                  <a:lnTo>
                    <a:pt x="1828" y="2086"/>
                  </a:lnTo>
                  <a:lnTo>
                    <a:pt x="1760" y="2125"/>
                  </a:lnTo>
                  <a:lnTo>
                    <a:pt x="1853" y="2163"/>
                  </a:lnTo>
                  <a:lnTo>
                    <a:pt x="1858" y="2115"/>
                  </a:lnTo>
                  <a:lnTo>
                    <a:pt x="1864" y="2065"/>
                  </a:lnTo>
                  <a:close/>
                  <a:moveTo>
                    <a:pt x="695" y="1762"/>
                  </a:moveTo>
                  <a:lnTo>
                    <a:pt x="630" y="1818"/>
                  </a:lnTo>
                  <a:lnTo>
                    <a:pt x="571" y="1872"/>
                  </a:lnTo>
                  <a:lnTo>
                    <a:pt x="515" y="1924"/>
                  </a:lnTo>
                  <a:lnTo>
                    <a:pt x="466" y="1975"/>
                  </a:lnTo>
                  <a:lnTo>
                    <a:pt x="421" y="2023"/>
                  </a:lnTo>
                  <a:lnTo>
                    <a:pt x="381" y="2069"/>
                  </a:lnTo>
                  <a:lnTo>
                    <a:pt x="346" y="2112"/>
                  </a:lnTo>
                  <a:lnTo>
                    <a:pt x="316" y="2153"/>
                  </a:lnTo>
                  <a:lnTo>
                    <a:pt x="290" y="2191"/>
                  </a:lnTo>
                  <a:lnTo>
                    <a:pt x="268" y="2226"/>
                  </a:lnTo>
                  <a:lnTo>
                    <a:pt x="250" y="2258"/>
                  </a:lnTo>
                  <a:lnTo>
                    <a:pt x="238" y="2287"/>
                  </a:lnTo>
                  <a:lnTo>
                    <a:pt x="229" y="2312"/>
                  </a:lnTo>
                  <a:lnTo>
                    <a:pt x="224" y="2332"/>
                  </a:lnTo>
                  <a:lnTo>
                    <a:pt x="223" y="2349"/>
                  </a:lnTo>
                  <a:lnTo>
                    <a:pt x="229" y="2352"/>
                  </a:lnTo>
                  <a:lnTo>
                    <a:pt x="237" y="2355"/>
                  </a:lnTo>
                  <a:lnTo>
                    <a:pt x="249" y="2359"/>
                  </a:lnTo>
                  <a:lnTo>
                    <a:pt x="265" y="2364"/>
                  </a:lnTo>
                  <a:lnTo>
                    <a:pt x="285" y="2368"/>
                  </a:lnTo>
                  <a:lnTo>
                    <a:pt x="310" y="2371"/>
                  </a:lnTo>
                  <a:lnTo>
                    <a:pt x="340" y="2374"/>
                  </a:lnTo>
                  <a:lnTo>
                    <a:pt x="375" y="2374"/>
                  </a:lnTo>
                  <a:lnTo>
                    <a:pt x="429" y="2373"/>
                  </a:lnTo>
                  <a:lnTo>
                    <a:pt x="487" y="2368"/>
                  </a:lnTo>
                  <a:lnTo>
                    <a:pt x="548" y="2359"/>
                  </a:lnTo>
                  <a:lnTo>
                    <a:pt x="612" y="2349"/>
                  </a:lnTo>
                  <a:lnTo>
                    <a:pt x="680" y="2334"/>
                  </a:lnTo>
                  <a:lnTo>
                    <a:pt x="749" y="2317"/>
                  </a:lnTo>
                  <a:lnTo>
                    <a:pt x="821" y="2297"/>
                  </a:lnTo>
                  <a:lnTo>
                    <a:pt x="895" y="2274"/>
                  </a:lnTo>
                  <a:lnTo>
                    <a:pt x="971" y="2249"/>
                  </a:lnTo>
                  <a:lnTo>
                    <a:pt x="956" y="2145"/>
                  </a:lnTo>
                  <a:lnTo>
                    <a:pt x="945" y="2038"/>
                  </a:lnTo>
                  <a:lnTo>
                    <a:pt x="935" y="1928"/>
                  </a:lnTo>
                  <a:lnTo>
                    <a:pt x="852" y="1873"/>
                  </a:lnTo>
                  <a:lnTo>
                    <a:pt x="772" y="1818"/>
                  </a:lnTo>
                  <a:lnTo>
                    <a:pt x="695" y="1762"/>
                  </a:lnTo>
                  <a:close/>
                  <a:moveTo>
                    <a:pt x="2335" y="1751"/>
                  </a:moveTo>
                  <a:lnTo>
                    <a:pt x="2257" y="1809"/>
                  </a:lnTo>
                  <a:lnTo>
                    <a:pt x="2176" y="1866"/>
                  </a:lnTo>
                  <a:lnTo>
                    <a:pt x="2092" y="1923"/>
                  </a:lnTo>
                  <a:lnTo>
                    <a:pt x="2084" y="2031"/>
                  </a:lnTo>
                  <a:lnTo>
                    <a:pt x="2071" y="2136"/>
                  </a:lnTo>
                  <a:lnTo>
                    <a:pt x="2058" y="2239"/>
                  </a:lnTo>
                  <a:lnTo>
                    <a:pt x="2133" y="2263"/>
                  </a:lnTo>
                  <a:lnTo>
                    <a:pt x="2207" y="2285"/>
                  </a:lnTo>
                  <a:lnTo>
                    <a:pt x="2279" y="2304"/>
                  </a:lnTo>
                  <a:lnTo>
                    <a:pt x="2348" y="2321"/>
                  </a:lnTo>
                  <a:lnTo>
                    <a:pt x="2415" y="2334"/>
                  </a:lnTo>
                  <a:lnTo>
                    <a:pt x="2479" y="2345"/>
                  </a:lnTo>
                  <a:lnTo>
                    <a:pt x="2540" y="2353"/>
                  </a:lnTo>
                  <a:lnTo>
                    <a:pt x="2597" y="2357"/>
                  </a:lnTo>
                  <a:lnTo>
                    <a:pt x="2652" y="2359"/>
                  </a:lnTo>
                  <a:lnTo>
                    <a:pt x="2688" y="2358"/>
                  </a:lnTo>
                  <a:lnTo>
                    <a:pt x="2720" y="2356"/>
                  </a:lnTo>
                  <a:lnTo>
                    <a:pt x="2746" y="2352"/>
                  </a:lnTo>
                  <a:lnTo>
                    <a:pt x="2766" y="2349"/>
                  </a:lnTo>
                  <a:lnTo>
                    <a:pt x="2784" y="2344"/>
                  </a:lnTo>
                  <a:lnTo>
                    <a:pt x="2798" y="2340"/>
                  </a:lnTo>
                  <a:lnTo>
                    <a:pt x="2807" y="2336"/>
                  </a:lnTo>
                  <a:lnTo>
                    <a:pt x="2813" y="2332"/>
                  </a:lnTo>
                  <a:lnTo>
                    <a:pt x="2812" y="2315"/>
                  </a:lnTo>
                  <a:lnTo>
                    <a:pt x="2807" y="2294"/>
                  </a:lnTo>
                  <a:lnTo>
                    <a:pt x="2798" y="2269"/>
                  </a:lnTo>
                  <a:lnTo>
                    <a:pt x="2784" y="2241"/>
                  </a:lnTo>
                  <a:lnTo>
                    <a:pt x="2766" y="2209"/>
                  </a:lnTo>
                  <a:lnTo>
                    <a:pt x="2745" y="2175"/>
                  </a:lnTo>
                  <a:lnTo>
                    <a:pt x="2718" y="2137"/>
                  </a:lnTo>
                  <a:lnTo>
                    <a:pt x="2686" y="2097"/>
                  </a:lnTo>
                  <a:lnTo>
                    <a:pt x="2651" y="2053"/>
                  </a:lnTo>
                  <a:lnTo>
                    <a:pt x="2610" y="2008"/>
                  </a:lnTo>
                  <a:lnTo>
                    <a:pt x="2566" y="1961"/>
                  </a:lnTo>
                  <a:lnTo>
                    <a:pt x="2516" y="1911"/>
                  </a:lnTo>
                  <a:lnTo>
                    <a:pt x="2461" y="1859"/>
                  </a:lnTo>
                  <a:lnTo>
                    <a:pt x="2401" y="1806"/>
                  </a:lnTo>
                  <a:lnTo>
                    <a:pt x="2335" y="1751"/>
                  </a:lnTo>
                  <a:close/>
                  <a:moveTo>
                    <a:pt x="925" y="1586"/>
                  </a:moveTo>
                  <a:lnTo>
                    <a:pt x="871" y="1625"/>
                  </a:lnTo>
                  <a:lnTo>
                    <a:pt x="925" y="1663"/>
                  </a:lnTo>
                  <a:lnTo>
                    <a:pt x="925" y="1620"/>
                  </a:lnTo>
                  <a:lnTo>
                    <a:pt x="925" y="1586"/>
                  </a:lnTo>
                  <a:close/>
                  <a:moveTo>
                    <a:pt x="2102" y="1576"/>
                  </a:moveTo>
                  <a:lnTo>
                    <a:pt x="2102" y="1658"/>
                  </a:lnTo>
                  <a:lnTo>
                    <a:pt x="2159" y="1617"/>
                  </a:lnTo>
                  <a:lnTo>
                    <a:pt x="2102" y="1576"/>
                  </a:lnTo>
                  <a:close/>
                  <a:moveTo>
                    <a:pt x="1514" y="1229"/>
                  </a:moveTo>
                  <a:lnTo>
                    <a:pt x="1410" y="1284"/>
                  </a:lnTo>
                  <a:lnTo>
                    <a:pt x="1306" y="1342"/>
                  </a:lnTo>
                  <a:lnTo>
                    <a:pt x="1223" y="1391"/>
                  </a:lnTo>
                  <a:lnTo>
                    <a:pt x="1143" y="1440"/>
                  </a:lnTo>
                  <a:lnTo>
                    <a:pt x="1141" y="1528"/>
                  </a:lnTo>
                  <a:lnTo>
                    <a:pt x="1140" y="1620"/>
                  </a:lnTo>
                  <a:lnTo>
                    <a:pt x="1141" y="1714"/>
                  </a:lnTo>
                  <a:lnTo>
                    <a:pt x="1143" y="1806"/>
                  </a:lnTo>
                  <a:lnTo>
                    <a:pt x="1225" y="1855"/>
                  </a:lnTo>
                  <a:lnTo>
                    <a:pt x="1310" y="1903"/>
                  </a:lnTo>
                  <a:lnTo>
                    <a:pt x="1413" y="1959"/>
                  </a:lnTo>
                  <a:lnTo>
                    <a:pt x="1517" y="2012"/>
                  </a:lnTo>
                  <a:lnTo>
                    <a:pt x="1619" y="1958"/>
                  </a:lnTo>
                  <a:lnTo>
                    <a:pt x="1721" y="1901"/>
                  </a:lnTo>
                  <a:lnTo>
                    <a:pt x="1804" y="1852"/>
                  </a:lnTo>
                  <a:lnTo>
                    <a:pt x="1884" y="1804"/>
                  </a:lnTo>
                  <a:lnTo>
                    <a:pt x="1886" y="1713"/>
                  </a:lnTo>
                  <a:lnTo>
                    <a:pt x="1887" y="1620"/>
                  </a:lnTo>
                  <a:lnTo>
                    <a:pt x="1886" y="1525"/>
                  </a:lnTo>
                  <a:lnTo>
                    <a:pt x="1884" y="1435"/>
                  </a:lnTo>
                  <a:lnTo>
                    <a:pt x="1802" y="1386"/>
                  </a:lnTo>
                  <a:lnTo>
                    <a:pt x="1717" y="1337"/>
                  </a:lnTo>
                  <a:lnTo>
                    <a:pt x="1616" y="1282"/>
                  </a:lnTo>
                  <a:lnTo>
                    <a:pt x="1514" y="1229"/>
                  </a:lnTo>
                  <a:close/>
                  <a:moveTo>
                    <a:pt x="1174" y="1077"/>
                  </a:moveTo>
                  <a:lnTo>
                    <a:pt x="1163" y="1174"/>
                  </a:lnTo>
                  <a:lnTo>
                    <a:pt x="1199" y="1153"/>
                  </a:lnTo>
                  <a:lnTo>
                    <a:pt x="1234" y="1134"/>
                  </a:lnTo>
                  <a:lnTo>
                    <a:pt x="1267" y="1115"/>
                  </a:lnTo>
                  <a:lnTo>
                    <a:pt x="1174" y="1077"/>
                  </a:lnTo>
                  <a:close/>
                  <a:moveTo>
                    <a:pt x="1852" y="1073"/>
                  </a:moveTo>
                  <a:lnTo>
                    <a:pt x="1757" y="1114"/>
                  </a:lnTo>
                  <a:lnTo>
                    <a:pt x="1822" y="1149"/>
                  </a:lnTo>
                  <a:lnTo>
                    <a:pt x="1844" y="1161"/>
                  </a:lnTo>
                  <a:lnTo>
                    <a:pt x="1864" y="1173"/>
                  </a:lnTo>
                  <a:lnTo>
                    <a:pt x="1858" y="1122"/>
                  </a:lnTo>
                  <a:lnTo>
                    <a:pt x="1852" y="1073"/>
                  </a:lnTo>
                  <a:close/>
                  <a:moveTo>
                    <a:pt x="375" y="880"/>
                  </a:moveTo>
                  <a:lnTo>
                    <a:pt x="339" y="881"/>
                  </a:lnTo>
                  <a:lnTo>
                    <a:pt x="308" y="883"/>
                  </a:lnTo>
                  <a:lnTo>
                    <a:pt x="282" y="887"/>
                  </a:lnTo>
                  <a:lnTo>
                    <a:pt x="260" y="892"/>
                  </a:lnTo>
                  <a:lnTo>
                    <a:pt x="243" y="896"/>
                  </a:lnTo>
                  <a:lnTo>
                    <a:pt x="230" y="900"/>
                  </a:lnTo>
                  <a:lnTo>
                    <a:pt x="220" y="904"/>
                  </a:lnTo>
                  <a:lnTo>
                    <a:pt x="214" y="907"/>
                  </a:lnTo>
                  <a:lnTo>
                    <a:pt x="215" y="925"/>
                  </a:lnTo>
                  <a:lnTo>
                    <a:pt x="220" y="946"/>
                  </a:lnTo>
                  <a:lnTo>
                    <a:pt x="230" y="971"/>
                  </a:lnTo>
                  <a:lnTo>
                    <a:pt x="243" y="999"/>
                  </a:lnTo>
                  <a:lnTo>
                    <a:pt x="261" y="1031"/>
                  </a:lnTo>
                  <a:lnTo>
                    <a:pt x="283" y="1065"/>
                  </a:lnTo>
                  <a:lnTo>
                    <a:pt x="310" y="1104"/>
                  </a:lnTo>
                  <a:lnTo>
                    <a:pt x="340" y="1143"/>
                  </a:lnTo>
                  <a:lnTo>
                    <a:pt x="376" y="1187"/>
                  </a:lnTo>
                  <a:lnTo>
                    <a:pt x="416" y="1232"/>
                  </a:lnTo>
                  <a:lnTo>
                    <a:pt x="461" y="1280"/>
                  </a:lnTo>
                  <a:lnTo>
                    <a:pt x="511" y="1329"/>
                  </a:lnTo>
                  <a:lnTo>
                    <a:pt x="566" y="1381"/>
                  </a:lnTo>
                  <a:lnTo>
                    <a:pt x="627" y="1434"/>
                  </a:lnTo>
                  <a:lnTo>
                    <a:pt x="692" y="1489"/>
                  </a:lnTo>
                  <a:lnTo>
                    <a:pt x="770" y="1431"/>
                  </a:lnTo>
                  <a:lnTo>
                    <a:pt x="851" y="1374"/>
                  </a:lnTo>
                  <a:lnTo>
                    <a:pt x="935" y="1316"/>
                  </a:lnTo>
                  <a:lnTo>
                    <a:pt x="944" y="1208"/>
                  </a:lnTo>
                  <a:lnTo>
                    <a:pt x="955" y="1104"/>
                  </a:lnTo>
                  <a:lnTo>
                    <a:pt x="970" y="1001"/>
                  </a:lnTo>
                  <a:lnTo>
                    <a:pt x="894" y="977"/>
                  </a:lnTo>
                  <a:lnTo>
                    <a:pt x="820" y="955"/>
                  </a:lnTo>
                  <a:lnTo>
                    <a:pt x="748" y="935"/>
                  </a:lnTo>
                  <a:lnTo>
                    <a:pt x="680" y="919"/>
                  </a:lnTo>
                  <a:lnTo>
                    <a:pt x="612" y="905"/>
                  </a:lnTo>
                  <a:lnTo>
                    <a:pt x="549" y="895"/>
                  </a:lnTo>
                  <a:lnTo>
                    <a:pt x="487" y="886"/>
                  </a:lnTo>
                  <a:lnTo>
                    <a:pt x="429" y="882"/>
                  </a:lnTo>
                  <a:lnTo>
                    <a:pt x="375" y="880"/>
                  </a:lnTo>
                  <a:close/>
                  <a:moveTo>
                    <a:pt x="2653" y="872"/>
                  </a:moveTo>
                  <a:lnTo>
                    <a:pt x="2598" y="873"/>
                  </a:lnTo>
                  <a:lnTo>
                    <a:pt x="2541" y="878"/>
                  </a:lnTo>
                  <a:lnTo>
                    <a:pt x="2480" y="886"/>
                  </a:lnTo>
                  <a:lnTo>
                    <a:pt x="2415" y="897"/>
                  </a:lnTo>
                  <a:lnTo>
                    <a:pt x="2349" y="911"/>
                  </a:lnTo>
                  <a:lnTo>
                    <a:pt x="2279" y="928"/>
                  </a:lnTo>
                  <a:lnTo>
                    <a:pt x="2206" y="948"/>
                  </a:lnTo>
                  <a:lnTo>
                    <a:pt x="2132" y="971"/>
                  </a:lnTo>
                  <a:lnTo>
                    <a:pt x="2057" y="995"/>
                  </a:lnTo>
                  <a:lnTo>
                    <a:pt x="2071" y="1098"/>
                  </a:lnTo>
                  <a:lnTo>
                    <a:pt x="2083" y="1203"/>
                  </a:lnTo>
                  <a:lnTo>
                    <a:pt x="2092" y="1311"/>
                  </a:lnTo>
                  <a:lnTo>
                    <a:pt x="2175" y="1367"/>
                  </a:lnTo>
                  <a:lnTo>
                    <a:pt x="2256" y="1422"/>
                  </a:lnTo>
                  <a:lnTo>
                    <a:pt x="2334" y="1480"/>
                  </a:lnTo>
                  <a:lnTo>
                    <a:pt x="2400" y="1423"/>
                  </a:lnTo>
                  <a:lnTo>
                    <a:pt x="2459" y="1369"/>
                  </a:lnTo>
                  <a:lnTo>
                    <a:pt x="2513" y="1318"/>
                  </a:lnTo>
                  <a:lnTo>
                    <a:pt x="2563" y="1267"/>
                  </a:lnTo>
                  <a:lnTo>
                    <a:pt x="2607" y="1219"/>
                  </a:lnTo>
                  <a:lnTo>
                    <a:pt x="2647" y="1173"/>
                  </a:lnTo>
                  <a:lnTo>
                    <a:pt x="2681" y="1129"/>
                  </a:lnTo>
                  <a:lnTo>
                    <a:pt x="2712" y="1089"/>
                  </a:lnTo>
                  <a:lnTo>
                    <a:pt x="2737" y="1052"/>
                  </a:lnTo>
                  <a:lnTo>
                    <a:pt x="2759" y="1016"/>
                  </a:lnTo>
                  <a:lnTo>
                    <a:pt x="2777" y="985"/>
                  </a:lnTo>
                  <a:lnTo>
                    <a:pt x="2789" y="956"/>
                  </a:lnTo>
                  <a:lnTo>
                    <a:pt x="2799" y="931"/>
                  </a:lnTo>
                  <a:lnTo>
                    <a:pt x="2803" y="910"/>
                  </a:lnTo>
                  <a:lnTo>
                    <a:pt x="2804" y="893"/>
                  </a:lnTo>
                  <a:lnTo>
                    <a:pt x="2799" y="891"/>
                  </a:lnTo>
                  <a:lnTo>
                    <a:pt x="2790" y="887"/>
                  </a:lnTo>
                  <a:lnTo>
                    <a:pt x="2778" y="884"/>
                  </a:lnTo>
                  <a:lnTo>
                    <a:pt x="2762" y="880"/>
                  </a:lnTo>
                  <a:lnTo>
                    <a:pt x="2742" y="877"/>
                  </a:lnTo>
                  <a:lnTo>
                    <a:pt x="2718" y="874"/>
                  </a:lnTo>
                  <a:lnTo>
                    <a:pt x="2687" y="872"/>
                  </a:lnTo>
                  <a:lnTo>
                    <a:pt x="2653" y="872"/>
                  </a:lnTo>
                  <a:close/>
                  <a:moveTo>
                    <a:pt x="1513" y="215"/>
                  </a:moveTo>
                  <a:lnTo>
                    <a:pt x="1500" y="218"/>
                  </a:lnTo>
                  <a:lnTo>
                    <a:pt x="1484" y="227"/>
                  </a:lnTo>
                  <a:lnTo>
                    <a:pt x="1466" y="241"/>
                  </a:lnTo>
                  <a:lnTo>
                    <a:pt x="1447" y="262"/>
                  </a:lnTo>
                  <a:lnTo>
                    <a:pt x="1427" y="288"/>
                  </a:lnTo>
                  <a:lnTo>
                    <a:pt x="1405" y="320"/>
                  </a:lnTo>
                  <a:lnTo>
                    <a:pt x="1383" y="358"/>
                  </a:lnTo>
                  <a:lnTo>
                    <a:pt x="1361" y="401"/>
                  </a:lnTo>
                  <a:lnTo>
                    <a:pt x="1339" y="450"/>
                  </a:lnTo>
                  <a:lnTo>
                    <a:pt x="1316" y="504"/>
                  </a:lnTo>
                  <a:lnTo>
                    <a:pt x="1294" y="564"/>
                  </a:lnTo>
                  <a:lnTo>
                    <a:pt x="1272" y="630"/>
                  </a:lnTo>
                  <a:lnTo>
                    <a:pt x="1251" y="702"/>
                  </a:lnTo>
                  <a:lnTo>
                    <a:pt x="1231" y="778"/>
                  </a:lnTo>
                  <a:lnTo>
                    <a:pt x="1213" y="860"/>
                  </a:lnTo>
                  <a:lnTo>
                    <a:pt x="1310" y="899"/>
                  </a:lnTo>
                  <a:lnTo>
                    <a:pt x="1409" y="943"/>
                  </a:lnTo>
                  <a:lnTo>
                    <a:pt x="1510" y="988"/>
                  </a:lnTo>
                  <a:lnTo>
                    <a:pt x="1612" y="939"/>
                  </a:lnTo>
                  <a:lnTo>
                    <a:pt x="1714" y="895"/>
                  </a:lnTo>
                  <a:lnTo>
                    <a:pt x="1813" y="853"/>
                  </a:lnTo>
                  <a:lnTo>
                    <a:pt x="1795" y="771"/>
                  </a:lnTo>
                  <a:lnTo>
                    <a:pt x="1775" y="695"/>
                  </a:lnTo>
                  <a:lnTo>
                    <a:pt x="1754" y="626"/>
                  </a:lnTo>
                  <a:lnTo>
                    <a:pt x="1732" y="560"/>
                  </a:lnTo>
                  <a:lnTo>
                    <a:pt x="1711" y="501"/>
                  </a:lnTo>
                  <a:lnTo>
                    <a:pt x="1688" y="447"/>
                  </a:lnTo>
                  <a:lnTo>
                    <a:pt x="1665" y="399"/>
                  </a:lnTo>
                  <a:lnTo>
                    <a:pt x="1643" y="356"/>
                  </a:lnTo>
                  <a:lnTo>
                    <a:pt x="1621" y="319"/>
                  </a:lnTo>
                  <a:lnTo>
                    <a:pt x="1600" y="287"/>
                  </a:lnTo>
                  <a:lnTo>
                    <a:pt x="1580" y="262"/>
                  </a:lnTo>
                  <a:lnTo>
                    <a:pt x="1561" y="241"/>
                  </a:lnTo>
                  <a:lnTo>
                    <a:pt x="1543" y="227"/>
                  </a:lnTo>
                  <a:lnTo>
                    <a:pt x="1528" y="218"/>
                  </a:lnTo>
                  <a:lnTo>
                    <a:pt x="1513" y="215"/>
                  </a:lnTo>
                  <a:close/>
                  <a:moveTo>
                    <a:pt x="1513" y="0"/>
                  </a:moveTo>
                  <a:lnTo>
                    <a:pt x="1554" y="4"/>
                  </a:lnTo>
                  <a:lnTo>
                    <a:pt x="1592" y="15"/>
                  </a:lnTo>
                  <a:lnTo>
                    <a:pt x="1631" y="33"/>
                  </a:lnTo>
                  <a:lnTo>
                    <a:pt x="1667" y="56"/>
                  </a:lnTo>
                  <a:lnTo>
                    <a:pt x="1703" y="88"/>
                  </a:lnTo>
                  <a:lnTo>
                    <a:pt x="1739" y="124"/>
                  </a:lnTo>
                  <a:lnTo>
                    <a:pt x="1773" y="167"/>
                  </a:lnTo>
                  <a:lnTo>
                    <a:pt x="1806" y="214"/>
                  </a:lnTo>
                  <a:lnTo>
                    <a:pt x="1837" y="268"/>
                  </a:lnTo>
                  <a:lnTo>
                    <a:pt x="1867" y="328"/>
                  </a:lnTo>
                  <a:lnTo>
                    <a:pt x="1897" y="391"/>
                  </a:lnTo>
                  <a:lnTo>
                    <a:pt x="1924" y="461"/>
                  </a:lnTo>
                  <a:lnTo>
                    <a:pt x="1950" y="533"/>
                  </a:lnTo>
                  <a:lnTo>
                    <a:pt x="1973" y="611"/>
                  </a:lnTo>
                  <a:lnTo>
                    <a:pt x="1996" y="692"/>
                  </a:lnTo>
                  <a:lnTo>
                    <a:pt x="2016" y="777"/>
                  </a:lnTo>
                  <a:lnTo>
                    <a:pt x="2097" y="751"/>
                  </a:lnTo>
                  <a:lnTo>
                    <a:pt x="2176" y="729"/>
                  </a:lnTo>
                  <a:lnTo>
                    <a:pt x="2252" y="709"/>
                  </a:lnTo>
                  <a:lnTo>
                    <a:pt x="2327" y="691"/>
                  </a:lnTo>
                  <a:lnTo>
                    <a:pt x="2397" y="677"/>
                  </a:lnTo>
                  <a:lnTo>
                    <a:pt x="2466" y="666"/>
                  </a:lnTo>
                  <a:lnTo>
                    <a:pt x="2532" y="658"/>
                  </a:lnTo>
                  <a:lnTo>
                    <a:pt x="2594" y="653"/>
                  </a:lnTo>
                  <a:lnTo>
                    <a:pt x="2653" y="652"/>
                  </a:lnTo>
                  <a:lnTo>
                    <a:pt x="2704" y="653"/>
                  </a:lnTo>
                  <a:lnTo>
                    <a:pt x="2753" y="657"/>
                  </a:lnTo>
                  <a:lnTo>
                    <a:pt x="2798" y="664"/>
                  </a:lnTo>
                  <a:lnTo>
                    <a:pt x="2839" y="675"/>
                  </a:lnTo>
                  <a:lnTo>
                    <a:pt x="2877" y="688"/>
                  </a:lnTo>
                  <a:lnTo>
                    <a:pt x="2910" y="705"/>
                  </a:lnTo>
                  <a:lnTo>
                    <a:pt x="2940" y="723"/>
                  </a:lnTo>
                  <a:lnTo>
                    <a:pt x="2965" y="746"/>
                  </a:lnTo>
                  <a:lnTo>
                    <a:pt x="2986" y="771"/>
                  </a:lnTo>
                  <a:lnTo>
                    <a:pt x="3001" y="800"/>
                  </a:lnTo>
                  <a:lnTo>
                    <a:pt x="3012" y="831"/>
                  </a:lnTo>
                  <a:lnTo>
                    <a:pt x="3018" y="866"/>
                  </a:lnTo>
                  <a:lnTo>
                    <a:pt x="3018" y="901"/>
                  </a:lnTo>
                  <a:lnTo>
                    <a:pt x="3014" y="939"/>
                  </a:lnTo>
                  <a:lnTo>
                    <a:pt x="3005" y="979"/>
                  </a:lnTo>
                  <a:lnTo>
                    <a:pt x="2992" y="1020"/>
                  </a:lnTo>
                  <a:lnTo>
                    <a:pt x="2973" y="1063"/>
                  </a:lnTo>
                  <a:lnTo>
                    <a:pt x="2950" y="1108"/>
                  </a:lnTo>
                  <a:lnTo>
                    <a:pt x="2924" y="1154"/>
                  </a:lnTo>
                  <a:lnTo>
                    <a:pt x="2893" y="1202"/>
                  </a:lnTo>
                  <a:lnTo>
                    <a:pt x="2858" y="1250"/>
                  </a:lnTo>
                  <a:lnTo>
                    <a:pt x="2818" y="1300"/>
                  </a:lnTo>
                  <a:lnTo>
                    <a:pt x="2776" y="1351"/>
                  </a:lnTo>
                  <a:lnTo>
                    <a:pt x="2728" y="1403"/>
                  </a:lnTo>
                  <a:lnTo>
                    <a:pt x="2678" y="1455"/>
                  </a:lnTo>
                  <a:lnTo>
                    <a:pt x="2624" y="1507"/>
                  </a:lnTo>
                  <a:lnTo>
                    <a:pt x="2566" y="1561"/>
                  </a:lnTo>
                  <a:lnTo>
                    <a:pt x="2506" y="1614"/>
                  </a:lnTo>
                  <a:lnTo>
                    <a:pt x="2567" y="1667"/>
                  </a:lnTo>
                  <a:lnTo>
                    <a:pt x="2625" y="1718"/>
                  </a:lnTo>
                  <a:lnTo>
                    <a:pt x="2680" y="1770"/>
                  </a:lnTo>
                  <a:lnTo>
                    <a:pt x="2731" y="1822"/>
                  </a:lnTo>
                  <a:lnTo>
                    <a:pt x="2779" y="1873"/>
                  </a:lnTo>
                  <a:lnTo>
                    <a:pt x="2822" y="1923"/>
                  </a:lnTo>
                  <a:lnTo>
                    <a:pt x="2862" y="1972"/>
                  </a:lnTo>
                  <a:lnTo>
                    <a:pt x="2898" y="2021"/>
                  </a:lnTo>
                  <a:lnTo>
                    <a:pt x="2930" y="2068"/>
                  </a:lnTo>
                  <a:lnTo>
                    <a:pt x="2958" y="2113"/>
                  </a:lnTo>
                  <a:lnTo>
                    <a:pt x="2980" y="2158"/>
                  </a:lnTo>
                  <a:lnTo>
                    <a:pt x="2999" y="2200"/>
                  </a:lnTo>
                  <a:lnTo>
                    <a:pt x="3013" y="2242"/>
                  </a:lnTo>
                  <a:lnTo>
                    <a:pt x="3022" y="2282"/>
                  </a:lnTo>
                  <a:lnTo>
                    <a:pt x="3027" y="2320"/>
                  </a:lnTo>
                  <a:lnTo>
                    <a:pt x="3027" y="2355"/>
                  </a:lnTo>
                  <a:lnTo>
                    <a:pt x="3022" y="2390"/>
                  </a:lnTo>
                  <a:lnTo>
                    <a:pt x="3012" y="2421"/>
                  </a:lnTo>
                  <a:lnTo>
                    <a:pt x="2996" y="2450"/>
                  </a:lnTo>
                  <a:lnTo>
                    <a:pt x="2974" y="2476"/>
                  </a:lnTo>
                  <a:lnTo>
                    <a:pt x="2949" y="2500"/>
                  </a:lnTo>
                  <a:lnTo>
                    <a:pt x="2919" y="2519"/>
                  </a:lnTo>
                  <a:lnTo>
                    <a:pt x="2884" y="2536"/>
                  </a:lnTo>
                  <a:lnTo>
                    <a:pt x="2845" y="2550"/>
                  </a:lnTo>
                  <a:lnTo>
                    <a:pt x="2803" y="2560"/>
                  </a:lnTo>
                  <a:lnTo>
                    <a:pt x="2756" y="2568"/>
                  </a:lnTo>
                  <a:lnTo>
                    <a:pt x="2705" y="2572"/>
                  </a:lnTo>
                  <a:lnTo>
                    <a:pt x="2651" y="2573"/>
                  </a:lnTo>
                  <a:lnTo>
                    <a:pt x="2593" y="2572"/>
                  </a:lnTo>
                  <a:lnTo>
                    <a:pt x="2530" y="2567"/>
                  </a:lnTo>
                  <a:lnTo>
                    <a:pt x="2465" y="2560"/>
                  </a:lnTo>
                  <a:lnTo>
                    <a:pt x="2397" y="2550"/>
                  </a:lnTo>
                  <a:lnTo>
                    <a:pt x="2326" y="2536"/>
                  </a:lnTo>
                  <a:lnTo>
                    <a:pt x="2253" y="2519"/>
                  </a:lnTo>
                  <a:lnTo>
                    <a:pt x="2177" y="2500"/>
                  </a:lnTo>
                  <a:lnTo>
                    <a:pt x="2099" y="2478"/>
                  </a:lnTo>
                  <a:lnTo>
                    <a:pt x="2018" y="2453"/>
                  </a:lnTo>
                  <a:lnTo>
                    <a:pt x="1998" y="2539"/>
                  </a:lnTo>
                  <a:lnTo>
                    <a:pt x="1977" y="2622"/>
                  </a:lnTo>
                  <a:lnTo>
                    <a:pt x="1952" y="2700"/>
                  </a:lnTo>
                  <a:lnTo>
                    <a:pt x="1927" y="2774"/>
                  </a:lnTo>
                  <a:lnTo>
                    <a:pt x="1899" y="2843"/>
                  </a:lnTo>
                  <a:lnTo>
                    <a:pt x="1870" y="2909"/>
                  </a:lnTo>
                  <a:lnTo>
                    <a:pt x="1839" y="2968"/>
                  </a:lnTo>
                  <a:lnTo>
                    <a:pt x="1808" y="3022"/>
                  </a:lnTo>
                  <a:lnTo>
                    <a:pt x="1775" y="3071"/>
                  </a:lnTo>
                  <a:lnTo>
                    <a:pt x="1741" y="3115"/>
                  </a:lnTo>
                  <a:lnTo>
                    <a:pt x="1705" y="3151"/>
                  </a:lnTo>
                  <a:lnTo>
                    <a:pt x="1668" y="3182"/>
                  </a:lnTo>
                  <a:lnTo>
                    <a:pt x="1631" y="3207"/>
                  </a:lnTo>
                  <a:lnTo>
                    <a:pt x="1592" y="3225"/>
                  </a:lnTo>
                  <a:lnTo>
                    <a:pt x="1554" y="3235"/>
                  </a:lnTo>
                  <a:lnTo>
                    <a:pt x="1513" y="3239"/>
                  </a:lnTo>
                  <a:lnTo>
                    <a:pt x="1474" y="3235"/>
                  </a:lnTo>
                  <a:lnTo>
                    <a:pt x="1435" y="3225"/>
                  </a:lnTo>
                  <a:lnTo>
                    <a:pt x="1397" y="3207"/>
                  </a:lnTo>
                  <a:lnTo>
                    <a:pt x="1359" y="3183"/>
                  </a:lnTo>
                  <a:lnTo>
                    <a:pt x="1323" y="3152"/>
                  </a:lnTo>
                  <a:lnTo>
                    <a:pt x="1288" y="3116"/>
                  </a:lnTo>
                  <a:lnTo>
                    <a:pt x="1253" y="3073"/>
                  </a:lnTo>
                  <a:lnTo>
                    <a:pt x="1221" y="3025"/>
                  </a:lnTo>
                  <a:lnTo>
                    <a:pt x="1189" y="2971"/>
                  </a:lnTo>
                  <a:lnTo>
                    <a:pt x="1159" y="2912"/>
                  </a:lnTo>
                  <a:lnTo>
                    <a:pt x="1130" y="2849"/>
                  </a:lnTo>
                  <a:lnTo>
                    <a:pt x="1103" y="2780"/>
                  </a:lnTo>
                  <a:lnTo>
                    <a:pt x="1077" y="2706"/>
                  </a:lnTo>
                  <a:lnTo>
                    <a:pt x="1053" y="2629"/>
                  </a:lnTo>
                  <a:lnTo>
                    <a:pt x="1031" y="2547"/>
                  </a:lnTo>
                  <a:lnTo>
                    <a:pt x="1010" y="2462"/>
                  </a:lnTo>
                  <a:lnTo>
                    <a:pt x="930" y="2488"/>
                  </a:lnTo>
                  <a:lnTo>
                    <a:pt x="851" y="2511"/>
                  </a:lnTo>
                  <a:lnTo>
                    <a:pt x="774" y="2532"/>
                  </a:lnTo>
                  <a:lnTo>
                    <a:pt x="700" y="2548"/>
                  </a:lnTo>
                  <a:lnTo>
                    <a:pt x="629" y="2563"/>
                  </a:lnTo>
                  <a:lnTo>
                    <a:pt x="560" y="2573"/>
                  </a:lnTo>
                  <a:lnTo>
                    <a:pt x="496" y="2582"/>
                  </a:lnTo>
                  <a:lnTo>
                    <a:pt x="433" y="2587"/>
                  </a:lnTo>
                  <a:lnTo>
                    <a:pt x="374" y="2588"/>
                  </a:lnTo>
                  <a:lnTo>
                    <a:pt x="322" y="2587"/>
                  </a:lnTo>
                  <a:lnTo>
                    <a:pt x="274" y="2583"/>
                  </a:lnTo>
                  <a:lnTo>
                    <a:pt x="229" y="2575"/>
                  </a:lnTo>
                  <a:lnTo>
                    <a:pt x="188" y="2565"/>
                  </a:lnTo>
                  <a:lnTo>
                    <a:pt x="151" y="2552"/>
                  </a:lnTo>
                  <a:lnTo>
                    <a:pt x="116" y="2536"/>
                  </a:lnTo>
                  <a:lnTo>
                    <a:pt x="87" y="2516"/>
                  </a:lnTo>
                  <a:lnTo>
                    <a:pt x="62" y="2493"/>
                  </a:lnTo>
                  <a:lnTo>
                    <a:pt x="42" y="2468"/>
                  </a:lnTo>
                  <a:lnTo>
                    <a:pt x="26" y="2439"/>
                  </a:lnTo>
                  <a:lnTo>
                    <a:pt x="16" y="2408"/>
                  </a:lnTo>
                  <a:lnTo>
                    <a:pt x="9" y="2374"/>
                  </a:lnTo>
                  <a:lnTo>
                    <a:pt x="8" y="2339"/>
                  </a:lnTo>
                  <a:lnTo>
                    <a:pt x="12" y="2301"/>
                  </a:lnTo>
                  <a:lnTo>
                    <a:pt x="22" y="2261"/>
                  </a:lnTo>
                  <a:lnTo>
                    <a:pt x="35" y="2219"/>
                  </a:lnTo>
                  <a:lnTo>
                    <a:pt x="53" y="2177"/>
                  </a:lnTo>
                  <a:lnTo>
                    <a:pt x="76" y="2132"/>
                  </a:lnTo>
                  <a:lnTo>
                    <a:pt x="103" y="2085"/>
                  </a:lnTo>
                  <a:lnTo>
                    <a:pt x="134" y="2037"/>
                  </a:lnTo>
                  <a:lnTo>
                    <a:pt x="169" y="1990"/>
                  </a:lnTo>
                  <a:lnTo>
                    <a:pt x="208" y="1940"/>
                  </a:lnTo>
                  <a:lnTo>
                    <a:pt x="251" y="1889"/>
                  </a:lnTo>
                  <a:lnTo>
                    <a:pt x="298" y="1837"/>
                  </a:lnTo>
                  <a:lnTo>
                    <a:pt x="349" y="1785"/>
                  </a:lnTo>
                  <a:lnTo>
                    <a:pt x="403" y="1733"/>
                  </a:lnTo>
                  <a:lnTo>
                    <a:pt x="460" y="1679"/>
                  </a:lnTo>
                  <a:lnTo>
                    <a:pt x="522" y="1626"/>
                  </a:lnTo>
                  <a:lnTo>
                    <a:pt x="459" y="1573"/>
                  </a:lnTo>
                  <a:lnTo>
                    <a:pt x="401" y="1521"/>
                  </a:lnTo>
                  <a:lnTo>
                    <a:pt x="347" y="1469"/>
                  </a:lnTo>
                  <a:lnTo>
                    <a:pt x="296" y="1417"/>
                  </a:lnTo>
                  <a:lnTo>
                    <a:pt x="248" y="1366"/>
                  </a:lnTo>
                  <a:lnTo>
                    <a:pt x="205" y="1316"/>
                  </a:lnTo>
                  <a:lnTo>
                    <a:pt x="164" y="1268"/>
                  </a:lnTo>
                  <a:lnTo>
                    <a:pt x="129" y="1219"/>
                  </a:lnTo>
                  <a:lnTo>
                    <a:pt x="98" y="1172"/>
                  </a:lnTo>
                  <a:lnTo>
                    <a:pt x="70" y="1126"/>
                  </a:lnTo>
                  <a:lnTo>
                    <a:pt x="47" y="1082"/>
                  </a:lnTo>
                  <a:lnTo>
                    <a:pt x="28" y="1039"/>
                  </a:lnTo>
                  <a:lnTo>
                    <a:pt x="14" y="998"/>
                  </a:lnTo>
                  <a:lnTo>
                    <a:pt x="4" y="958"/>
                  </a:lnTo>
                  <a:lnTo>
                    <a:pt x="0" y="921"/>
                  </a:lnTo>
                  <a:lnTo>
                    <a:pt x="0" y="884"/>
                  </a:lnTo>
                  <a:lnTo>
                    <a:pt x="5" y="851"/>
                  </a:lnTo>
                  <a:lnTo>
                    <a:pt x="16" y="819"/>
                  </a:lnTo>
                  <a:lnTo>
                    <a:pt x="31" y="790"/>
                  </a:lnTo>
                  <a:lnTo>
                    <a:pt x="52" y="764"/>
                  </a:lnTo>
                  <a:lnTo>
                    <a:pt x="78" y="741"/>
                  </a:lnTo>
                  <a:lnTo>
                    <a:pt x="108" y="720"/>
                  </a:lnTo>
                  <a:lnTo>
                    <a:pt x="142" y="704"/>
                  </a:lnTo>
                  <a:lnTo>
                    <a:pt x="182" y="690"/>
                  </a:lnTo>
                  <a:lnTo>
                    <a:pt x="224" y="680"/>
                  </a:lnTo>
                  <a:lnTo>
                    <a:pt x="271" y="671"/>
                  </a:lnTo>
                  <a:lnTo>
                    <a:pt x="321" y="667"/>
                  </a:lnTo>
                  <a:lnTo>
                    <a:pt x="375" y="666"/>
                  </a:lnTo>
                  <a:lnTo>
                    <a:pt x="434" y="667"/>
                  </a:lnTo>
                  <a:lnTo>
                    <a:pt x="496" y="672"/>
                  </a:lnTo>
                  <a:lnTo>
                    <a:pt x="561" y="680"/>
                  </a:lnTo>
                  <a:lnTo>
                    <a:pt x="630" y="690"/>
                  </a:lnTo>
                  <a:lnTo>
                    <a:pt x="700" y="704"/>
                  </a:lnTo>
                  <a:lnTo>
                    <a:pt x="774" y="720"/>
                  </a:lnTo>
                  <a:lnTo>
                    <a:pt x="850" y="740"/>
                  </a:lnTo>
                  <a:lnTo>
                    <a:pt x="928" y="763"/>
                  </a:lnTo>
                  <a:lnTo>
                    <a:pt x="1008" y="788"/>
                  </a:lnTo>
                  <a:lnTo>
                    <a:pt x="1029" y="700"/>
                  </a:lnTo>
                  <a:lnTo>
                    <a:pt x="1051" y="618"/>
                  </a:lnTo>
                  <a:lnTo>
                    <a:pt x="1075" y="539"/>
                  </a:lnTo>
                  <a:lnTo>
                    <a:pt x="1101" y="466"/>
                  </a:lnTo>
                  <a:lnTo>
                    <a:pt x="1128" y="396"/>
                  </a:lnTo>
                  <a:lnTo>
                    <a:pt x="1157" y="332"/>
                  </a:lnTo>
                  <a:lnTo>
                    <a:pt x="1187" y="271"/>
                  </a:lnTo>
                  <a:lnTo>
                    <a:pt x="1219" y="217"/>
                  </a:lnTo>
                  <a:lnTo>
                    <a:pt x="1252" y="169"/>
                  </a:lnTo>
                  <a:lnTo>
                    <a:pt x="1287" y="125"/>
                  </a:lnTo>
                  <a:lnTo>
                    <a:pt x="1322" y="89"/>
                  </a:lnTo>
                  <a:lnTo>
                    <a:pt x="1358" y="57"/>
                  </a:lnTo>
                  <a:lnTo>
                    <a:pt x="1396" y="33"/>
                  </a:lnTo>
                  <a:lnTo>
                    <a:pt x="1434" y="15"/>
                  </a:lnTo>
                  <a:lnTo>
                    <a:pt x="1474" y="4"/>
                  </a:lnTo>
                  <a:lnTo>
                    <a:pt x="151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32" name="Freeform 18"/>
            <p:cNvSpPr>
              <a:spLocks/>
            </p:cNvSpPr>
            <p:nvPr/>
          </p:nvSpPr>
          <p:spPr bwMode="auto">
            <a:xfrm>
              <a:off x="3111" y="2725"/>
              <a:ext cx="105" cy="105"/>
            </a:xfrm>
            <a:custGeom>
              <a:avLst/>
              <a:gdLst>
                <a:gd name="T0" fmla="*/ 210 w 421"/>
                <a:gd name="T1" fmla="*/ 0 h 420"/>
                <a:gd name="T2" fmla="*/ 244 w 421"/>
                <a:gd name="T3" fmla="*/ 4 h 420"/>
                <a:gd name="T4" fmla="*/ 277 w 421"/>
                <a:gd name="T5" fmla="*/ 11 h 420"/>
                <a:gd name="T6" fmla="*/ 307 w 421"/>
                <a:gd name="T7" fmla="*/ 23 h 420"/>
                <a:gd name="T8" fmla="*/ 335 w 421"/>
                <a:gd name="T9" fmla="*/ 41 h 420"/>
                <a:gd name="T10" fmla="*/ 360 w 421"/>
                <a:gd name="T11" fmla="*/ 62 h 420"/>
                <a:gd name="T12" fmla="*/ 381 w 421"/>
                <a:gd name="T13" fmla="*/ 87 h 420"/>
                <a:gd name="T14" fmla="*/ 397 w 421"/>
                <a:gd name="T15" fmla="*/ 114 h 420"/>
                <a:gd name="T16" fmla="*/ 411 w 421"/>
                <a:gd name="T17" fmla="*/ 144 h 420"/>
                <a:gd name="T18" fmla="*/ 418 w 421"/>
                <a:gd name="T19" fmla="*/ 176 h 420"/>
                <a:gd name="T20" fmla="*/ 421 w 421"/>
                <a:gd name="T21" fmla="*/ 210 h 420"/>
                <a:gd name="T22" fmla="*/ 418 w 421"/>
                <a:gd name="T23" fmla="*/ 245 h 420"/>
                <a:gd name="T24" fmla="*/ 411 w 421"/>
                <a:gd name="T25" fmla="*/ 277 h 420"/>
                <a:gd name="T26" fmla="*/ 397 w 421"/>
                <a:gd name="T27" fmla="*/ 307 h 420"/>
                <a:gd name="T28" fmla="*/ 381 w 421"/>
                <a:gd name="T29" fmla="*/ 334 h 420"/>
                <a:gd name="T30" fmla="*/ 360 w 421"/>
                <a:gd name="T31" fmla="*/ 359 h 420"/>
                <a:gd name="T32" fmla="*/ 335 w 421"/>
                <a:gd name="T33" fmla="*/ 380 h 420"/>
                <a:gd name="T34" fmla="*/ 307 w 421"/>
                <a:gd name="T35" fmla="*/ 397 h 420"/>
                <a:gd name="T36" fmla="*/ 277 w 421"/>
                <a:gd name="T37" fmla="*/ 410 h 420"/>
                <a:gd name="T38" fmla="*/ 244 w 421"/>
                <a:gd name="T39" fmla="*/ 418 h 420"/>
                <a:gd name="T40" fmla="*/ 210 w 421"/>
                <a:gd name="T41" fmla="*/ 420 h 420"/>
                <a:gd name="T42" fmla="*/ 177 w 421"/>
                <a:gd name="T43" fmla="*/ 418 h 420"/>
                <a:gd name="T44" fmla="*/ 145 w 421"/>
                <a:gd name="T45" fmla="*/ 410 h 420"/>
                <a:gd name="T46" fmla="*/ 113 w 421"/>
                <a:gd name="T47" fmla="*/ 397 h 420"/>
                <a:gd name="T48" fmla="*/ 86 w 421"/>
                <a:gd name="T49" fmla="*/ 380 h 420"/>
                <a:gd name="T50" fmla="*/ 61 w 421"/>
                <a:gd name="T51" fmla="*/ 359 h 420"/>
                <a:gd name="T52" fmla="*/ 41 w 421"/>
                <a:gd name="T53" fmla="*/ 334 h 420"/>
                <a:gd name="T54" fmla="*/ 24 w 421"/>
                <a:gd name="T55" fmla="*/ 307 h 420"/>
                <a:gd name="T56" fmla="*/ 11 w 421"/>
                <a:gd name="T57" fmla="*/ 277 h 420"/>
                <a:gd name="T58" fmla="*/ 3 w 421"/>
                <a:gd name="T59" fmla="*/ 245 h 420"/>
                <a:gd name="T60" fmla="*/ 0 w 421"/>
                <a:gd name="T61" fmla="*/ 210 h 420"/>
                <a:gd name="T62" fmla="*/ 3 w 421"/>
                <a:gd name="T63" fmla="*/ 176 h 420"/>
                <a:gd name="T64" fmla="*/ 11 w 421"/>
                <a:gd name="T65" fmla="*/ 144 h 420"/>
                <a:gd name="T66" fmla="*/ 24 w 421"/>
                <a:gd name="T67" fmla="*/ 114 h 420"/>
                <a:gd name="T68" fmla="*/ 41 w 421"/>
                <a:gd name="T69" fmla="*/ 87 h 420"/>
                <a:gd name="T70" fmla="*/ 61 w 421"/>
                <a:gd name="T71" fmla="*/ 62 h 420"/>
                <a:gd name="T72" fmla="*/ 86 w 421"/>
                <a:gd name="T73" fmla="*/ 41 h 420"/>
                <a:gd name="T74" fmla="*/ 113 w 421"/>
                <a:gd name="T75" fmla="*/ 23 h 420"/>
                <a:gd name="T76" fmla="*/ 145 w 421"/>
                <a:gd name="T77" fmla="*/ 11 h 420"/>
                <a:gd name="T78" fmla="*/ 177 w 421"/>
                <a:gd name="T79" fmla="*/ 4 h 420"/>
                <a:gd name="T80" fmla="*/ 210 w 421"/>
                <a:gd name="T81" fmla="*/ 0 h 4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21" h="420">
                  <a:moveTo>
                    <a:pt x="210" y="0"/>
                  </a:moveTo>
                  <a:lnTo>
                    <a:pt x="244" y="4"/>
                  </a:lnTo>
                  <a:lnTo>
                    <a:pt x="277" y="11"/>
                  </a:lnTo>
                  <a:lnTo>
                    <a:pt x="307" y="23"/>
                  </a:lnTo>
                  <a:lnTo>
                    <a:pt x="335" y="41"/>
                  </a:lnTo>
                  <a:lnTo>
                    <a:pt x="360" y="62"/>
                  </a:lnTo>
                  <a:lnTo>
                    <a:pt x="381" y="87"/>
                  </a:lnTo>
                  <a:lnTo>
                    <a:pt x="397" y="114"/>
                  </a:lnTo>
                  <a:lnTo>
                    <a:pt x="411" y="144"/>
                  </a:lnTo>
                  <a:lnTo>
                    <a:pt x="418" y="176"/>
                  </a:lnTo>
                  <a:lnTo>
                    <a:pt x="421" y="210"/>
                  </a:lnTo>
                  <a:lnTo>
                    <a:pt x="418" y="245"/>
                  </a:lnTo>
                  <a:lnTo>
                    <a:pt x="411" y="277"/>
                  </a:lnTo>
                  <a:lnTo>
                    <a:pt x="397" y="307"/>
                  </a:lnTo>
                  <a:lnTo>
                    <a:pt x="381" y="334"/>
                  </a:lnTo>
                  <a:lnTo>
                    <a:pt x="360" y="359"/>
                  </a:lnTo>
                  <a:lnTo>
                    <a:pt x="335" y="380"/>
                  </a:lnTo>
                  <a:lnTo>
                    <a:pt x="307" y="397"/>
                  </a:lnTo>
                  <a:lnTo>
                    <a:pt x="277" y="410"/>
                  </a:lnTo>
                  <a:lnTo>
                    <a:pt x="244" y="418"/>
                  </a:lnTo>
                  <a:lnTo>
                    <a:pt x="210" y="420"/>
                  </a:lnTo>
                  <a:lnTo>
                    <a:pt x="177" y="418"/>
                  </a:lnTo>
                  <a:lnTo>
                    <a:pt x="145" y="410"/>
                  </a:lnTo>
                  <a:lnTo>
                    <a:pt x="113" y="397"/>
                  </a:lnTo>
                  <a:lnTo>
                    <a:pt x="86" y="380"/>
                  </a:lnTo>
                  <a:lnTo>
                    <a:pt x="61" y="359"/>
                  </a:lnTo>
                  <a:lnTo>
                    <a:pt x="41" y="334"/>
                  </a:lnTo>
                  <a:lnTo>
                    <a:pt x="24" y="307"/>
                  </a:lnTo>
                  <a:lnTo>
                    <a:pt x="11" y="277"/>
                  </a:lnTo>
                  <a:lnTo>
                    <a:pt x="3" y="245"/>
                  </a:lnTo>
                  <a:lnTo>
                    <a:pt x="0" y="210"/>
                  </a:lnTo>
                  <a:lnTo>
                    <a:pt x="3" y="176"/>
                  </a:lnTo>
                  <a:lnTo>
                    <a:pt x="11" y="144"/>
                  </a:lnTo>
                  <a:lnTo>
                    <a:pt x="24" y="114"/>
                  </a:lnTo>
                  <a:lnTo>
                    <a:pt x="41" y="87"/>
                  </a:lnTo>
                  <a:lnTo>
                    <a:pt x="61" y="62"/>
                  </a:lnTo>
                  <a:lnTo>
                    <a:pt x="86" y="41"/>
                  </a:lnTo>
                  <a:lnTo>
                    <a:pt x="113" y="23"/>
                  </a:lnTo>
                  <a:lnTo>
                    <a:pt x="145" y="11"/>
                  </a:lnTo>
                  <a:lnTo>
                    <a:pt x="177" y="4"/>
                  </a:lnTo>
                  <a:lnTo>
                    <a:pt x="21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grpSp>
        <p:nvGrpSpPr>
          <p:cNvPr id="34" name="Group 21"/>
          <p:cNvGrpSpPr>
            <a:grpSpLocks noChangeAspect="1"/>
          </p:cNvGrpSpPr>
          <p:nvPr/>
        </p:nvGrpSpPr>
        <p:grpSpPr bwMode="auto">
          <a:xfrm>
            <a:off x="6564654" y="3990917"/>
            <a:ext cx="915988" cy="915988"/>
            <a:chOff x="4082" y="2554"/>
            <a:chExt cx="577" cy="577"/>
          </a:xfrm>
          <a:solidFill>
            <a:schemeClr val="bg1"/>
          </a:solidFill>
        </p:grpSpPr>
        <p:sp>
          <p:nvSpPr>
            <p:cNvPr id="37" name="Freeform 23"/>
            <p:cNvSpPr>
              <a:spLocks noEditPoints="1"/>
            </p:cNvSpPr>
            <p:nvPr/>
          </p:nvSpPr>
          <p:spPr bwMode="auto">
            <a:xfrm>
              <a:off x="4310" y="2591"/>
              <a:ext cx="284" cy="289"/>
            </a:xfrm>
            <a:custGeom>
              <a:avLst/>
              <a:gdLst>
                <a:gd name="T0" fmla="*/ 936 w 1705"/>
                <a:gd name="T1" fmla="*/ 308 h 1731"/>
                <a:gd name="T2" fmla="*/ 922 w 1705"/>
                <a:gd name="T3" fmla="*/ 311 h 1731"/>
                <a:gd name="T4" fmla="*/ 907 w 1705"/>
                <a:gd name="T5" fmla="*/ 318 h 1731"/>
                <a:gd name="T6" fmla="*/ 896 w 1705"/>
                <a:gd name="T7" fmla="*/ 328 h 1731"/>
                <a:gd name="T8" fmla="*/ 375 w 1705"/>
                <a:gd name="T9" fmla="*/ 912 h 1731"/>
                <a:gd name="T10" fmla="*/ 366 w 1705"/>
                <a:gd name="T11" fmla="*/ 926 h 1731"/>
                <a:gd name="T12" fmla="*/ 361 w 1705"/>
                <a:gd name="T13" fmla="*/ 940 h 1731"/>
                <a:gd name="T14" fmla="*/ 360 w 1705"/>
                <a:gd name="T15" fmla="*/ 956 h 1731"/>
                <a:gd name="T16" fmla="*/ 363 w 1705"/>
                <a:gd name="T17" fmla="*/ 970 h 1731"/>
                <a:gd name="T18" fmla="*/ 370 w 1705"/>
                <a:gd name="T19" fmla="*/ 985 h 1731"/>
                <a:gd name="T20" fmla="*/ 380 w 1705"/>
                <a:gd name="T21" fmla="*/ 997 h 1731"/>
                <a:gd name="T22" fmla="*/ 419 w 1705"/>
                <a:gd name="T23" fmla="*/ 1030 h 1731"/>
                <a:gd name="T24" fmla="*/ 432 w 1705"/>
                <a:gd name="T25" fmla="*/ 1039 h 1731"/>
                <a:gd name="T26" fmla="*/ 447 w 1705"/>
                <a:gd name="T27" fmla="*/ 1044 h 1731"/>
                <a:gd name="T28" fmla="*/ 463 w 1705"/>
                <a:gd name="T29" fmla="*/ 1046 h 1731"/>
                <a:gd name="T30" fmla="*/ 478 w 1705"/>
                <a:gd name="T31" fmla="*/ 1042 h 1731"/>
                <a:gd name="T32" fmla="*/ 492 w 1705"/>
                <a:gd name="T33" fmla="*/ 1036 h 1731"/>
                <a:gd name="T34" fmla="*/ 504 w 1705"/>
                <a:gd name="T35" fmla="*/ 1026 h 1731"/>
                <a:gd name="T36" fmla="*/ 1025 w 1705"/>
                <a:gd name="T37" fmla="*/ 441 h 1731"/>
                <a:gd name="T38" fmla="*/ 1034 w 1705"/>
                <a:gd name="T39" fmla="*/ 428 h 1731"/>
                <a:gd name="T40" fmla="*/ 1038 w 1705"/>
                <a:gd name="T41" fmla="*/ 413 h 1731"/>
                <a:gd name="T42" fmla="*/ 1039 w 1705"/>
                <a:gd name="T43" fmla="*/ 398 h 1731"/>
                <a:gd name="T44" fmla="*/ 1036 w 1705"/>
                <a:gd name="T45" fmla="*/ 382 h 1731"/>
                <a:gd name="T46" fmla="*/ 1029 w 1705"/>
                <a:gd name="T47" fmla="*/ 369 h 1731"/>
                <a:gd name="T48" fmla="*/ 1019 w 1705"/>
                <a:gd name="T49" fmla="*/ 357 h 1731"/>
                <a:gd name="T50" fmla="*/ 980 w 1705"/>
                <a:gd name="T51" fmla="*/ 322 h 1731"/>
                <a:gd name="T52" fmla="*/ 968 w 1705"/>
                <a:gd name="T53" fmla="*/ 315 h 1731"/>
                <a:gd name="T54" fmla="*/ 953 w 1705"/>
                <a:gd name="T55" fmla="*/ 309 h 1731"/>
                <a:gd name="T56" fmla="*/ 936 w 1705"/>
                <a:gd name="T57" fmla="*/ 308 h 1731"/>
                <a:gd name="T58" fmla="*/ 981 w 1705"/>
                <a:gd name="T59" fmla="*/ 0 h 1731"/>
                <a:gd name="T60" fmla="*/ 1705 w 1705"/>
                <a:gd name="T61" fmla="*/ 632 h 1731"/>
                <a:gd name="T62" fmla="*/ 724 w 1705"/>
                <a:gd name="T63" fmla="*/ 1731 h 1731"/>
                <a:gd name="T64" fmla="*/ 0 w 1705"/>
                <a:gd name="T65" fmla="*/ 1100 h 1731"/>
                <a:gd name="T66" fmla="*/ 981 w 1705"/>
                <a:gd name="T67" fmla="*/ 0 h 17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705" h="1731">
                  <a:moveTo>
                    <a:pt x="936" y="308"/>
                  </a:moveTo>
                  <a:lnTo>
                    <a:pt x="922" y="311"/>
                  </a:lnTo>
                  <a:lnTo>
                    <a:pt x="907" y="318"/>
                  </a:lnTo>
                  <a:lnTo>
                    <a:pt x="896" y="328"/>
                  </a:lnTo>
                  <a:lnTo>
                    <a:pt x="375" y="912"/>
                  </a:lnTo>
                  <a:lnTo>
                    <a:pt x="366" y="926"/>
                  </a:lnTo>
                  <a:lnTo>
                    <a:pt x="361" y="940"/>
                  </a:lnTo>
                  <a:lnTo>
                    <a:pt x="360" y="956"/>
                  </a:lnTo>
                  <a:lnTo>
                    <a:pt x="363" y="970"/>
                  </a:lnTo>
                  <a:lnTo>
                    <a:pt x="370" y="985"/>
                  </a:lnTo>
                  <a:lnTo>
                    <a:pt x="380" y="997"/>
                  </a:lnTo>
                  <a:lnTo>
                    <a:pt x="419" y="1030"/>
                  </a:lnTo>
                  <a:lnTo>
                    <a:pt x="432" y="1039"/>
                  </a:lnTo>
                  <a:lnTo>
                    <a:pt x="447" y="1044"/>
                  </a:lnTo>
                  <a:lnTo>
                    <a:pt x="463" y="1046"/>
                  </a:lnTo>
                  <a:lnTo>
                    <a:pt x="478" y="1042"/>
                  </a:lnTo>
                  <a:lnTo>
                    <a:pt x="492" y="1036"/>
                  </a:lnTo>
                  <a:lnTo>
                    <a:pt x="504" y="1026"/>
                  </a:lnTo>
                  <a:lnTo>
                    <a:pt x="1025" y="441"/>
                  </a:lnTo>
                  <a:lnTo>
                    <a:pt x="1034" y="428"/>
                  </a:lnTo>
                  <a:lnTo>
                    <a:pt x="1038" y="413"/>
                  </a:lnTo>
                  <a:lnTo>
                    <a:pt x="1039" y="398"/>
                  </a:lnTo>
                  <a:lnTo>
                    <a:pt x="1036" y="382"/>
                  </a:lnTo>
                  <a:lnTo>
                    <a:pt x="1029" y="369"/>
                  </a:lnTo>
                  <a:lnTo>
                    <a:pt x="1019" y="357"/>
                  </a:lnTo>
                  <a:lnTo>
                    <a:pt x="980" y="322"/>
                  </a:lnTo>
                  <a:lnTo>
                    <a:pt x="968" y="315"/>
                  </a:lnTo>
                  <a:lnTo>
                    <a:pt x="953" y="309"/>
                  </a:lnTo>
                  <a:lnTo>
                    <a:pt x="936" y="308"/>
                  </a:lnTo>
                  <a:close/>
                  <a:moveTo>
                    <a:pt x="981" y="0"/>
                  </a:moveTo>
                  <a:lnTo>
                    <a:pt x="1705" y="632"/>
                  </a:lnTo>
                  <a:lnTo>
                    <a:pt x="724" y="1731"/>
                  </a:lnTo>
                  <a:lnTo>
                    <a:pt x="0" y="1100"/>
                  </a:lnTo>
                  <a:lnTo>
                    <a:pt x="98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38" name="Freeform 24"/>
            <p:cNvSpPr>
              <a:spLocks noEditPoints="1"/>
            </p:cNvSpPr>
            <p:nvPr/>
          </p:nvSpPr>
          <p:spPr bwMode="auto">
            <a:xfrm>
              <a:off x="4082" y="2994"/>
              <a:ext cx="136" cy="137"/>
            </a:xfrm>
            <a:custGeom>
              <a:avLst/>
              <a:gdLst>
                <a:gd name="T0" fmla="*/ 268 w 816"/>
                <a:gd name="T1" fmla="*/ 241 h 825"/>
                <a:gd name="T2" fmla="*/ 180 w 816"/>
                <a:gd name="T3" fmla="*/ 562 h 825"/>
                <a:gd name="T4" fmla="*/ 179 w 816"/>
                <a:gd name="T5" fmla="*/ 577 h 825"/>
                <a:gd name="T6" fmla="*/ 181 w 816"/>
                <a:gd name="T7" fmla="*/ 592 h 825"/>
                <a:gd name="T8" fmla="*/ 187 w 816"/>
                <a:gd name="T9" fmla="*/ 605 h 825"/>
                <a:gd name="T10" fmla="*/ 197 w 816"/>
                <a:gd name="T11" fmla="*/ 616 h 825"/>
                <a:gd name="T12" fmla="*/ 210 w 816"/>
                <a:gd name="T13" fmla="*/ 624 h 825"/>
                <a:gd name="T14" fmla="*/ 224 w 816"/>
                <a:gd name="T15" fmla="*/ 629 h 825"/>
                <a:gd name="T16" fmla="*/ 238 w 816"/>
                <a:gd name="T17" fmla="*/ 629 h 825"/>
                <a:gd name="T18" fmla="*/ 253 w 816"/>
                <a:gd name="T19" fmla="*/ 625 h 825"/>
                <a:gd name="T20" fmla="*/ 564 w 816"/>
                <a:gd name="T21" fmla="*/ 501 h 825"/>
                <a:gd name="T22" fmla="*/ 268 w 816"/>
                <a:gd name="T23" fmla="*/ 241 h 825"/>
                <a:gd name="T24" fmla="*/ 193 w 816"/>
                <a:gd name="T25" fmla="*/ 0 h 825"/>
                <a:gd name="T26" fmla="*/ 816 w 816"/>
                <a:gd name="T27" fmla="*/ 543 h 825"/>
                <a:gd name="T28" fmla="*/ 134 w 816"/>
                <a:gd name="T29" fmla="*/ 817 h 825"/>
                <a:gd name="T30" fmla="*/ 113 w 816"/>
                <a:gd name="T31" fmla="*/ 824 h 825"/>
                <a:gd name="T32" fmla="*/ 92 w 816"/>
                <a:gd name="T33" fmla="*/ 825 h 825"/>
                <a:gd name="T34" fmla="*/ 70 w 816"/>
                <a:gd name="T35" fmla="*/ 820 h 825"/>
                <a:gd name="T36" fmla="*/ 51 w 816"/>
                <a:gd name="T37" fmla="*/ 812 h 825"/>
                <a:gd name="T38" fmla="*/ 33 w 816"/>
                <a:gd name="T39" fmla="*/ 800 h 825"/>
                <a:gd name="T40" fmla="*/ 19 w 816"/>
                <a:gd name="T41" fmla="*/ 785 h 825"/>
                <a:gd name="T42" fmla="*/ 8 w 816"/>
                <a:gd name="T43" fmla="*/ 766 h 825"/>
                <a:gd name="T44" fmla="*/ 2 w 816"/>
                <a:gd name="T45" fmla="*/ 746 h 825"/>
                <a:gd name="T46" fmla="*/ 0 w 816"/>
                <a:gd name="T47" fmla="*/ 725 h 825"/>
                <a:gd name="T48" fmla="*/ 0 w 816"/>
                <a:gd name="T49" fmla="*/ 724 h 825"/>
                <a:gd name="T50" fmla="*/ 3 w 816"/>
                <a:gd name="T51" fmla="*/ 703 h 825"/>
                <a:gd name="T52" fmla="*/ 193 w 816"/>
                <a:gd name="T53" fmla="*/ 0 h 8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16" h="825">
                  <a:moveTo>
                    <a:pt x="268" y="241"/>
                  </a:moveTo>
                  <a:lnTo>
                    <a:pt x="180" y="562"/>
                  </a:lnTo>
                  <a:lnTo>
                    <a:pt x="179" y="577"/>
                  </a:lnTo>
                  <a:lnTo>
                    <a:pt x="181" y="592"/>
                  </a:lnTo>
                  <a:lnTo>
                    <a:pt x="187" y="605"/>
                  </a:lnTo>
                  <a:lnTo>
                    <a:pt x="197" y="616"/>
                  </a:lnTo>
                  <a:lnTo>
                    <a:pt x="210" y="624"/>
                  </a:lnTo>
                  <a:lnTo>
                    <a:pt x="224" y="629"/>
                  </a:lnTo>
                  <a:lnTo>
                    <a:pt x="238" y="629"/>
                  </a:lnTo>
                  <a:lnTo>
                    <a:pt x="253" y="625"/>
                  </a:lnTo>
                  <a:lnTo>
                    <a:pt x="564" y="501"/>
                  </a:lnTo>
                  <a:lnTo>
                    <a:pt x="268" y="241"/>
                  </a:lnTo>
                  <a:close/>
                  <a:moveTo>
                    <a:pt x="193" y="0"/>
                  </a:moveTo>
                  <a:lnTo>
                    <a:pt x="816" y="543"/>
                  </a:lnTo>
                  <a:lnTo>
                    <a:pt x="134" y="817"/>
                  </a:lnTo>
                  <a:lnTo>
                    <a:pt x="113" y="824"/>
                  </a:lnTo>
                  <a:lnTo>
                    <a:pt x="92" y="825"/>
                  </a:lnTo>
                  <a:lnTo>
                    <a:pt x="70" y="820"/>
                  </a:lnTo>
                  <a:lnTo>
                    <a:pt x="51" y="812"/>
                  </a:lnTo>
                  <a:lnTo>
                    <a:pt x="33" y="800"/>
                  </a:lnTo>
                  <a:lnTo>
                    <a:pt x="19" y="785"/>
                  </a:lnTo>
                  <a:lnTo>
                    <a:pt x="8" y="766"/>
                  </a:lnTo>
                  <a:lnTo>
                    <a:pt x="2" y="746"/>
                  </a:lnTo>
                  <a:lnTo>
                    <a:pt x="0" y="725"/>
                  </a:lnTo>
                  <a:lnTo>
                    <a:pt x="0" y="724"/>
                  </a:lnTo>
                  <a:lnTo>
                    <a:pt x="3" y="703"/>
                  </a:lnTo>
                  <a:lnTo>
                    <a:pt x="19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39" name="Freeform 25"/>
            <p:cNvSpPr>
              <a:spLocks noEditPoints="1"/>
            </p:cNvSpPr>
            <p:nvPr/>
          </p:nvSpPr>
          <p:spPr bwMode="auto">
            <a:xfrm>
              <a:off x="4132" y="2791"/>
              <a:ext cx="263" cy="271"/>
            </a:xfrm>
            <a:custGeom>
              <a:avLst/>
              <a:gdLst>
                <a:gd name="T0" fmla="*/ 968 w 1581"/>
                <a:gd name="T1" fmla="*/ 294 h 1626"/>
                <a:gd name="T2" fmla="*/ 952 w 1581"/>
                <a:gd name="T3" fmla="*/ 297 h 1626"/>
                <a:gd name="T4" fmla="*/ 938 w 1581"/>
                <a:gd name="T5" fmla="*/ 304 h 1626"/>
                <a:gd name="T6" fmla="*/ 926 w 1581"/>
                <a:gd name="T7" fmla="*/ 314 h 1626"/>
                <a:gd name="T8" fmla="*/ 316 w 1581"/>
                <a:gd name="T9" fmla="*/ 999 h 1626"/>
                <a:gd name="T10" fmla="*/ 307 w 1581"/>
                <a:gd name="T11" fmla="*/ 1011 h 1626"/>
                <a:gd name="T12" fmla="*/ 302 w 1581"/>
                <a:gd name="T13" fmla="*/ 1027 h 1626"/>
                <a:gd name="T14" fmla="*/ 301 w 1581"/>
                <a:gd name="T15" fmla="*/ 1042 h 1626"/>
                <a:gd name="T16" fmla="*/ 305 w 1581"/>
                <a:gd name="T17" fmla="*/ 1057 h 1626"/>
                <a:gd name="T18" fmla="*/ 311 w 1581"/>
                <a:gd name="T19" fmla="*/ 1071 h 1626"/>
                <a:gd name="T20" fmla="*/ 321 w 1581"/>
                <a:gd name="T21" fmla="*/ 1082 h 1626"/>
                <a:gd name="T22" fmla="*/ 361 w 1581"/>
                <a:gd name="T23" fmla="*/ 1117 h 1626"/>
                <a:gd name="T24" fmla="*/ 374 w 1581"/>
                <a:gd name="T25" fmla="*/ 1125 h 1626"/>
                <a:gd name="T26" fmla="*/ 389 w 1581"/>
                <a:gd name="T27" fmla="*/ 1130 h 1626"/>
                <a:gd name="T28" fmla="*/ 403 w 1581"/>
                <a:gd name="T29" fmla="*/ 1131 h 1626"/>
                <a:gd name="T30" fmla="*/ 419 w 1581"/>
                <a:gd name="T31" fmla="*/ 1129 h 1626"/>
                <a:gd name="T32" fmla="*/ 432 w 1581"/>
                <a:gd name="T33" fmla="*/ 1122 h 1626"/>
                <a:gd name="T34" fmla="*/ 445 w 1581"/>
                <a:gd name="T35" fmla="*/ 1111 h 1626"/>
                <a:gd name="T36" fmla="*/ 1055 w 1581"/>
                <a:gd name="T37" fmla="*/ 427 h 1626"/>
                <a:gd name="T38" fmla="*/ 1064 w 1581"/>
                <a:gd name="T39" fmla="*/ 413 h 1626"/>
                <a:gd name="T40" fmla="*/ 1068 w 1581"/>
                <a:gd name="T41" fmla="*/ 399 h 1626"/>
                <a:gd name="T42" fmla="*/ 1069 w 1581"/>
                <a:gd name="T43" fmla="*/ 383 h 1626"/>
                <a:gd name="T44" fmla="*/ 1067 w 1581"/>
                <a:gd name="T45" fmla="*/ 368 h 1626"/>
                <a:gd name="T46" fmla="*/ 1060 w 1581"/>
                <a:gd name="T47" fmla="*/ 355 h 1626"/>
                <a:gd name="T48" fmla="*/ 1050 w 1581"/>
                <a:gd name="T49" fmla="*/ 342 h 1626"/>
                <a:gd name="T50" fmla="*/ 1011 w 1581"/>
                <a:gd name="T51" fmla="*/ 308 h 1626"/>
                <a:gd name="T52" fmla="*/ 998 w 1581"/>
                <a:gd name="T53" fmla="*/ 299 h 1626"/>
                <a:gd name="T54" fmla="*/ 983 w 1581"/>
                <a:gd name="T55" fmla="*/ 295 h 1626"/>
                <a:gd name="T56" fmla="*/ 968 w 1581"/>
                <a:gd name="T57" fmla="*/ 294 h 1626"/>
                <a:gd name="T58" fmla="*/ 979 w 1581"/>
                <a:gd name="T59" fmla="*/ 0 h 1626"/>
                <a:gd name="T60" fmla="*/ 1581 w 1581"/>
                <a:gd name="T61" fmla="*/ 527 h 1626"/>
                <a:gd name="T62" fmla="*/ 602 w 1581"/>
                <a:gd name="T63" fmla="*/ 1626 h 1626"/>
                <a:gd name="T64" fmla="*/ 0 w 1581"/>
                <a:gd name="T65" fmla="*/ 1099 h 1626"/>
                <a:gd name="T66" fmla="*/ 979 w 1581"/>
                <a:gd name="T67" fmla="*/ 0 h 16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581" h="1626">
                  <a:moveTo>
                    <a:pt x="968" y="294"/>
                  </a:moveTo>
                  <a:lnTo>
                    <a:pt x="952" y="297"/>
                  </a:lnTo>
                  <a:lnTo>
                    <a:pt x="938" y="304"/>
                  </a:lnTo>
                  <a:lnTo>
                    <a:pt x="926" y="314"/>
                  </a:lnTo>
                  <a:lnTo>
                    <a:pt x="316" y="999"/>
                  </a:lnTo>
                  <a:lnTo>
                    <a:pt x="307" y="1011"/>
                  </a:lnTo>
                  <a:lnTo>
                    <a:pt x="302" y="1027"/>
                  </a:lnTo>
                  <a:lnTo>
                    <a:pt x="301" y="1042"/>
                  </a:lnTo>
                  <a:lnTo>
                    <a:pt x="305" y="1057"/>
                  </a:lnTo>
                  <a:lnTo>
                    <a:pt x="311" y="1071"/>
                  </a:lnTo>
                  <a:lnTo>
                    <a:pt x="321" y="1082"/>
                  </a:lnTo>
                  <a:lnTo>
                    <a:pt x="361" y="1117"/>
                  </a:lnTo>
                  <a:lnTo>
                    <a:pt x="374" y="1125"/>
                  </a:lnTo>
                  <a:lnTo>
                    <a:pt x="389" y="1130"/>
                  </a:lnTo>
                  <a:lnTo>
                    <a:pt x="403" y="1131"/>
                  </a:lnTo>
                  <a:lnTo>
                    <a:pt x="419" y="1129"/>
                  </a:lnTo>
                  <a:lnTo>
                    <a:pt x="432" y="1122"/>
                  </a:lnTo>
                  <a:lnTo>
                    <a:pt x="445" y="1111"/>
                  </a:lnTo>
                  <a:lnTo>
                    <a:pt x="1055" y="427"/>
                  </a:lnTo>
                  <a:lnTo>
                    <a:pt x="1064" y="413"/>
                  </a:lnTo>
                  <a:lnTo>
                    <a:pt x="1068" y="399"/>
                  </a:lnTo>
                  <a:lnTo>
                    <a:pt x="1069" y="383"/>
                  </a:lnTo>
                  <a:lnTo>
                    <a:pt x="1067" y="368"/>
                  </a:lnTo>
                  <a:lnTo>
                    <a:pt x="1060" y="355"/>
                  </a:lnTo>
                  <a:lnTo>
                    <a:pt x="1050" y="342"/>
                  </a:lnTo>
                  <a:lnTo>
                    <a:pt x="1011" y="308"/>
                  </a:lnTo>
                  <a:lnTo>
                    <a:pt x="998" y="299"/>
                  </a:lnTo>
                  <a:lnTo>
                    <a:pt x="983" y="295"/>
                  </a:lnTo>
                  <a:lnTo>
                    <a:pt x="968" y="294"/>
                  </a:lnTo>
                  <a:close/>
                  <a:moveTo>
                    <a:pt x="979" y="0"/>
                  </a:moveTo>
                  <a:lnTo>
                    <a:pt x="1581" y="527"/>
                  </a:lnTo>
                  <a:lnTo>
                    <a:pt x="602" y="1626"/>
                  </a:lnTo>
                  <a:lnTo>
                    <a:pt x="0" y="1099"/>
                  </a:lnTo>
                  <a:lnTo>
                    <a:pt x="97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40" name="Freeform 26"/>
            <p:cNvSpPr>
              <a:spLocks/>
            </p:cNvSpPr>
            <p:nvPr/>
          </p:nvSpPr>
          <p:spPr bwMode="auto">
            <a:xfrm>
              <a:off x="4343" y="2680"/>
              <a:ext cx="316" cy="355"/>
            </a:xfrm>
            <a:custGeom>
              <a:avLst/>
              <a:gdLst>
                <a:gd name="T0" fmla="*/ 1748 w 1893"/>
                <a:gd name="T1" fmla="*/ 0 h 2127"/>
                <a:gd name="T2" fmla="*/ 1829 w 1893"/>
                <a:gd name="T3" fmla="*/ 70 h 2127"/>
                <a:gd name="T4" fmla="*/ 1852 w 1893"/>
                <a:gd name="T5" fmla="*/ 95 h 2127"/>
                <a:gd name="T6" fmla="*/ 1870 w 1893"/>
                <a:gd name="T7" fmla="*/ 122 h 2127"/>
                <a:gd name="T8" fmla="*/ 1882 w 1893"/>
                <a:gd name="T9" fmla="*/ 151 h 2127"/>
                <a:gd name="T10" fmla="*/ 1890 w 1893"/>
                <a:gd name="T11" fmla="*/ 183 h 2127"/>
                <a:gd name="T12" fmla="*/ 1893 w 1893"/>
                <a:gd name="T13" fmla="*/ 214 h 2127"/>
                <a:gd name="T14" fmla="*/ 1889 w 1893"/>
                <a:gd name="T15" fmla="*/ 246 h 2127"/>
                <a:gd name="T16" fmla="*/ 1880 w 1893"/>
                <a:gd name="T17" fmla="*/ 277 h 2127"/>
                <a:gd name="T18" fmla="*/ 1866 w 1893"/>
                <a:gd name="T19" fmla="*/ 306 h 2127"/>
                <a:gd name="T20" fmla="*/ 1846 w 1893"/>
                <a:gd name="T21" fmla="*/ 333 h 2127"/>
                <a:gd name="T22" fmla="*/ 277 w 1893"/>
                <a:gd name="T23" fmla="*/ 2093 h 2127"/>
                <a:gd name="T24" fmla="*/ 262 w 1893"/>
                <a:gd name="T25" fmla="*/ 2107 h 2127"/>
                <a:gd name="T26" fmla="*/ 245 w 1893"/>
                <a:gd name="T27" fmla="*/ 2117 h 2127"/>
                <a:gd name="T28" fmla="*/ 227 w 1893"/>
                <a:gd name="T29" fmla="*/ 2123 h 2127"/>
                <a:gd name="T30" fmla="*/ 208 w 1893"/>
                <a:gd name="T31" fmla="*/ 2127 h 2127"/>
                <a:gd name="T32" fmla="*/ 188 w 1893"/>
                <a:gd name="T33" fmla="*/ 2126 h 2127"/>
                <a:gd name="T34" fmla="*/ 169 w 1893"/>
                <a:gd name="T35" fmla="*/ 2121 h 2127"/>
                <a:gd name="T36" fmla="*/ 151 w 1893"/>
                <a:gd name="T37" fmla="*/ 2113 h 2127"/>
                <a:gd name="T38" fmla="*/ 135 w 1893"/>
                <a:gd name="T39" fmla="*/ 2102 h 2127"/>
                <a:gd name="T40" fmla="*/ 84 w 1893"/>
                <a:gd name="T41" fmla="*/ 2057 h 2127"/>
                <a:gd name="T42" fmla="*/ 57 w 1893"/>
                <a:gd name="T43" fmla="*/ 2029 h 2127"/>
                <a:gd name="T44" fmla="*/ 35 w 1893"/>
                <a:gd name="T45" fmla="*/ 1997 h 2127"/>
                <a:gd name="T46" fmla="*/ 18 w 1893"/>
                <a:gd name="T47" fmla="*/ 1963 h 2127"/>
                <a:gd name="T48" fmla="*/ 5 w 1893"/>
                <a:gd name="T49" fmla="*/ 1926 h 2127"/>
                <a:gd name="T50" fmla="*/ 0 w 1893"/>
                <a:gd name="T51" fmla="*/ 1888 h 2127"/>
                <a:gd name="T52" fmla="*/ 1 w 1893"/>
                <a:gd name="T53" fmla="*/ 1849 h 2127"/>
                <a:gd name="T54" fmla="*/ 8 w 1893"/>
                <a:gd name="T55" fmla="*/ 1812 h 2127"/>
                <a:gd name="T56" fmla="*/ 20 w 1893"/>
                <a:gd name="T57" fmla="*/ 1775 h 2127"/>
                <a:gd name="T58" fmla="*/ 38 w 1893"/>
                <a:gd name="T59" fmla="*/ 1741 h 2127"/>
                <a:gd name="T60" fmla="*/ 61 w 1893"/>
                <a:gd name="T61" fmla="*/ 1710 h 2127"/>
                <a:gd name="T62" fmla="*/ 279 w 1893"/>
                <a:gd name="T63" fmla="*/ 1467 h 2127"/>
                <a:gd name="T64" fmla="*/ 296 w 1893"/>
                <a:gd name="T65" fmla="*/ 1451 h 2127"/>
                <a:gd name="T66" fmla="*/ 315 w 1893"/>
                <a:gd name="T67" fmla="*/ 1441 h 2127"/>
                <a:gd name="T68" fmla="*/ 335 w 1893"/>
                <a:gd name="T69" fmla="*/ 1436 h 2127"/>
                <a:gd name="T70" fmla="*/ 356 w 1893"/>
                <a:gd name="T71" fmla="*/ 1435 h 2127"/>
                <a:gd name="T72" fmla="*/ 377 w 1893"/>
                <a:gd name="T73" fmla="*/ 1438 h 2127"/>
                <a:gd name="T74" fmla="*/ 397 w 1893"/>
                <a:gd name="T75" fmla="*/ 1446 h 2127"/>
                <a:gd name="T76" fmla="*/ 417 w 1893"/>
                <a:gd name="T77" fmla="*/ 1458 h 2127"/>
                <a:gd name="T78" fmla="*/ 434 w 1893"/>
                <a:gd name="T79" fmla="*/ 1475 h 2127"/>
                <a:gd name="T80" fmla="*/ 1748 w 1893"/>
                <a:gd name="T81" fmla="*/ 0 h 2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893" h="2127">
                  <a:moveTo>
                    <a:pt x="1748" y="0"/>
                  </a:moveTo>
                  <a:lnTo>
                    <a:pt x="1829" y="70"/>
                  </a:lnTo>
                  <a:lnTo>
                    <a:pt x="1852" y="95"/>
                  </a:lnTo>
                  <a:lnTo>
                    <a:pt x="1870" y="122"/>
                  </a:lnTo>
                  <a:lnTo>
                    <a:pt x="1882" y="151"/>
                  </a:lnTo>
                  <a:lnTo>
                    <a:pt x="1890" y="183"/>
                  </a:lnTo>
                  <a:lnTo>
                    <a:pt x="1893" y="214"/>
                  </a:lnTo>
                  <a:lnTo>
                    <a:pt x="1889" y="246"/>
                  </a:lnTo>
                  <a:lnTo>
                    <a:pt x="1880" y="277"/>
                  </a:lnTo>
                  <a:lnTo>
                    <a:pt x="1866" y="306"/>
                  </a:lnTo>
                  <a:lnTo>
                    <a:pt x="1846" y="333"/>
                  </a:lnTo>
                  <a:lnTo>
                    <a:pt x="277" y="2093"/>
                  </a:lnTo>
                  <a:lnTo>
                    <a:pt x="262" y="2107"/>
                  </a:lnTo>
                  <a:lnTo>
                    <a:pt x="245" y="2117"/>
                  </a:lnTo>
                  <a:lnTo>
                    <a:pt x="227" y="2123"/>
                  </a:lnTo>
                  <a:lnTo>
                    <a:pt x="208" y="2127"/>
                  </a:lnTo>
                  <a:lnTo>
                    <a:pt x="188" y="2126"/>
                  </a:lnTo>
                  <a:lnTo>
                    <a:pt x="169" y="2121"/>
                  </a:lnTo>
                  <a:lnTo>
                    <a:pt x="151" y="2113"/>
                  </a:lnTo>
                  <a:lnTo>
                    <a:pt x="135" y="2102"/>
                  </a:lnTo>
                  <a:lnTo>
                    <a:pt x="84" y="2057"/>
                  </a:lnTo>
                  <a:lnTo>
                    <a:pt x="57" y="2029"/>
                  </a:lnTo>
                  <a:lnTo>
                    <a:pt x="35" y="1997"/>
                  </a:lnTo>
                  <a:lnTo>
                    <a:pt x="18" y="1963"/>
                  </a:lnTo>
                  <a:lnTo>
                    <a:pt x="5" y="1926"/>
                  </a:lnTo>
                  <a:lnTo>
                    <a:pt x="0" y="1888"/>
                  </a:lnTo>
                  <a:lnTo>
                    <a:pt x="1" y="1849"/>
                  </a:lnTo>
                  <a:lnTo>
                    <a:pt x="8" y="1812"/>
                  </a:lnTo>
                  <a:lnTo>
                    <a:pt x="20" y="1775"/>
                  </a:lnTo>
                  <a:lnTo>
                    <a:pt x="38" y="1741"/>
                  </a:lnTo>
                  <a:lnTo>
                    <a:pt x="61" y="1710"/>
                  </a:lnTo>
                  <a:lnTo>
                    <a:pt x="279" y="1467"/>
                  </a:lnTo>
                  <a:lnTo>
                    <a:pt x="296" y="1451"/>
                  </a:lnTo>
                  <a:lnTo>
                    <a:pt x="315" y="1441"/>
                  </a:lnTo>
                  <a:lnTo>
                    <a:pt x="335" y="1436"/>
                  </a:lnTo>
                  <a:lnTo>
                    <a:pt x="356" y="1435"/>
                  </a:lnTo>
                  <a:lnTo>
                    <a:pt x="377" y="1438"/>
                  </a:lnTo>
                  <a:lnTo>
                    <a:pt x="397" y="1446"/>
                  </a:lnTo>
                  <a:lnTo>
                    <a:pt x="417" y="1458"/>
                  </a:lnTo>
                  <a:lnTo>
                    <a:pt x="434" y="1475"/>
                  </a:lnTo>
                  <a:lnTo>
                    <a:pt x="1748"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41" name="Freeform 27"/>
            <p:cNvSpPr>
              <a:spLocks/>
            </p:cNvSpPr>
            <p:nvPr/>
          </p:nvSpPr>
          <p:spPr bwMode="auto">
            <a:xfrm>
              <a:off x="4491" y="2554"/>
              <a:ext cx="117" cy="111"/>
            </a:xfrm>
            <a:custGeom>
              <a:avLst/>
              <a:gdLst>
                <a:gd name="T0" fmla="*/ 321 w 706"/>
                <a:gd name="T1" fmla="*/ 0 h 663"/>
                <a:gd name="T2" fmla="*/ 366 w 706"/>
                <a:gd name="T3" fmla="*/ 5 h 663"/>
                <a:gd name="T4" fmla="*/ 409 w 706"/>
                <a:gd name="T5" fmla="*/ 13 h 663"/>
                <a:gd name="T6" fmla="*/ 452 w 706"/>
                <a:gd name="T7" fmla="*/ 28 h 663"/>
                <a:gd name="T8" fmla="*/ 493 w 706"/>
                <a:gd name="T9" fmla="*/ 47 h 663"/>
                <a:gd name="T10" fmla="*/ 533 w 706"/>
                <a:gd name="T11" fmla="*/ 70 h 663"/>
                <a:gd name="T12" fmla="*/ 570 w 706"/>
                <a:gd name="T13" fmla="*/ 99 h 663"/>
                <a:gd name="T14" fmla="*/ 603 w 706"/>
                <a:gd name="T15" fmla="*/ 132 h 663"/>
                <a:gd name="T16" fmla="*/ 632 w 706"/>
                <a:gd name="T17" fmla="*/ 168 h 663"/>
                <a:gd name="T18" fmla="*/ 656 w 706"/>
                <a:gd name="T19" fmla="*/ 206 h 663"/>
                <a:gd name="T20" fmla="*/ 676 w 706"/>
                <a:gd name="T21" fmla="*/ 246 h 663"/>
                <a:gd name="T22" fmla="*/ 691 w 706"/>
                <a:gd name="T23" fmla="*/ 287 h 663"/>
                <a:gd name="T24" fmla="*/ 701 w 706"/>
                <a:gd name="T25" fmla="*/ 331 h 663"/>
                <a:gd name="T26" fmla="*/ 705 w 706"/>
                <a:gd name="T27" fmla="*/ 374 h 663"/>
                <a:gd name="T28" fmla="*/ 706 w 706"/>
                <a:gd name="T29" fmla="*/ 418 h 663"/>
                <a:gd name="T30" fmla="*/ 702 w 706"/>
                <a:gd name="T31" fmla="*/ 461 h 663"/>
                <a:gd name="T32" fmla="*/ 692 w 706"/>
                <a:gd name="T33" fmla="*/ 505 h 663"/>
                <a:gd name="T34" fmla="*/ 677 w 706"/>
                <a:gd name="T35" fmla="*/ 547 h 663"/>
                <a:gd name="T36" fmla="*/ 658 w 706"/>
                <a:gd name="T37" fmla="*/ 588 h 663"/>
                <a:gd name="T38" fmla="*/ 635 w 706"/>
                <a:gd name="T39" fmla="*/ 627 h 663"/>
                <a:gd name="T40" fmla="*/ 605 w 706"/>
                <a:gd name="T41" fmla="*/ 663 h 663"/>
                <a:gd name="T42" fmla="*/ 0 w 706"/>
                <a:gd name="T43" fmla="*/ 134 h 663"/>
                <a:gd name="T44" fmla="*/ 33 w 706"/>
                <a:gd name="T45" fmla="*/ 101 h 663"/>
                <a:gd name="T46" fmla="*/ 69 w 706"/>
                <a:gd name="T47" fmla="*/ 73 h 663"/>
                <a:gd name="T48" fmla="*/ 107 w 706"/>
                <a:gd name="T49" fmla="*/ 49 h 663"/>
                <a:gd name="T50" fmla="*/ 147 w 706"/>
                <a:gd name="T51" fmla="*/ 30 h 663"/>
                <a:gd name="T52" fmla="*/ 190 w 706"/>
                <a:gd name="T53" fmla="*/ 15 h 663"/>
                <a:gd name="T54" fmla="*/ 234 w 706"/>
                <a:gd name="T55" fmla="*/ 6 h 663"/>
                <a:gd name="T56" fmla="*/ 277 w 706"/>
                <a:gd name="T57" fmla="*/ 0 h 663"/>
                <a:gd name="T58" fmla="*/ 321 w 706"/>
                <a:gd name="T59" fmla="*/ 0 h 6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706" h="663">
                  <a:moveTo>
                    <a:pt x="321" y="0"/>
                  </a:moveTo>
                  <a:lnTo>
                    <a:pt x="366" y="5"/>
                  </a:lnTo>
                  <a:lnTo>
                    <a:pt x="409" y="13"/>
                  </a:lnTo>
                  <a:lnTo>
                    <a:pt x="452" y="28"/>
                  </a:lnTo>
                  <a:lnTo>
                    <a:pt x="493" y="47"/>
                  </a:lnTo>
                  <a:lnTo>
                    <a:pt x="533" y="70"/>
                  </a:lnTo>
                  <a:lnTo>
                    <a:pt x="570" y="99"/>
                  </a:lnTo>
                  <a:lnTo>
                    <a:pt x="603" y="132"/>
                  </a:lnTo>
                  <a:lnTo>
                    <a:pt x="632" y="168"/>
                  </a:lnTo>
                  <a:lnTo>
                    <a:pt x="656" y="206"/>
                  </a:lnTo>
                  <a:lnTo>
                    <a:pt x="676" y="246"/>
                  </a:lnTo>
                  <a:lnTo>
                    <a:pt x="691" y="287"/>
                  </a:lnTo>
                  <a:lnTo>
                    <a:pt x="701" y="331"/>
                  </a:lnTo>
                  <a:lnTo>
                    <a:pt x="705" y="374"/>
                  </a:lnTo>
                  <a:lnTo>
                    <a:pt x="706" y="418"/>
                  </a:lnTo>
                  <a:lnTo>
                    <a:pt x="702" y="461"/>
                  </a:lnTo>
                  <a:lnTo>
                    <a:pt x="692" y="505"/>
                  </a:lnTo>
                  <a:lnTo>
                    <a:pt x="677" y="547"/>
                  </a:lnTo>
                  <a:lnTo>
                    <a:pt x="658" y="588"/>
                  </a:lnTo>
                  <a:lnTo>
                    <a:pt x="635" y="627"/>
                  </a:lnTo>
                  <a:lnTo>
                    <a:pt x="605" y="663"/>
                  </a:lnTo>
                  <a:lnTo>
                    <a:pt x="0" y="134"/>
                  </a:lnTo>
                  <a:lnTo>
                    <a:pt x="33" y="101"/>
                  </a:lnTo>
                  <a:lnTo>
                    <a:pt x="69" y="73"/>
                  </a:lnTo>
                  <a:lnTo>
                    <a:pt x="107" y="49"/>
                  </a:lnTo>
                  <a:lnTo>
                    <a:pt x="147" y="30"/>
                  </a:lnTo>
                  <a:lnTo>
                    <a:pt x="190" y="15"/>
                  </a:lnTo>
                  <a:lnTo>
                    <a:pt x="234" y="6"/>
                  </a:lnTo>
                  <a:lnTo>
                    <a:pt x="277" y="0"/>
                  </a:lnTo>
                  <a:lnTo>
                    <a:pt x="32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29" name="Title 1">
            <a:extLst>
              <a:ext uri="{FF2B5EF4-FFF2-40B4-BE49-F238E27FC236}">
                <a16:creationId xmlns:a16="http://schemas.microsoft.com/office/drawing/2014/main" xmlns="" id="{7CFAD080-A7BC-EB4A-960D-CF3B39E1A644}"/>
              </a:ext>
            </a:extLst>
          </p:cNvPr>
          <p:cNvSpPr txBox="1">
            <a:spLocks/>
          </p:cNvSpPr>
          <p:nvPr/>
        </p:nvSpPr>
        <p:spPr>
          <a:xfrm>
            <a:off x="420478" y="326626"/>
            <a:ext cx="4329739" cy="866259"/>
          </a:xfrm>
          <a:prstGeom prst="rect">
            <a:avLst/>
          </a:prstGeom>
        </p:spPr>
        <p:txBody>
          <a:bodyP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ZA" b="1" dirty="0" smtClean="0">
                <a:solidFill>
                  <a:schemeClr val="accent2"/>
                </a:solidFill>
                <a:latin typeface="Arial" panose="020B0604020202020204" pitchFamily="34" charset="0"/>
                <a:cs typeface="Times New Roman" panose="02020603050405020304" pitchFamily="18" charset="0"/>
              </a:rPr>
              <a:t>Esta guía</a:t>
            </a:r>
            <a:endParaRPr lang="en-US" dirty="0">
              <a:solidFill>
                <a:schemeClr val="accent2"/>
              </a:solidFill>
            </a:endParaRPr>
          </a:p>
        </p:txBody>
      </p:sp>
    </p:spTree>
    <p:extLst>
      <p:ext uri="{BB962C8B-B14F-4D97-AF65-F5344CB8AC3E}">
        <p14:creationId xmlns:p14="http://schemas.microsoft.com/office/powerpoint/2010/main" val="42694801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roup 6"/>
          <p:cNvGrpSpPr/>
          <p:nvPr/>
        </p:nvGrpSpPr>
        <p:grpSpPr>
          <a:xfrm>
            <a:off x="3497940" y="994954"/>
            <a:ext cx="4885509" cy="4868092"/>
            <a:chOff x="3497940" y="1425302"/>
            <a:chExt cx="4885509" cy="4868092"/>
          </a:xfrm>
        </p:grpSpPr>
        <p:sp>
          <p:nvSpPr>
            <p:cNvPr id="2" name="Pie 1"/>
            <p:cNvSpPr/>
            <p:nvPr/>
          </p:nvSpPr>
          <p:spPr>
            <a:xfrm>
              <a:off x="3628569" y="1538514"/>
              <a:ext cx="4754880" cy="4754880"/>
            </a:xfrm>
            <a:prstGeom prst="pie">
              <a:avLst>
                <a:gd name="adj1" fmla="val 0"/>
                <a:gd name="adj2" fmla="val 5416976"/>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3" name="Pie 2"/>
            <p:cNvSpPr/>
            <p:nvPr/>
          </p:nvSpPr>
          <p:spPr>
            <a:xfrm flipH="1">
              <a:off x="3497940" y="1538514"/>
              <a:ext cx="4754880" cy="4754880"/>
            </a:xfrm>
            <a:prstGeom prst="pie">
              <a:avLst>
                <a:gd name="adj1" fmla="val 0"/>
                <a:gd name="adj2" fmla="val 5416976"/>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4" name="Pie 3"/>
            <p:cNvSpPr/>
            <p:nvPr/>
          </p:nvSpPr>
          <p:spPr>
            <a:xfrm flipH="1" flipV="1">
              <a:off x="3497940" y="1425302"/>
              <a:ext cx="4754880" cy="4754880"/>
            </a:xfrm>
            <a:prstGeom prst="pie">
              <a:avLst>
                <a:gd name="adj1" fmla="val 0"/>
                <a:gd name="adj2" fmla="val 5416976"/>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5" name="Pie 4"/>
            <p:cNvSpPr/>
            <p:nvPr/>
          </p:nvSpPr>
          <p:spPr>
            <a:xfrm flipV="1">
              <a:off x="3628569" y="1425302"/>
              <a:ext cx="4754880" cy="4754880"/>
            </a:xfrm>
            <a:prstGeom prst="pie">
              <a:avLst>
                <a:gd name="adj1" fmla="val 0"/>
                <a:gd name="adj2" fmla="val 5416976"/>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8" name="TextBox 7"/>
          <p:cNvSpPr txBox="1"/>
          <p:nvPr/>
        </p:nvSpPr>
        <p:spPr>
          <a:xfrm>
            <a:off x="2087487" y="256698"/>
            <a:ext cx="7837044" cy="586314"/>
          </a:xfrm>
          <a:prstGeom prst="rect">
            <a:avLst/>
          </a:prstGeom>
          <a:noFill/>
        </p:spPr>
        <p:txBody>
          <a:bodyPr wrap="square" rtlCol="0">
            <a:spAutoFit/>
          </a:bodyPr>
          <a:lstStyle/>
          <a:p>
            <a:pPr marL="0" marR="0" lvl="0" indent="0" algn="ctr" defTabSz="914400" rtl="0" eaLnBrk="1" fontAlgn="auto" latinLnBrk="0" hangingPunct="1">
              <a:lnSpc>
                <a:spcPct val="107000"/>
              </a:lnSpc>
              <a:spcBef>
                <a:spcPts val="0"/>
              </a:spcBef>
              <a:spcAft>
                <a:spcPts val="800"/>
              </a:spcAft>
              <a:buClrTx/>
              <a:buSzTx/>
              <a:buFontTx/>
              <a:buNone/>
              <a:tabLst/>
              <a:defRPr/>
            </a:pPr>
            <a:r>
              <a:rPr lang="en-ZA" sz="3000" b="1" dirty="0">
                <a:solidFill>
                  <a:schemeClr val="accent2"/>
                </a:solidFill>
                <a:latin typeface="Arial" panose="020B0604020202020204" pitchFamily="34" charset="0"/>
                <a:cs typeface="Arial" panose="020B0604020202020204" pitchFamily="34" charset="0"/>
              </a:rPr>
              <a:t>Agenda </a:t>
            </a:r>
            <a:r>
              <a:rPr lang="en-ZA" sz="3000" b="1" dirty="0" smtClean="0">
                <a:solidFill>
                  <a:schemeClr val="accent2"/>
                </a:solidFill>
                <a:latin typeface="Arial" panose="020B0604020202020204" pitchFamily="34" charset="0"/>
                <a:cs typeface="Arial" panose="020B0604020202020204" pitchFamily="34" charset="0"/>
              </a:rPr>
              <a:t>con </a:t>
            </a:r>
            <a:r>
              <a:rPr lang="en-ZA" sz="3000" b="1" dirty="0" smtClean="0">
                <a:solidFill>
                  <a:schemeClr val="accent2"/>
                </a:solidFill>
                <a:latin typeface="Arial" panose="020B0604020202020204" pitchFamily="34" charset="0"/>
                <a:cs typeface="Arial" panose="020B0604020202020204" pitchFamily="34" charset="0"/>
              </a:rPr>
              <a:t>notas</a:t>
            </a:r>
            <a:r>
              <a:rPr lang="en-ZA" sz="3000" b="1" dirty="0">
                <a:solidFill>
                  <a:schemeClr val="accent2"/>
                </a:solidFill>
                <a:latin typeface="Arial" panose="020B0604020202020204" pitchFamily="34" charset="0"/>
                <a:cs typeface="Arial" panose="020B0604020202020204" pitchFamily="34" charset="0"/>
              </a:rPr>
              <a:t> </a:t>
            </a:r>
            <a:r>
              <a:rPr lang="en-ZA" sz="3000" b="1" dirty="0" smtClean="0">
                <a:solidFill>
                  <a:schemeClr val="accent2"/>
                </a:solidFill>
                <a:latin typeface="Arial" panose="020B0604020202020204" pitchFamily="34" charset="0"/>
                <a:cs typeface="Arial" panose="020B0604020202020204" pitchFamily="34" charset="0"/>
              </a:rPr>
              <a:t>para</a:t>
            </a:r>
            <a:r>
              <a:rPr lang="en-ZA" sz="3000" b="1" dirty="0" smtClean="0">
                <a:solidFill>
                  <a:schemeClr val="accent2"/>
                </a:solidFill>
                <a:latin typeface="Arial" panose="020B0604020202020204" pitchFamily="34" charset="0"/>
                <a:cs typeface="Arial" panose="020B0604020202020204" pitchFamily="34" charset="0"/>
              </a:rPr>
              <a:t> </a:t>
            </a:r>
            <a:r>
              <a:rPr lang="en-ZA" sz="3000" b="1" dirty="0" smtClean="0">
                <a:solidFill>
                  <a:schemeClr val="accent2"/>
                </a:solidFill>
                <a:latin typeface="Arial" panose="020B0604020202020204" pitchFamily="34" charset="0"/>
                <a:cs typeface="Arial" panose="020B0604020202020204" pitchFamily="34" charset="0"/>
              </a:rPr>
              <a:t>los </a:t>
            </a:r>
            <a:r>
              <a:rPr lang="en-ZA" sz="3000" b="1" dirty="0" smtClean="0">
                <a:solidFill>
                  <a:schemeClr val="accent2"/>
                </a:solidFill>
                <a:latin typeface="Arial" panose="020B0604020202020204" pitchFamily="34" charset="0"/>
                <a:cs typeface="Arial" panose="020B0604020202020204" pitchFamily="34" charset="0"/>
              </a:rPr>
              <a:t>moderadores</a:t>
            </a:r>
            <a:endParaRPr lang="en-ZA" sz="3000" b="1" dirty="0">
              <a:solidFill>
                <a:schemeClr val="accent2"/>
              </a:solidFill>
              <a:latin typeface="Arial" panose="020B0604020202020204" pitchFamily="34" charset="0"/>
              <a:cs typeface="Arial" panose="020B0604020202020204" pitchFamily="34" charset="0"/>
            </a:endParaRPr>
          </a:p>
        </p:txBody>
      </p:sp>
      <p:sp>
        <p:nvSpPr>
          <p:cNvPr id="12" name="TextBox 11"/>
          <p:cNvSpPr txBox="1"/>
          <p:nvPr/>
        </p:nvSpPr>
        <p:spPr>
          <a:xfrm>
            <a:off x="798286" y="1543571"/>
            <a:ext cx="2393214" cy="1323439"/>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8000" b="1" i="0" u="none" strike="noStrike" kern="1200" cap="none" spc="0" normalizeH="0" baseline="0" noProof="0" dirty="0">
                <a:ln>
                  <a:noFill/>
                </a:ln>
                <a:solidFill>
                  <a:schemeClr val="accent1"/>
                </a:solidFill>
                <a:effectLst/>
                <a:uLnTx/>
                <a:uFillTx/>
                <a:latin typeface="Arial" panose="020B0604020202020204" pitchFamily="34" charset="0"/>
                <a:ea typeface="+mn-ea"/>
                <a:cs typeface="Arial" panose="020B0604020202020204" pitchFamily="34" charset="0"/>
              </a:rPr>
              <a:t>01</a:t>
            </a:r>
          </a:p>
        </p:txBody>
      </p:sp>
      <p:grpSp>
        <p:nvGrpSpPr>
          <p:cNvPr id="17" name="Group 4"/>
          <p:cNvGrpSpPr>
            <a:grpSpLocks noChangeAspect="1"/>
          </p:cNvGrpSpPr>
          <p:nvPr/>
        </p:nvGrpSpPr>
        <p:grpSpPr bwMode="auto">
          <a:xfrm>
            <a:off x="4230742" y="2190416"/>
            <a:ext cx="1400347" cy="766468"/>
            <a:chOff x="1807" y="350"/>
            <a:chExt cx="771" cy="422"/>
          </a:xfrm>
          <a:solidFill>
            <a:schemeClr val="bg1"/>
          </a:solidFill>
        </p:grpSpPr>
        <p:sp>
          <p:nvSpPr>
            <p:cNvPr id="20" name="Freeform 6"/>
            <p:cNvSpPr>
              <a:spLocks noEditPoints="1"/>
            </p:cNvSpPr>
            <p:nvPr/>
          </p:nvSpPr>
          <p:spPr bwMode="auto">
            <a:xfrm>
              <a:off x="1807" y="353"/>
              <a:ext cx="477" cy="416"/>
            </a:xfrm>
            <a:custGeom>
              <a:avLst/>
              <a:gdLst>
                <a:gd name="T0" fmla="*/ 352 w 2385"/>
                <a:gd name="T1" fmla="*/ 246 h 2077"/>
                <a:gd name="T2" fmla="*/ 297 w 2385"/>
                <a:gd name="T3" fmla="*/ 270 h 2077"/>
                <a:gd name="T4" fmla="*/ 255 w 2385"/>
                <a:gd name="T5" fmla="*/ 312 h 2077"/>
                <a:gd name="T6" fmla="*/ 232 w 2385"/>
                <a:gd name="T7" fmla="*/ 365 h 2077"/>
                <a:gd name="T8" fmla="*/ 228 w 2385"/>
                <a:gd name="T9" fmla="*/ 1290 h 2077"/>
                <a:gd name="T10" fmla="*/ 240 w 2385"/>
                <a:gd name="T11" fmla="*/ 1351 h 2077"/>
                <a:gd name="T12" fmla="*/ 274 w 2385"/>
                <a:gd name="T13" fmla="*/ 1399 h 2077"/>
                <a:gd name="T14" fmla="*/ 323 w 2385"/>
                <a:gd name="T15" fmla="*/ 1432 h 2077"/>
                <a:gd name="T16" fmla="*/ 383 w 2385"/>
                <a:gd name="T17" fmla="*/ 1444 h 2077"/>
                <a:gd name="T18" fmla="*/ 2017 w 2385"/>
                <a:gd name="T19" fmla="*/ 1441 h 2077"/>
                <a:gd name="T20" fmla="*/ 2073 w 2385"/>
                <a:gd name="T21" fmla="*/ 1417 h 2077"/>
                <a:gd name="T22" fmla="*/ 2113 w 2385"/>
                <a:gd name="T23" fmla="*/ 1376 h 2077"/>
                <a:gd name="T24" fmla="*/ 2137 w 2385"/>
                <a:gd name="T25" fmla="*/ 1321 h 2077"/>
                <a:gd name="T26" fmla="*/ 2140 w 2385"/>
                <a:gd name="T27" fmla="*/ 396 h 2077"/>
                <a:gd name="T28" fmla="*/ 2128 w 2385"/>
                <a:gd name="T29" fmla="*/ 337 h 2077"/>
                <a:gd name="T30" fmla="*/ 2095 w 2385"/>
                <a:gd name="T31" fmla="*/ 289 h 2077"/>
                <a:gd name="T32" fmla="*/ 2046 w 2385"/>
                <a:gd name="T33" fmla="*/ 256 h 2077"/>
                <a:gd name="T34" fmla="*/ 1986 w 2385"/>
                <a:gd name="T35" fmla="*/ 244 h 2077"/>
                <a:gd name="T36" fmla="*/ 107 w 2385"/>
                <a:gd name="T37" fmla="*/ 0 h 2077"/>
                <a:gd name="T38" fmla="*/ 2298 w 2385"/>
                <a:gd name="T39" fmla="*/ 3 h 2077"/>
                <a:gd name="T40" fmla="*/ 2344 w 2385"/>
                <a:gd name="T41" fmla="*/ 24 h 2077"/>
                <a:gd name="T42" fmla="*/ 2374 w 2385"/>
                <a:gd name="T43" fmla="*/ 63 h 2077"/>
                <a:gd name="T44" fmla="*/ 2385 w 2385"/>
                <a:gd name="T45" fmla="*/ 116 h 2077"/>
                <a:gd name="T46" fmla="*/ 2383 w 2385"/>
                <a:gd name="T47" fmla="*/ 1576 h 2077"/>
                <a:gd name="T48" fmla="*/ 2361 w 2385"/>
                <a:gd name="T49" fmla="*/ 1625 h 2077"/>
                <a:gd name="T50" fmla="*/ 2323 w 2385"/>
                <a:gd name="T51" fmla="*/ 1658 h 2077"/>
                <a:gd name="T52" fmla="*/ 2272 w 2385"/>
                <a:gd name="T53" fmla="*/ 1671 h 2077"/>
                <a:gd name="T54" fmla="*/ 1290 w 2385"/>
                <a:gd name="T55" fmla="*/ 1849 h 2077"/>
                <a:gd name="T56" fmla="*/ 1657 w 2385"/>
                <a:gd name="T57" fmla="*/ 1853 h 2077"/>
                <a:gd name="T58" fmla="*/ 1719 w 2385"/>
                <a:gd name="T59" fmla="*/ 1875 h 2077"/>
                <a:gd name="T60" fmla="*/ 1769 w 2385"/>
                <a:gd name="T61" fmla="*/ 1917 h 2077"/>
                <a:gd name="T62" fmla="*/ 1802 w 2385"/>
                <a:gd name="T63" fmla="*/ 1973 h 2077"/>
                <a:gd name="T64" fmla="*/ 1814 w 2385"/>
                <a:gd name="T65" fmla="*/ 2039 h 2077"/>
                <a:gd name="T66" fmla="*/ 523 w 2385"/>
                <a:gd name="T67" fmla="*/ 2077 h 2077"/>
                <a:gd name="T68" fmla="*/ 526 w 2385"/>
                <a:gd name="T69" fmla="*/ 2005 h 2077"/>
                <a:gd name="T70" fmla="*/ 549 w 2385"/>
                <a:gd name="T71" fmla="*/ 1943 h 2077"/>
                <a:gd name="T72" fmla="*/ 591 w 2385"/>
                <a:gd name="T73" fmla="*/ 1894 h 2077"/>
                <a:gd name="T74" fmla="*/ 648 w 2385"/>
                <a:gd name="T75" fmla="*/ 1861 h 2077"/>
                <a:gd name="T76" fmla="*/ 714 w 2385"/>
                <a:gd name="T77" fmla="*/ 1849 h 2077"/>
                <a:gd name="T78" fmla="*/ 1045 w 2385"/>
                <a:gd name="T79" fmla="*/ 1671 h 2077"/>
                <a:gd name="T80" fmla="*/ 83 w 2385"/>
                <a:gd name="T81" fmla="*/ 1669 h 2077"/>
                <a:gd name="T82" fmla="*/ 43 w 2385"/>
                <a:gd name="T83" fmla="*/ 1650 h 2077"/>
                <a:gd name="T84" fmla="*/ 17 w 2385"/>
                <a:gd name="T85" fmla="*/ 1617 h 2077"/>
                <a:gd name="T86" fmla="*/ 2 w 2385"/>
                <a:gd name="T87" fmla="*/ 1572 h 2077"/>
                <a:gd name="T88" fmla="*/ 0 w 2385"/>
                <a:gd name="T89" fmla="*/ 116 h 2077"/>
                <a:gd name="T90" fmla="*/ 10 w 2385"/>
                <a:gd name="T91" fmla="*/ 63 h 2077"/>
                <a:gd name="T92" fmla="*/ 37 w 2385"/>
                <a:gd name="T93" fmla="*/ 24 h 2077"/>
                <a:gd name="T94" fmla="*/ 81 w 2385"/>
                <a:gd name="T95" fmla="*/ 3 h 20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385" h="2077">
                  <a:moveTo>
                    <a:pt x="383" y="244"/>
                  </a:moveTo>
                  <a:lnTo>
                    <a:pt x="352" y="246"/>
                  </a:lnTo>
                  <a:lnTo>
                    <a:pt x="323" y="256"/>
                  </a:lnTo>
                  <a:lnTo>
                    <a:pt x="297" y="270"/>
                  </a:lnTo>
                  <a:lnTo>
                    <a:pt x="274" y="289"/>
                  </a:lnTo>
                  <a:lnTo>
                    <a:pt x="255" y="312"/>
                  </a:lnTo>
                  <a:lnTo>
                    <a:pt x="240" y="337"/>
                  </a:lnTo>
                  <a:lnTo>
                    <a:pt x="232" y="365"/>
                  </a:lnTo>
                  <a:lnTo>
                    <a:pt x="228" y="396"/>
                  </a:lnTo>
                  <a:lnTo>
                    <a:pt x="228" y="1290"/>
                  </a:lnTo>
                  <a:lnTo>
                    <a:pt x="232" y="1321"/>
                  </a:lnTo>
                  <a:lnTo>
                    <a:pt x="240" y="1351"/>
                  </a:lnTo>
                  <a:lnTo>
                    <a:pt x="255" y="1377"/>
                  </a:lnTo>
                  <a:lnTo>
                    <a:pt x="274" y="1399"/>
                  </a:lnTo>
                  <a:lnTo>
                    <a:pt x="297" y="1417"/>
                  </a:lnTo>
                  <a:lnTo>
                    <a:pt x="323" y="1432"/>
                  </a:lnTo>
                  <a:lnTo>
                    <a:pt x="352" y="1441"/>
                  </a:lnTo>
                  <a:lnTo>
                    <a:pt x="383" y="1444"/>
                  </a:lnTo>
                  <a:lnTo>
                    <a:pt x="1986" y="1444"/>
                  </a:lnTo>
                  <a:lnTo>
                    <a:pt x="2017" y="1441"/>
                  </a:lnTo>
                  <a:lnTo>
                    <a:pt x="2046" y="1432"/>
                  </a:lnTo>
                  <a:lnTo>
                    <a:pt x="2073" y="1417"/>
                  </a:lnTo>
                  <a:lnTo>
                    <a:pt x="2095" y="1398"/>
                  </a:lnTo>
                  <a:lnTo>
                    <a:pt x="2113" y="1376"/>
                  </a:lnTo>
                  <a:lnTo>
                    <a:pt x="2128" y="1349"/>
                  </a:lnTo>
                  <a:lnTo>
                    <a:pt x="2137" y="1321"/>
                  </a:lnTo>
                  <a:lnTo>
                    <a:pt x="2140" y="1290"/>
                  </a:lnTo>
                  <a:lnTo>
                    <a:pt x="2140" y="396"/>
                  </a:lnTo>
                  <a:lnTo>
                    <a:pt x="2137" y="365"/>
                  </a:lnTo>
                  <a:lnTo>
                    <a:pt x="2128" y="337"/>
                  </a:lnTo>
                  <a:lnTo>
                    <a:pt x="2113" y="312"/>
                  </a:lnTo>
                  <a:lnTo>
                    <a:pt x="2095" y="289"/>
                  </a:lnTo>
                  <a:lnTo>
                    <a:pt x="2073" y="270"/>
                  </a:lnTo>
                  <a:lnTo>
                    <a:pt x="2046" y="256"/>
                  </a:lnTo>
                  <a:lnTo>
                    <a:pt x="2017" y="246"/>
                  </a:lnTo>
                  <a:lnTo>
                    <a:pt x="1986" y="244"/>
                  </a:lnTo>
                  <a:lnTo>
                    <a:pt x="383" y="244"/>
                  </a:lnTo>
                  <a:close/>
                  <a:moveTo>
                    <a:pt x="107" y="0"/>
                  </a:moveTo>
                  <a:lnTo>
                    <a:pt x="2272" y="0"/>
                  </a:lnTo>
                  <a:lnTo>
                    <a:pt x="2298" y="3"/>
                  </a:lnTo>
                  <a:lnTo>
                    <a:pt x="2323" y="11"/>
                  </a:lnTo>
                  <a:lnTo>
                    <a:pt x="2344" y="24"/>
                  </a:lnTo>
                  <a:lnTo>
                    <a:pt x="2361" y="42"/>
                  </a:lnTo>
                  <a:lnTo>
                    <a:pt x="2374" y="63"/>
                  </a:lnTo>
                  <a:lnTo>
                    <a:pt x="2383" y="89"/>
                  </a:lnTo>
                  <a:lnTo>
                    <a:pt x="2385" y="116"/>
                  </a:lnTo>
                  <a:lnTo>
                    <a:pt x="2385" y="1549"/>
                  </a:lnTo>
                  <a:lnTo>
                    <a:pt x="2383" y="1576"/>
                  </a:lnTo>
                  <a:lnTo>
                    <a:pt x="2374" y="1601"/>
                  </a:lnTo>
                  <a:lnTo>
                    <a:pt x="2361" y="1625"/>
                  </a:lnTo>
                  <a:lnTo>
                    <a:pt x="2344" y="1644"/>
                  </a:lnTo>
                  <a:lnTo>
                    <a:pt x="2323" y="1658"/>
                  </a:lnTo>
                  <a:lnTo>
                    <a:pt x="2298" y="1668"/>
                  </a:lnTo>
                  <a:lnTo>
                    <a:pt x="2272" y="1671"/>
                  </a:lnTo>
                  <a:lnTo>
                    <a:pt x="1290" y="1671"/>
                  </a:lnTo>
                  <a:lnTo>
                    <a:pt x="1290" y="1849"/>
                  </a:lnTo>
                  <a:lnTo>
                    <a:pt x="1623" y="1849"/>
                  </a:lnTo>
                  <a:lnTo>
                    <a:pt x="1657" y="1853"/>
                  </a:lnTo>
                  <a:lnTo>
                    <a:pt x="1689" y="1861"/>
                  </a:lnTo>
                  <a:lnTo>
                    <a:pt x="1719" y="1875"/>
                  </a:lnTo>
                  <a:lnTo>
                    <a:pt x="1746" y="1894"/>
                  </a:lnTo>
                  <a:lnTo>
                    <a:pt x="1769" y="1917"/>
                  </a:lnTo>
                  <a:lnTo>
                    <a:pt x="1788" y="1943"/>
                  </a:lnTo>
                  <a:lnTo>
                    <a:pt x="1802" y="1973"/>
                  </a:lnTo>
                  <a:lnTo>
                    <a:pt x="1811" y="2005"/>
                  </a:lnTo>
                  <a:lnTo>
                    <a:pt x="1814" y="2039"/>
                  </a:lnTo>
                  <a:lnTo>
                    <a:pt x="1814" y="2077"/>
                  </a:lnTo>
                  <a:lnTo>
                    <a:pt x="523" y="2077"/>
                  </a:lnTo>
                  <a:lnTo>
                    <a:pt x="523" y="2039"/>
                  </a:lnTo>
                  <a:lnTo>
                    <a:pt x="526" y="2005"/>
                  </a:lnTo>
                  <a:lnTo>
                    <a:pt x="535" y="1973"/>
                  </a:lnTo>
                  <a:lnTo>
                    <a:pt x="549" y="1943"/>
                  </a:lnTo>
                  <a:lnTo>
                    <a:pt x="568" y="1917"/>
                  </a:lnTo>
                  <a:lnTo>
                    <a:pt x="591" y="1894"/>
                  </a:lnTo>
                  <a:lnTo>
                    <a:pt x="618" y="1875"/>
                  </a:lnTo>
                  <a:lnTo>
                    <a:pt x="648" y="1861"/>
                  </a:lnTo>
                  <a:lnTo>
                    <a:pt x="679" y="1853"/>
                  </a:lnTo>
                  <a:lnTo>
                    <a:pt x="714" y="1849"/>
                  </a:lnTo>
                  <a:lnTo>
                    <a:pt x="1045" y="1849"/>
                  </a:lnTo>
                  <a:lnTo>
                    <a:pt x="1045" y="1671"/>
                  </a:lnTo>
                  <a:lnTo>
                    <a:pt x="107" y="1671"/>
                  </a:lnTo>
                  <a:lnTo>
                    <a:pt x="83" y="1669"/>
                  </a:lnTo>
                  <a:lnTo>
                    <a:pt x="62" y="1661"/>
                  </a:lnTo>
                  <a:lnTo>
                    <a:pt x="43" y="1650"/>
                  </a:lnTo>
                  <a:lnTo>
                    <a:pt x="29" y="1634"/>
                  </a:lnTo>
                  <a:lnTo>
                    <a:pt x="17" y="1617"/>
                  </a:lnTo>
                  <a:lnTo>
                    <a:pt x="7" y="1595"/>
                  </a:lnTo>
                  <a:lnTo>
                    <a:pt x="2" y="1572"/>
                  </a:lnTo>
                  <a:lnTo>
                    <a:pt x="0" y="1549"/>
                  </a:lnTo>
                  <a:lnTo>
                    <a:pt x="0" y="116"/>
                  </a:lnTo>
                  <a:lnTo>
                    <a:pt x="2" y="89"/>
                  </a:lnTo>
                  <a:lnTo>
                    <a:pt x="10" y="63"/>
                  </a:lnTo>
                  <a:lnTo>
                    <a:pt x="22" y="42"/>
                  </a:lnTo>
                  <a:lnTo>
                    <a:pt x="37" y="24"/>
                  </a:lnTo>
                  <a:lnTo>
                    <a:pt x="56" y="11"/>
                  </a:lnTo>
                  <a:lnTo>
                    <a:pt x="81" y="3"/>
                  </a:lnTo>
                  <a:lnTo>
                    <a:pt x="107"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21" name="Freeform 7"/>
            <p:cNvSpPr>
              <a:spLocks noEditPoints="1"/>
            </p:cNvSpPr>
            <p:nvPr/>
          </p:nvSpPr>
          <p:spPr bwMode="auto">
            <a:xfrm>
              <a:off x="2323" y="350"/>
              <a:ext cx="255" cy="422"/>
            </a:xfrm>
            <a:custGeom>
              <a:avLst/>
              <a:gdLst>
                <a:gd name="T0" fmla="*/ 641 w 1275"/>
                <a:gd name="T1" fmla="*/ 1676 h 2109"/>
                <a:gd name="T2" fmla="*/ 614 w 1275"/>
                <a:gd name="T3" fmla="*/ 1679 h 2109"/>
                <a:gd name="T4" fmla="*/ 589 w 1275"/>
                <a:gd name="T5" fmla="*/ 1689 h 2109"/>
                <a:gd name="T6" fmla="*/ 567 w 1275"/>
                <a:gd name="T7" fmla="*/ 1705 h 2109"/>
                <a:gd name="T8" fmla="*/ 550 w 1275"/>
                <a:gd name="T9" fmla="*/ 1726 h 2109"/>
                <a:gd name="T10" fmla="*/ 541 w 1275"/>
                <a:gd name="T11" fmla="*/ 1749 h 2109"/>
                <a:gd name="T12" fmla="*/ 536 w 1275"/>
                <a:gd name="T13" fmla="*/ 1777 h 2109"/>
                <a:gd name="T14" fmla="*/ 539 w 1275"/>
                <a:gd name="T15" fmla="*/ 1800 h 2109"/>
                <a:gd name="T16" fmla="*/ 547 w 1275"/>
                <a:gd name="T17" fmla="*/ 1821 h 2109"/>
                <a:gd name="T18" fmla="*/ 559 w 1275"/>
                <a:gd name="T19" fmla="*/ 1840 h 2109"/>
                <a:gd name="T20" fmla="*/ 575 w 1275"/>
                <a:gd name="T21" fmla="*/ 1856 h 2109"/>
                <a:gd name="T22" fmla="*/ 595 w 1275"/>
                <a:gd name="T23" fmla="*/ 1868 h 2109"/>
                <a:gd name="T24" fmla="*/ 617 w 1275"/>
                <a:gd name="T25" fmla="*/ 1876 h 2109"/>
                <a:gd name="T26" fmla="*/ 641 w 1275"/>
                <a:gd name="T27" fmla="*/ 1878 h 2109"/>
                <a:gd name="T28" fmla="*/ 669 w 1275"/>
                <a:gd name="T29" fmla="*/ 1875 h 2109"/>
                <a:gd name="T30" fmla="*/ 693 w 1275"/>
                <a:gd name="T31" fmla="*/ 1864 h 2109"/>
                <a:gd name="T32" fmla="*/ 715 w 1275"/>
                <a:gd name="T33" fmla="*/ 1848 h 2109"/>
                <a:gd name="T34" fmla="*/ 732 w 1275"/>
                <a:gd name="T35" fmla="*/ 1828 h 2109"/>
                <a:gd name="T36" fmla="*/ 741 w 1275"/>
                <a:gd name="T37" fmla="*/ 1803 h 2109"/>
                <a:gd name="T38" fmla="*/ 745 w 1275"/>
                <a:gd name="T39" fmla="*/ 1777 h 2109"/>
                <a:gd name="T40" fmla="*/ 741 w 1275"/>
                <a:gd name="T41" fmla="*/ 1749 h 2109"/>
                <a:gd name="T42" fmla="*/ 732 w 1275"/>
                <a:gd name="T43" fmla="*/ 1726 h 2109"/>
                <a:gd name="T44" fmla="*/ 715 w 1275"/>
                <a:gd name="T45" fmla="*/ 1705 h 2109"/>
                <a:gd name="T46" fmla="*/ 694 w 1275"/>
                <a:gd name="T47" fmla="*/ 1689 h 2109"/>
                <a:gd name="T48" fmla="*/ 669 w 1275"/>
                <a:gd name="T49" fmla="*/ 1679 h 2109"/>
                <a:gd name="T50" fmla="*/ 641 w 1275"/>
                <a:gd name="T51" fmla="*/ 1676 h 2109"/>
                <a:gd name="T52" fmla="*/ 279 w 1275"/>
                <a:gd name="T53" fmla="*/ 616 h 2109"/>
                <a:gd name="T54" fmla="*/ 279 w 1275"/>
                <a:gd name="T55" fmla="*/ 730 h 2109"/>
                <a:gd name="T56" fmla="*/ 997 w 1275"/>
                <a:gd name="T57" fmla="*/ 730 h 2109"/>
                <a:gd name="T58" fmla="*/ 997 w 1275"/>
                <a:gd name="T59" fmla="*/ 616 h 2109"/>
                <a:gd name="T60" fmla="*/ 279 w 1275"/>
                <a:gd name="T61" fmla="*/ 616 h 2109"/>
                <a:gd name="T62" fmla="*/ 279 w 1275"/>
                <a:gd name="T63" fmla="*/ 373 h 2109"/>
                <a:gd name="T64" fmla="*/ 279 w 1275"/>
                <a:gd name="T65" fmla="*/ 486 h 2109"/>
                <a:gd name="T66" fmla="*/ 997 w 1275"/>
                <a:gd name="T67" fmla="*/ 486 h 2109"/>
                <a:gd name="T68" fmla="*/ 997 w 1275"/>
                <a:gd name="T69" fmla="*/ 373 h 2109"/>
                <a:gd name="T70" fmla="*/ 279 w 1275"/>
                <a:gd name="T71" fmla="*/ 373 h 2109"/>
                <a:gd name="T72" fmla="*/ 246 w 1275"/>
                <a:gd name="T73" fmla="*/ 0 h 2109"/>
                <a:gd name="T74" fmla="*/ 1084 w 1275"/>
                <a:gd name="T75" fmla="*/ 0 h 2109"/>
                <a:gd name="T76" fmla="*/ 1118 w 1275"/>
                <a:gd name="T77" fmla="*/ 3 h 2109"/>
                <a:gd name="T78" fmla="*/ 1151 w 1275"/>
                <a:gd name="T79" fmla="*/ 11 h 2109"/>
                <a:gd name="T80" fmla="*/ 1180 w 1275"/>
                <a:gd name="T81" fmla="*/ 26 h 2109"/>
                <a:gd name="T82" fmla="*/ 1206 w 1275"/>
                <a:gd name="T83" fmla="*/ 45 h 2109"/>
                <a:gd name="T84" fmla="*/ 1229 w 1275"/>
                <a:gd name="T85" fmla="*/ 68 h 2109"/>
                <a:gd name="T86" fmla="*/ 1248 w 1275"/>
                <a:gd name="T87" fmla="*/ 94 h 2109"/>
                <a:gd name="T88" fmla="*/ 1263 w 1275"/>
                <a:gd name="T89" fmla="*/ 124 h 2109"/>
                <a:gd name="T90" fmla="*/ 1271 w 1275"/>
                <a:gd name="T91" fmla="*/ 156 h 2109"/>
                <a:gd name="T92" fmla="*/ 1275 w 1275"/>
                <a:gd name="T93" fmla="*/ 189 h 2109"/>
                <a:gd name="T94" fmla="*/ 1275 w 1275"/>
                <a:gd name="T95" fmla="*/ 2109 h 2109"/>
                <a:gd name="T96" fmla="*/ 0 w 1275"/>
                <a:gd name="T97" fmla="*/ 2109 h 2109"/>
                <a:gd name="T98" fmla="*/ 0 w 1275"/>
                <a:gd name="T99" fmla="*/ 243 h 2109"/>
                <a:gd name="T100" fmla="*/ 3 w 1275"/>
                <a:gd name="T101" fmla="*/ 204 h 2109"/>
                <a:gd name="T102" fmla="*/ 13 w 1275"/>
                <a:gd name="T103" fmla="*/ 167 h 2109"/>
                <a:gd name="T104" fmla="*/ 27 w 1275"/>
                <a:gd name="T105" fmla="*/ 132 h 2109"/>
                <a:gd name="T106" fmla="*/ 48 w 1275"/>
                <a:gd name="T107" fmla="*/ 100 h 2109"/>
                <a:gd name="T108" fmla="*/ 72 w 1275"/>
                <a:gd name="T109" fmla="*/ 71 h 2109"/>
                <a:gd name="T110" fmla="*/ 101 w 1275"/>
                <a:gd name="T111" fmla="*/ 47 h 2109"/>
                <a:gd name="T112" fmla="*/ 133 w 1275"/>
                <a:gd name="T113" fmla="*/ 27 h 2109"/>
                <a:gd name="T114" fmla="*/ 168 w 1275"/>
                <a:gd name="T115" fmla="*/ 13 h 2109"/>
                <a:gd name="T116" fmla="*/ 205 w 1275"/>
                <a:gd name="T117" fmla="*/ 3 h 2109"/>
                <a:gd name="T118" fmla="*/ 246 w 1275"/>
                <a:gd name="T119" fmla="*/ 0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75" h="2109">
                  <a:moveTo>
                    <a:pt x="641" y="1676"/>
                  </a:moveTo>
                  <a:lnTo>
                    <a:pt x="614" y="1679"/>
                  </a:lnTo>
                  <a:lnTo>
                    <a:pt x="589" y="1689"/>
                  </a:lnTo>
                  <a:lnTo>
                    <a:pt x="567" y="1705"/>
                  </a:lnTo>
                  <a:lnTo>
                    <a:pt x="550" y="1726"/>
                  </a:lnTo>
                  <a:lnTo>
                    <a:pt x="541" y="1749"/>
                  </a:lnTo>
                  <a:lnTo>
                    <a:pt x="536" y="1777"/>
                  </a:lnTo>
                  <a:lnTo>
                    <a:pt x="539" y="1800"/>
                  </a:lnTo>
                  <a:lnTo>
                    <a:pt x="547" y="1821"/>
                  </a:lnTo>
                  <a:lnTo>
                    <a:pt x="559" y="1840"/>
                  </a:lnTo>
                  <a:lnTo>
                    <a:pt x="575" y="1856"/>
                  </a:lnTo>
                  <a:lnTo>
                    <a:pt x="595" y="1868"/>
                  </a:lnTo>
                  <a:lnTo>
                    <a:pt x="617" y="1876"/>
                  </a:lnTo>
                  <a:lnTo>
                    <a:pt x="641" y="1878"/>
                  </a:lnTo>
                  <a:lnTo>
                    <a:pt x="669" y="1875"/>
                  </a:lnTo>
                  <a:lnTo>
                    <a:pt x="693" y="1864"/>
                  </a:lnTo>
                  <a:lnTo>
                    <a:pt x="715" y="1848"/>
                  </a:lnTo>
                  <a:lnTo>
                    <a:pt x="732" y="1828"/>
                  </a:lnTo>
                  <a:lnTo>
                    <a:pt x="741" y="1803"/>
                  </a:lnTo>
                  <a:lnTo>
                    <a:pt x="745" y="1777"/>
                  </a:lnTo>
                  <a:lnTo>
                    <a:pt x="741" y="1749"/>
                  </a:lnTo>
                  <a:lnTo>
                    <a:pt x="732" y="1726"/>
                  </a:lnTo>
                  <a:lnTo>
                    <a:pt x="715" y="1705"/>
                  </a:lnTo>
                  <a:lnTo>
                    <a:pt x="694" y="1689"/>
                  </a:lnTo>
                  <a:lnTo>
                    <a:pt x="669" y="1679"/>
                  </a:lnTo>
                  <a:lnTo>
                    <a:pt x="641" y="1676"/>
                  </a:lnTo>
                  <a:close/>
                  <a:moveTo>
                    <a:pt x="279" y="616"/>
                  </a:moveTo>
                  <a:lnTo>
                    <a:pt x="279" y="730"/>
                  </a:lnTo>
                  <a:lnTo>
                    <a:pt x="997" y="730"/>
                  </a:lnTo>
                  <a:lnTo>
                    <a:pt x="997" y="616"/>
                  </a:lnTo>
                  <a:lnTo>
                    <a:pt x="279" y="616"/>
                  </a:lnTo>
                  <a:close/>
                  <a:moveTo>
                    <a:pt x="279" y="373"/>
                  </a:moveTo>
                  <a:lnTo>
                    <a:pt x="279" y="486"/>
                  </a:lnTo>
                  <a:lnTo>
                    <a:pt x="997" y="486"/>
                  </a:lnTo>
                  <a:lnTo>
                    <a:pt x="997" y="373"/>
                  </a:lnTo>
                  <a:lnTo>
                    <a:pt x="279" y="373"/>
                  </a:lnTo>
                  <a:close/>
                  <a:moveTo>
                    <a:pt x="246" y="0"/>
                  </a:moveTo>
                  <a:lnTo>
                    <a:pt x="1084" y="0"/>
                  </a:lnTo>
                  <a:lnTo>
                    <a:pt x="1118" y="3"/>
                  </a:lnTo>
                  <a:lnTo>
                    <a:pt x="1151" y="11"/>
                  </a:lnTo>
                  <a:lnTo>
                    <a:pt x="1180" y="26"/>
                  </a:lnTo>
                  <a:lnTo>
                    <a:pt x="1206" y="45"/>
                  </a:lnTo>
                  <a:lnTo>
                    <a:pt x="1229" y="68"/>
                  </a:lnTo>
                  <a:lnTo>
                    <a:pt x="1248" y="94"/>
                  </a:lnTo>
                  <a:lnTo>
                    <a:pt x="1263" y="124"/>
                  </a:lnTo>
                  <a:lnTo>
                    <a:pt x="1271" y="156"/>
                  </a:lnTo>
                  <a:lnTo>
                    <a:pt x="1275" y="189"/>
                  </a:lnTo>
                  <a:lnTo>
                    <a:pt x="1275" y="2109"/>
                  </a:lnTo>
                  <a:lnTo>
                    <a:pt x="0" y="2109"/>
                  </a:lnTo>
                  <a:lnTo>
                    <a:pt x="0" y="243"/>
                  </a:lnTo>
                  <a:lnTo>
                    <a:pt x="3" y="204"/>
                  </a:lnTo>
                  <a:lnTo>
                    <a:pt x="13" y="167"/>
                  </a:lnTo>
                  <a:lnTo>
                    <a:pt x="27" y="132"/>
                  </a:lnTo>
                  <a:lnTo>
                    <a:pt x="48" y="100"/>
                  </a:lnTo>
                  <a:lnTo>
                    <a:pt x="72" y="71"/>
                  </a:lnTo>
                  <a:lnTo>
                    <a:pt x="101" y="47"/>
                  </a:lnTo>
                  <a:lnTo>
                    <a:pt x="133" y="27"/>
                  </a:lnTo>
                  <a:lnTo>
                    <a:pt x="168" y="13"/>
                  </a:lnTo>
                  <a:lnTo>
                    <a:pt x="205" y="3"/>
                  </a:lnTo>
                  <a:lnTo>
                    <a:pt x="24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26" name="Freeform 12"/>
          <p:cNvSpPr>
            <a:spLocks noEditPoints="1"/>
          </p:cNvSpPr>
          <p:nvPr/>
        </p:nvSpPr>
        <p:spPr bwMode="auto">
          <a:xfrm>
            <a:off x="6471786" y="1813884"/>
            <a:ext cx="1101725" cy="1143000"/>
          </a:xfrm>
          <a:custGeom>
            <a:avLst/>
            <a:gdLst>
              <a:gd name="T0" fmla="*/ 901 w 3472"/>
              <a:gd name="T1" fmla="*/ 2829 h 3599"/>
              <a:gd name="T2" fmla="*/ 1124 w 3472"/>
              <a:gd name="T3" fmla="*/ 846 h 3599"/>
              <a:gd name="T4" fmla="*/ 3116 w 3472"/>
              <a:gd name="T5" fmla="*/ 773 h 3599"/>
              <a:gd name="T6" fmla="*/ 2927 w 3472"/>
              <a:gd name="T7" fmla="*/ 873 h 3599"/>
              <a:gd name="T8" fmla="*/ 2619 w 3472"/>
              <a:gd name="T9" fmla="*/ 1122 h 3599"/>
              <a:gd name="T10" fmla="*/ 2345 w 3472"/>
              <a:gd name="T11" fmla="*/ 1424 h 3599"/>
              <a:gd name="T12" fmla="*/ 2239 w 3472"/>
              <a:gd name="T13" fmla="*/ 1601 h 3599"/>
              <a:gd name="T14" fmla="*/ 2285 w 3472"/>
              <a:gd name="T15" fmla="*/ 1663 h 3599"/>
              <a:gd name="T16" fmla="*/ 2434 w 3472"/>
              <a:gd name="T17" fmla="*/ 1603 h 3599"/>
              <a:gd name="T18" fmla="*/ 2735 w 3472"/>
              <a:gd name="T19" fmla="*/ 1376 h 3599"/>
              <a:gd name="T20" fmla="*/ 3030 w 3472"/>
              <a:gd name="T21" fmla="*/ 1071 h 3599"/>
              <a:gd name="T22" fmla="*/ 3176 w 3472"/>
              <a:gd name="T23" fmla="*/ 856 h 3599"/>
              <a:gd name="T24" fmla="*/ 3147 w 3472"/>
              <a:gd name="T25" fmla="*/ 784 h 3599"/>
              <a:gd name="T26" fmla="*/ 1988 w 3472"/>
              <a:gd name="T27" fmla="*/ 15 h 3599"/>
              <a:gd name="T28" fmla="*/ 2320 w 3472"/>
              <a:gd name="T29" fmla="*/ 249 h 3599"/>
              <a:gd name="T30" fmla="*/ 2665 w 3472"/>
              <a:gd name="T31" fmla="*/ 255 h 3599"/>
              <a:gd name="T32" fmla="*/ 3003 w 3472"/>
              <a:gd name="T33" fmla="*/ 405 h 3599"/>
              <a:gd name="T34" fmla="*/ 3171 w 3472"/>
              <a:gd name="T35" fmla="*/ 491 h 3599"/>
              <a:gd name="T36" fmla="*/ 3293 w 3472"/>
              <a:gd name="T37" fmla="*/ 482 h 3599"/>
              <a:gd name="T38" fmla="*/ 3418 w 3472"/>
              <a:gd name="T39" fmla="*/ 551 h 3599"/>
              <a:gd name="T40" fmla="*/ 3472 w 3472"/>
              <a:gd name="T41" fmla="*/ 716 h 3599"/>
              <a:gd name="T42" fmla="*/ 3402 w 3472"/>
              <a:gd name="T43" fmla="*/ 945 h 3599"/>
              <a:gd name="T44" fmla="*/ 3200 w 3472"/>
              <a:gd name="T45" fmla="*/ 1242 h 3599"/>
              <a:gd name="T46" fmla="*/ 2917 w 3472"/>
              <a:gd name="T47" fmla="*/ 1536 h 3599"/>
              <a:gd name="T48" fmla="*/ 2667 w 3472"/>
              <a:gd name="T49" fmla="*/ 1738 h 3599"/>
              <a:gd name="T50" fmla="*/ 2405 w 3472"/>
              <a:gd name="T51" fmla="*/ 1893 h 3599"/>
              <a:gd name="T52" fmla="*/ 2169 w 3472"/>
              <a:gd name="T53" fmla="*/ 1955 h 3599"/>
              <a:gd name="T54" fmla="*/ 2073 w 3472"/>
              <a:gd name="T55" fmla="*/ 1927 h 3599"/>
              <a:gd name="T56" fmla="*/ 1981 w 3472"/>
              <a:gd name="T57" fmla="*/ 1835 h 3599"/>
              <a:gd name="T58" fmla="*/ 1953 w 3472"/>
              <a:gd name="T59" fmla="*/ 1674 h 3599"/>
              <a:gd name="T60" fmla="*/ 1848 w 3472"/>
              <a:gd name="T61" fmla="*/ 1391 h 3599"/>
              <a:gd name="T62" fmla="*/ 1752 w 3472"/>
              <a:gd name="T63" fmla="*/ 1038 h 3599"/>
              <a:gd name="T64" fmla="*/ 1797 w 3472"/>
              <a:gd name="T65" fmla="*/ 695 h 3599"/>
              <a:gd name="T66" fmla="*/ 1580 w 3472"/>
              <a:gd name="T67" fmla="*/ 1199 h 3599"/>
              <a:gd name="T68" fmla="*/ 1486 w 3472"/>
              <a:gd name="T69" fmla="*/ 1217 h 3599"/>
              <a:gd name="T70" fmla="*/ 944 w 3472"/>
              <a:gd name="T71" fmla="*/ 1739 h 3599"/>
              <a:gd name="T72" fmla="*/ 952 w 3472"/>
              <a:gd name="T73" fmla="*/ 1830 h 3599"/>
              <a:gd name="T74" fmla="*/ 1367 w 3472"/>
              <a:gd name="T75" fmla="*/ 2840 h 3599"/>
              <a:gd name="T76" fmla="*/ 1630 w 3472"/>
              <a:gd name="T77" fmla="*/ 2998 h 3599"/>
              <a:gd name="T78" fmla="*/ 1828 w 3472"/>
              <a:gd name="T79" fmla="*/ 3105 h 3599"/>
              <a:gd name="T80" fmla="*/ 2035 w 3472"/>
              <a:gd name="T81" fmla="*/ 3246 h 3599"/>
              <a:gd name="T82" fmla="*/ 2117 w 3472"/>
              <a:gd name="T83" fmla="*/ 3489 h 3599"/>
              <a:gd name="T84" fmla="*/ 52 w 3472"/>
              <a:gd name="T85" fmla="*/ 3384 h 3599"/>
              <a:gd name="T86" fmla="*/ 192 w 3472"/>
              <a:gd name="T87" fmla="*/ 3174 h 3599"/>
              <a:gd name="T88" fmla="*/ 434 w 3472"/>
              <a:gd name="T89" fmla="*/ 3090 h 3599"/>
              <a:gd name="T90" fmla="*/ 141 w 3472"/>
              <a:gd name="T91" fmla="*/ 2210 h 3599"/>
              <a:gd name="T92" fmla="*/ 35 w 3472"/>
              <a:gd name="T93" fmla="*/ 2178 h 3599"/>
              <a:gd name="T94" fmla="*/ 0 w 3472"/>
              <a:gd name="T95" fmla="*/ 1506 h 3599"/>
              <a:gd name="T96" fmla="*/ 50 w 3472"/>
              <a:gd name="T97" fmla="*/ 1394 h 3599"/>
              <a:gd name="T98" fmla="*/ 186 w 3472"/>
              <a:gd name="T99" fmla="*/ 1361 h 3599"/>
              <a:gd name="T100" fmla="*/ 946 w 3472"/>
              <a:gd name="T101" fmla="*/ 647 h 3599"/>
              <a:gd name="T102" fmla="*/ 976 w 3472"/>
              <a:gd name="T103" fmla="*/ 591 h 3599"/>
              <a:gd name="T104" fmla="*/ 1582 w 3472"/>
              <a:gd name="T105" fmla="*/ 445 h 3599"/>
              <a:gd name="T106" fmla="*/ 1574 w 3472"/>
              <a:gd name="T107" fmla="*/ 260 h 3599"/>
              <a:gd name="T108" fmla="*/ 1772 w 3472"/>
              <a:gd name="T109" fmla="*/ 42 h 3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472" h="3599">
                <a:moveTo>
                  <a:pt x="640" y="1990"/>
                </a:moveTo>
                <a:lnTo>
                  <a:pt x="383" y="2105"/>
                </a:lnTo>
                <a:lnTo>
                  <a:pt x="795" y="2871"/>
                </a:lnTo>
                <a:lnTo>
                  <a:pt x="847" y="2849"/>
                </a:lnTo>
                <a:lnTo>
                  <a:pt x="901" y="2829"/>
                </a:lnTo>
                <a:lnTo>
                  <a:pt x="957" y="2814"/>
                </a:lnTo>
                <a:lnTo>
                  <a:pt x="1015" y="2804"/>
                </a:lnTo>
                <a:lnTo>
                  <a:pt x="1074" y="2798"/>
                </a:lnTo>
                <a:lnTo>
                  <a:pt x="640" y="1990"/>
                </a:lnTo>
                <a:close/>
                <a:moveTo>
                  <a:pt x="1124" y="846"/>
                </a:moveTo>
                <a:lnTo>
                  <a:pt x="457" y="1491"/>
                </a:lnTo>
                <a:lnTo>
                  <a:pt x="686" y="1602"/>
                </a:lnTo>
                <a:lnTo>
                  <a:pt x="1288" y="1019"/>
                </a:lnTo>
                <a:lnTo>
                  <a:pt x="1124" y="846"/>
                </a:lnTo>
                <a:close/>
                <a:moveTo>
                  <a:pt x="3116" y="773"/>
                </a:moveTo>
                <a:lnTo>
                  <a:pt x="3101" y="774"/>
                </a:lnTo>
                <a:lnTo>
                  <a:pt x="3085" y="780"/>
                </a:lnTo>
                <a:lnTo>
                  <a:pt x="3036" y="807"/>
                </a:lnTo>
                <a:lnTo>
                  <a:pt x="2983" y="836"/>
                </a:lnTo>
                <a:lnTo>
                  <a:pt x="2927" y="873"/>
                </a:lnTo>
                <a:lnTo>
                  <a:pt x="2869" y="913"/>
                </a:lnTo>
                <a:lnTo>
                  <a:pt x="2809" y="958"/>
                </a:lnTo>
                <a:lnTo>
                  <a:pt x="2747" y="1008"/>
                </a:lnTo>
                <a:lnTo>
                  <a:pt x="2684" y="1063"/>
                </a:lnTo>
                <a:lnTo>
                  <a:pt x="2619" y="1122"/>
                </a:lnTo>
                <a:lnTo>
                  <a:pt x="2551" y="1187"/>
                </a:lnTo>
                <a:lnTo>
                  <a:pt x="2491" y="1250"/>
                </a:lnTo>
                <a:lnTo>
                  <a:pt x="2436" y="1311"/>
                </a:lnTo>
                <a:lnTo>
                  <a:pt x="2387" y="1369"/>
                </a:lnTo>
                <a:lnTo>
                  <a:pt x="2345" y="1424"/>
                </a:lnTo>
                <a:lnTo>
                  <a:pt x="2308" y="1476"/>
                </a:lnTo>
                <a:lnTo>
                  <a:pt x="2276" y="1524"/>
                </a:lnTo>
                <a:lnTo>
                  <a:pt x="2248" y="1569"/>
                </a:lnTo>
                <a:lnTo>
                  <a:pt x="2242" y="1584"/>
                </a:lnTo>
                <a:lnTo>
                  <a:pt x="2239" y="1601"/>
                </a:lnTo>
                <a:lnTo>
                  <a:pt x="2242" y="1617"/>
                </a:lnTo>
                <a:lnTo>
                  <a:pt x="2247" y="1632"/>
                </a:lnTo>
                <a:lnTo>
                  <a:pt x="2258" y="1646"/>
                </a:lnTo>
                <a:lnTo>
                  <a:pt x="2270" y="1656"/>
                </a:lnTo>
                <a:lnTo>
                  <a:pt x="2285" y="1663"/>
                </a:lnTo>
                <a:lnTo>
                  <a:pt x="2301" y="1667"/>
                </a:lnTo>
                <a:lnTo>
                  <a:pt x="2317" y="1666"/>
                </a:lnTo>
                <a:lnTo>
                  <a:pt x="2333" y="1660"/>
                </a:lnTo>
                <a:lnTo>
                  <a:pt x="2382" y="1635"/>
                </a:lnTo>
                <a:lnTo>
                  <a:pt x="2434" y="1603"/>
                </a:lnTo>
                <a:lnTo>
                  <a:pt x="2490" y="1568"/>
                </a:lnTo>
                <a:lnTo>
                  <a:pt x="2548" y="1526"/>
                </a:lnTo>
                <a:lnTo>
                  <a:pt x="2608" y="1482"/>
                </a:lnTo>
                <a:lnTo>
                  <a:pt x="2671" y="1431"/>
                </a:lnTo>
                <a:lnTo>
                  <a:pt x="2735" y="1376"/>
                </a:lnTo>
                <a:lnTo>
                  <a:pt x="2800" y="1317"/>
                </a:lnTo>
                <a:lnTo>
                  <a:pt x="2867" y="1252"/>
                </a:lnTo>
                <a:lnTo>
                  <a:pt x="2927" y="1189"/>
                </a:lnTo>
                <a:lnTo>
                  <a:pt x="2981" y="1129"/>
                </a:lnTo>
                <a:lnTo>
                  <a:pt x="3030" y="1071"/>
                </a:lnTo>
                <a:lnTo>
                  <a:pt x="3073" y="1016"/>
                </a:lnTo>
                <a:lnTo>
                  <a:pt x="3110" y="964"/>
                </a:lnTo>
                <a:lnTo>
                  <a:pt x="3143" y="916"/>
                </a:lnTo>
                <a:lnTo>
                  <a:pt x="3169" y="872"/>
                </a:lnTo>
                <a:lnTo>
                  <a:pt x="3176" y="856"/>
                </a:lnTo>
                <a:lnTo>
                  <a:pt x="3178" y="840"/>
                </a:lnTo>
                <a:lnTo>
                  <a:pt x="3176" y="824"/>
                </a:lnTo>
                <a:lnTo>
                  <a:pt x="3170" y="808"/>
                </a:lnTo>
                <a:lnTo>
                  <a:pt x="3161" y="794"/>
                </a:lnTo>
                <a:lnTo>
                  <a:pt x="3147" y="784"/>
                </a:lnTo>
                <a:lnTo>
                  <a:pt x="3132" y="777"/>
                </a:lnTo>
                <a:lnTo>
                  <a:pt x="3116" y="773"/>
                </a:lnTo>
                <a:close/>
                <a:moveTo>
                  <a:pt x="1915" y="0"/>
                </a:moveTo>
                <a:lnTo>
                  <a:pt x="1952" y="5"/>
                </a:lnTo>
                <a:lnTo>
                  <a:pt x="1988" y="15"/>
                </a:lnTo>
                <a:lnTo>
                  <a:pt x="2022" y="30"/>
                </a:lnTo>
                <a:lnTo>
                  <a:pt x="2053" y="51"/>
                </a:lnTo>
                <a:lnTo>
                  <a:pt x="2081" y="77"/>
                </a:lnTo>
                <a:lnTo>
                  <a:pt x="2254" y="265"/>
                </a:lnTo>
                <a:lnTo>
                  <a:pt x="2320" y="249"/>
                </a:lnTo>
                <a:lnTo>
                  <a:pt x="2387" y="238"/>
                </a:lnTo>
                <a:lnTo>
                  <a:pt x="2456" y="234"/>
                </a:lnTo>
                <a:lnTo>
                  <a:pt x="2525" y="235"/>
                </a:lnTo>
                <a:lnTo>
                  <a:pt x="2595" y="242"/>
                </a:lnTo>
                <a:lnTo>
                  <a:pt x="2665" y="255"/>
                </a:lnTo>
                <a:lnTo>
                  <a:pt x="2735" y="274"/>
                </a:lnTo>
                <a:lnTo>
                  <a:pt x="2803" y="298"/>
                </a:lnTo>
                <a:lnTo>
                  <a:pt x="2872" y="328"/>
                </a:lnTo>
                <a:lnTo>
                  <a:pt x="2938" y="364"/>
                </a:lnTo>
                <a:lnTo>
                  <a:pt x="3003" y="405"/>
                </a:lnTo>
                <a:lnTo>
                  <a:pt x="3065" y="451"/>
                </a:lnTo>
                <a:lnTo>
                  <a:pt x="3126" y="504"/>
                </a:lnTo>
                <a:lnTo>
                  <a:pt x="3137" y="501"/>
                </a:lnTo>
                <a:lnTo>
                  <a:pt x="3153" y="496"/>
                </a:lnTo>
                <a:lnTo>
                  <a:pt x="3171" y="491"/>
                </a:lnTo>
                <a:lnTo>
                  <a:pt x="3193" y="487"/>
                </a:lnTo>
                <a:lnTo>
                  <a:pt x="3216" y="483"/>
                </a:lnTo>
                <a:lnTo>
                  <a:pt x="3241" y="481"/>
                </a:lnTo>
                <a:lnTo>
                  <a:pt x="3266" y="480"/>
                </a:lnTo>
                <a:lnTo>
                  <a:pt x="3293" y="482"/>
                </a:lnTo>
                <a:lnTo>
                  <a:pt x="3319" y="488"/>
                </a:lnTo>
                <a:lnTo>
                  <a:pt x="3345" y="497"/>
                </a:lnTo>
                <a:lnTo>
                  <a:pt x="3372" y="510"/>
                </a:lnTo>
                <a:lnTo>
                  <a:pt x="3396" y="528"/>
                </a:lnTo>
                <a:lnTo>
                  <a:pt x="3418" y="551"/>
                </a:lnTo>
                <a:lnTo>
                  <a:pt x="3439" y="579"/>
                </a:lnTo>
                <a:lnTo>
                  <a:pt x="3455" y="610"/>
                </a:lnTo>
                <a:lnTo>
                  <a:pt x="3465" y="643"/>
                </a:lnTo>
                <a:lnTo>
                  <a:pt x="3471" y="678"/>
                </a:lnTo>
                <a:lnTo>
                  <a:pt x="3472" y="716"/>
                </a:lnTo>
                <a:lnTo>
                  <a:pt x="3468" y="756"/>
                </a:lnTo>
                <a:lnTo>
                  <a:pt x="3459" y="800"/>
                </a:lnTo>
                <a:lnTo>
                  <a:pt x="3446" y="844"/>
                </a:lnTo>
                <a:lnTo>
                  <a:pt x="3427" y="893"/>
                </a:lnTo>
                <a:lnTo>
                  <a:pt x="3402" y="945"/>
                </a:lnTo>
                <a:lnTo>
                  <a:pt x="3374" y="997"/>
                </a:lnTo>
                <a:lnTo>
                  <a:pt x="3337" y="1057"/>
                </a:lnTo>
                <a:lnTo>
                  <a:pt x="3295" y="1118"/>
                </a:lnTo>
                <a:lnTo>
                  <a:pt x="3250" y="1179"/>
                </a:lnTo>
                <a:lnTo>
                  <a:pt x="3200" y="1242"/>
                </a:lnTo>
                <a:lnTo>
                  <a:pt x="3145" y="1306"/>
                </a:lnTo>
                <a:lnTo>
                  <a:pt x="3088" y="1369"/>
                </a:lnTo>
                <a:lnTo>
                  <a:pt x="3026" y="1432"/>
                </a:lnTo>
                <a:lnTo>
                  <a:pt x="2963" y="1493"/>
                </a:lnTo>
                <a:lnTo>
                  <a:pt x="2917" y="1536"/>
                </a:lnTo>
                <a:lnTo>
                  <a:pt x="2869" y="1578"/>
                </a:lnTo>
                <a:lnTo>
                  <a:pt x="2820" y="1620"/>
                </a:lnTo>
                <a:lnTo>
                  <a:pt x="2770" y="1660"/>
                </a:lnTo>
                <a:lnTo>
                  <a:pt x="2719" y="1700"/>
                </a:lnTo>
                <a:lnTo>
                  <a:pt x="2667" y="1738"/>
                </a:lnTo>
                <a:lnTo>
                  <a:pt x="2614" y="1775"/>
                </a:lnTo>
                <a:lnTo>
                  <a:pt x="2561" y="1808"/>
                </a:lnTo>
                <a:lnTo>
                  <a:pt x="2508" y="1839"/>
                </a:lnTo>
                <a:lnTo>
                  <a:pt x="2456" y="1868"/>
                </a:lnTo>
                <a:lnTo>
                  <a:pt x="2405" y="1893"/>
                </a:lnTo>
                <a:lnTo>
                  <a:pt x="2354" y="1915"/>
                </a:lnTo>
                <a:lnTo>
                  <a:pt x="2304" y="1932"/>
                </a:lnTo>
                <a:lnTo>
                  <a:pt x="2258" y="1945"/>
                </a:lnTo>
                <a:lnTo>
                  <a:pt x="2212" y="1953"/>
                </a:lnTo>
                <a:lnTo>
                  <a:pt x="2169" y="1955"/>
                </a:lnTo>
                <a:lnTo>
                  <a:pt x="2152" y="1954"/>
                </a:lnTo>
                <a:lnTo>
                  <a:pt x="2133" y="1951"/>
                </a:lnTo>
                <a:lnTo>
                  <a:pt x="2114" y="1945"/>
                </a:lnTo>
                <a:lnTo>
                  <a:pt x="2094" y="1937"/>
                </a:lnTo>
                <a:lnTo>
                  <a:pt x="2073" y="1927"/>
                </a:lnTo>
                <a:lnTo>
                  <a:pt x="2053" y="1913"/>
                </a:lnTo>
                <a:lnTo>
                  <a:pt x="2032" y="1898"/>
                </a:lnTo>
                <a:lnTo>
                  <a:pt x="2014" y="1879"/>
                </a:lnTo>
                <a:lnTo>
                  <a:pt x="1997" y="1858"/>
                </a:lnTo>
                <a:lnTo>
                  <a:pt x="1981" y="1835"/>
                </a:lnTo>
                <a:lnTo>
                  <a:pt x="1968" y="1808"/>
                </a:lnTo>
                <a:lnTo>
                  <a:pt x="1959" y="1778"/>
                </a:lnTo>
                <a:lnTo>
                  <a:pt x="1953" y="1747"/>
                </a:lnTo>
                <a:lnTo>
                  <a:pt x="1951" y="1712"/>
                </a:lnTo>
                <a:lnTo>
                  <a:pt x="1953" y="1674"/>
                </a:lnTo>
                <a:lnTo>
                  <a:pt x="1961" y="1633"/>
                </a:lnTo>
                <a:lnTo>
                  <a:pt x="1974" y="1590"/>
                </a:lnTo>
                <a:lnTo>
                  <a:pt x="1926" y="1525"/>
                </a:lnTo>
                <a:lnTo>
                  <a:pt x="1884" y="1459"/>
                </a:lnTo>
                <a:lnTo>
                  <a:pt x="1848" y="1391"/>
                </a:lnTo>
                <a:lnTo>
                  <a:pt x="1818" y="1322"/>
                </a:lnTo>
                <a:lnTo>
                  <a:pt x="1793" y="1252"/>
                </a:lnTo>
                <a:lnTo>
                  <a:pt x="1773" y="1180"/>
                </a:lnTo>
                <a:lnTo>
                  <a:pt x="1760" y="1109"/>
                </a:lnTo>
                <a:lnTo>
                  <a:pt x="1752" y="1038"/>
                </a:lnTo>
                <a:lnTo>
                  <a:pt x="1750" y="966"/>
                </a:lnTo>
                <a:lnTo>
                  <a:pt x="1753" y="896"/>
                </a:lnTo>
                <a:lnTo>
                  <a:pt x="1762" y="827"/>
                </a:lnTo>
                <a:lnTo>
                  <a:pt x="1777" y="761"/>
                </a:lnTo>
                <a:lnTo>
                  <a:pt x="1797" y="695"/>
                </a:lnTo>
                <a:lnTo>
                  <a:pt x="1701" y="591"/>
                </a:lnTo>
                <a:lnTo>
                  <a:pt x="1609" y="1147"/>
                </a:lnTo>
                <a:lnTo>
                  <a:pt x="1603" y="1166"/>
                </a:lnTo>
                <a:lnTo>
                  <a:pt x="1593" y="1184"/>
                </a:lnTo>
                <a:lnTo>
                  <a:pt x="1580" y="1199"/>
                </a:lnTo>
                <a:lnTo>
                  <a:pt x="1564" y="1211"/>
                </a:lnTo>
                <a:lnTo>
                  <a:pt x="1546" y="1219"/>
                </a:lnTo>
                <a:lnTo>
                  <a:pt x="1526" y="1223"/>
                </a:lnTo>
                <a:lnTo>
                  <a:pt x="1506" y="1222"/>
                </a:lnTo>
                <a:lnTo>
                  <a:pt x="1486" y="1217"/>
                </a:lnTo>
                <a:lnTo>
                  <a:pt x="1469" y="1208"/>
                </a:lnTo>
                <a:lnTo>
                  <a:pt x="1453" y="1194"/>
                </a:lnTo>
                <a:lnTo>
                  <a:pt x="915" y="1715"/>
                </a:lnTo>
                <a:lnTo>
                  <a:pt x="931" y="1725"/>
                </a:lnTo>
                <a:lnTo>
                  <a:pt x="944" y="1739"/>
                </a:lnTo>
                <a:lnTo>
                  <a:pt x="953" y="1756"/>
                </a:lnTo>
                <a:lnTo>
                  <a:pt x="960" y="1774"/>
                </a:lnTo>
                <a:lnTo>
                  <a:pt x="961" y="1793"/>
                </a:lnTo>
                <a:lnTo>
                  <a:pt x="959" y="1813"/>
                </a:lnTo>
                <a:lnTo>
                  <a:pt x="952" y="1830"/>
                </a:lnTo>
                <a:lnTo>
                  <a:pt x="942" y="1846"/>
                </a:lnTo>
                <a:lnTo>
                  <a:pt x="928" y="1860"/>
                </a:lnTo>
                <a:lnTo>
                  <a:pt x="911" y="1869"/>
                </a:lnTo>
                <a:lnTo>
                  <a:pt x="859" y="1893"/>
                </a:lnTo>
                <a:lnTo>
                  <a:pt x="1367" y="2840"/>
                </a:lnTo>
                <a:lnTo>
                  <a:pt x="1425" y="2863"/>
                </a:lnTo>
                <a:lnTo>
                  <a:pt x="1481" y="2890"/>
                </a:lnTo>
                <a:lnTo>
                  <a:pt x="1533" y="2921"/>
                </a:lnTo>
                <a:lnTo>
                  <a:pt x="1583" y="2958"/>
                </a:lnTo>
                <a:lnTo>
                  <a:pt x="1630" y="2998"/>
                </a:lnTo>
                <a:lnTo>
                  <a:pt x="1673" y="3042"/>
                </a:lnTo>
                <a:lnTo>
                  <a:pt x="1713" y="3090"/>
                </a:lnTo>
                <a:lnTo>
                  <a:pt x="1723" y="3090"/>
                </a:lnTo>
                <a:lnTo>
                  <a:pt x="1777" y="3094"/>
                </a:lnTo>
                <a:lnTo>
                  <a:pt x="1828" y="3105"/>
                </a:lnTo>
                <a:lnTo>
                  <a:pt x="1877" y="3123"/>
                </a:lnTo>
                <a:lnTo>
                  <a:pt x="1923" y="3146"/>
                </a:lnTo>
                <a:lnTo>
                  <a:pt x="1965" y="3174"/>
                </a:lnTo>
                <a:lnTo>
                  <a:pt x="2002" y="3208"/>
                </a:lnTo>
                <a:lnTo>
                  <a:pt x="2035" y="3246"/>
                </a:lnTo>
                <a:lnTo>
                  <a:pt x="2064" y="3288"/>
                </a:lnTo>
                <a:lnTo>
                  <a:pt x="2087" y="3334"/>
                </a:lnTo>
                <a:lnTo>
                  <a:pt x="2104" y="3384"/>
                </a:lnTo>
                <a:lnTo>
                  <a:pt x="2114" y="3435"/>
                </a:lnTo>
                <a:lnTo>
                  <a:pt x="2117" y="3489"/>
                </a:lnTo>
                <a:lnTo>
                  <a:pt x="2117" y="3599"/>
                </a:lnTo>
                <a:lnTo>
                  <a:pt x="39" y="3599"/>
                </a:lnTo>
                <a:lnTo>
                  <a:pt x="39" y="3489"/>
                </a:lnTo>
                <a:lnTo>
                  <a:pt x="42" y="3435"/>
                </a:lnTo>
                <a:lnTo>
                  <a:pt x="52" y="3384"/>
                </a:lnTo>
                <a:lnTo>
                  <a:pt x="69" y="3334"/>
                </a:lnTo>
                <a:lnTo>
                  <a:pt x="92" y="3288"/>
                </a:lnTo>
                <a:lnTo>
                  <a:pt x="121" y="3246"/>
                </a:lnTo>
                <a:lnTo>
                  <a:pt x="155" y="3208"/>
                </a:lnTo>
                <a:lnTo>
                  <a:pt x="192" y="3174"/>
                </a:lnTo>
                <a:lnTo>
                  <a:pt x="235" y="3146"/>
                </a:lnTo>
                <a:lnTo>
                  <a:pt x="280" y="3123"/>
                </a:lnTo>
                <a:lnTo>
                  <a:pt x="329" y="3105"/>
                </a:lnTo>
                <a:lnTo>
                  <a:pt x="380" y="3094"/>
                </a:lnTo>
                <a:lnTo>
                  <a:pt x="434" y="3090"/>
                </a:lnTo>
                <a:lnTo>
                  <a:pt x="526" y="3090"/>
                </a:lnTo>
                <a:lnTo>
                  <a:pt x="560" y="3049"/>
                </a:lnTo>
                <a:lnTo>
                  <a:pt x="598" y="3010"/>
                </a:lnTo>
                <a:lnTo>
                  <a:pt x="164" y="2201"/>
                </a:lnTo>
                <a:lnTo>
                  <a:pt x="141" y="2210"/>
                </a:lnTo>
                <a:lnTo>
                  <a:pt x="118" y="2212"/>
                </a:lnTo>
                <a:lnTo>
                  <a:pt x="96" y="2211"/>
                </a:lnTo>
                <a:lnTo>
                  <a:pt x="74" y="2204"/>
                </a:lnTo>
                <a:lnTo>
                  <a:pt x="53" y="2193"/>
                </a:lnTo>
                <a:lnTo>
                  <a:pt x="35" y="2178"/>
                </a:lnTo>
                <a:lnTo>
                  <a:pt x="20" y="2160"/>
                </a:lnTo>
                <a:lnTo>
                  <a:pt x="9" y="2141"/>
                </a:lnTo>
                <a:lnTo>
                  <a:pt x="2" y="2118"/>
                </a:lnTo>
                <a:lnTo>
                  <a:pt x="0" y="2095"/>
                </a:lnTo>
                <a:lnTo>
                  <a:pt x="0" y="1506"/>
                </a:lnTo>
                <a:lnTo>
                  <a:pt x="2" y="1480"/>
                </a:lnTo>
                <a:lnTo>
                  <a:pt x="9" y="1456"/>
                </a:lnTo>
                <a:lnTo>
                  <a:pt x="18" y="1433"/>
                </a:lnTo>
                <a:lnTo>
                  <a:pt x="33" y="1413"/>
                </a:lnTo>
                <a:lnTo>
                  <a:pt x="50" y="1394"/>
                </a:lnTo>
                <a:lnTo>
                  <a:pt x="69" y="1378"/>
                </a:lnTo>
                <a:lnTo>
                  <a:pt x="97" y="1365"/>
                </a:lnTo>
                <a:lnTo>
                  <a:pt x="126" y="1357"/>
                </a:lnTo>
                <a:lnTo>
                  <a:pt x="156" y="1356"/>
                </a:lnTo>
                <a:lnTo>
                  <a:pt x="186" y="1361"/>
                </a:lnTo>
                <a:lnTo>
                  <a:pt x="213" y="1371"/>
                </a:lnTo>
                <a:lnTo>
                  <a:pt x="228" y="1378"/>
                </a:lnTo>
                <a:lnTo>
                  <a:pt x="959" y="671"/>
                </a:lnTo>
                <a:lnTo>
                  <a:pt x="951" y="659"/>
                </a:lnTo>
                <a:lnTo>
                  <a:pt x="946" y="647"/>
                </a:lnTo>
                <a:lnTo>
                  <a:pt x="945" y="633"/>
                </a:lnTo>
                <a:lnTo>
                  <a:pt x="948" y="619"/>
                </a:lnTo>
                <a:lnTo>
                  <a:pt x="954" y="608"/>
                </a:lnTo>
                <a:lnTo>
                  <a:pt x="965" y="597"/>
                </a:lnTo>
                <a:lnTo>
                  <a:pt x="976" y="591"/>
                </a:lnTo>
                <a:lnTo>
                  <a:pt x="990" y="588"/>
                </a:lnTo>
                <a:lnTo>
                  <a:pt x="1645" y="531"/>
                </a:lnTo>
                <a:lnTo>
                  <a:pt x="1624" y="508"/>
                </a:lnTo>
                <a:lnTo>
                  <a:pt x="1600" y="478"/>
                </a:lnTo>
                <a:lnTo>
                  <a:pt x="1582" y="445"/>
                </a:lnTo>
                <a:lnTo>
                  <a:pt x="1570" y="410"/>
                </a:lnTo>
                <a:lnTo>
                  <a:pt x="1562" y="373"/>
                </a:lnTo>
                <a:lnTo>
                  <a:pt x="1559" y="335"/>
                </a:lnTo>
                <a:lnTo>
                  <a:pt x="1564" y="297"/>
                </a:lnTo>
                <a:lnTo>
                  <a:pt x="1574" y="260"/>
                </a:lnTo>
                <a:lnTo>
                  <a:pt x="1590" y="227"/>
                </a:lnTo>
                <a:lnTo>
                  <a:pt x="1611" y="195"/>
                </a:lnTo>
                <a:lnTo>
                  <a:pt x="1636" y="167"/>
                </a:lnTo>
                <a:lnTo>
                  <a:pt x="1743" y="66"/>
                </a:lnTo>
                <a:lnTo>
                  <a:pt x="1772" y="42"/>
                </a:lnTo>
                <a:lnTo>
                  <a:pt x="1805" y="23"/>
                </a:lnTo>
                <a:lnTo>
                  <a:pt x="1841" y="10"/>
                </a:lnTo>
                <a:lnTo>
                  <a:pt x="1877" y="3"/>
                </a:lnTo>
                <a:lnTo>
                  <a:pt x="19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nvGrpSpPr>
          <p:cNvPr id="28" name="Group 15"/>
          <p:cNvGrpSpPr>
            <a:grpSpLocks noChangeAspect="1"/>
          </p:cNvGrpSpPr>
          <p:nvPr/>
        </p:nvGrpSpPr>
        <p:grpSpPr bwMode="auto">
          <a:xfrm>
            <a:off x="4362672" y="3841634"/>
            <a:ext cx="1136486" cy="1214554"/>
            <a:chOff x="2785" y="2376"/>
            <a:chExt cx="757" cy="809"/>
          </a:xfrm>
          <a:solidFill>
            <a:schemeClr val="bg1"/>
          </a:solidFill>
        </p:grpSpPr>
        <p:sp>
          <p:nvSpPr>
            <p:cNvPr id="31" name="Freeform 17"/>
            <p:cNvSpPr>
              <a:spLocks noEditPoints="1"/>
            </p:cNvSpPr>
            <p:nvPr/>
          </p:nvSpPr>
          <p:spPr bwMode="auto">
            <a:xfrm>
              <a:off x="2785" y="2376"/>
              <a:ext cx="757" cy="809"/>
            </a:xfrm>
            <a:custGeom>
              <a:avLst/>
              <a:gdLst>
                <a:gd name="T0" fmla="*/ 1295 w 3027"/>
                <a:gd name="T1" fmla="*/ 2679 h 3239"/>
                <a:gd name="T2" fmla="*/ 1466 w 3027"/>
                <a:gd name="T3" fmla="*/ 2998 h 3239"/>
                <a:gd name="T4" fmla="*/ 1600 w 3027"/>
                <a:gd name="T5" fmla="*/ 2952 h 3239"/>
                <a:gd name="T6" fmla="*/ 1776 w 3027"/>
                <a:gd name="T7" fmla="*/ 2539 h 3239"/>
                <a:gd name="T8" fmla="*/ 1176 w 3027"/>
                <a:gd name="T9" fmla="*/ 2171 h 3239"/>
                <a:gd name="T10" fmla="*/ 1853 w 3027"/>
                <a:gd name="T11" fmla="*/ 2163 h 3239"/>
                <a:gd name="T12" fmla="*/ 421 w 3027"/>
                <a:gd name="T13" fmla="*/ 2023 h 3239"/>
                <a:gd name="T14" fmla="*/ 229 w 3027"/>
                <a:gd name="T15" fmla="*/ 2312 h 3239"/>
                <a:gd name="T16" fmla="*/ 310 w 3027"/>
                <a:gd name="T17" fmla="*/ 2371 h 3239"/>
                <a:gd name="T18" fmla="*/ 749 w 3027"/>
                <a:gd name="T19" fmla="*/ 2317 h 3239"/>
                <a:gd name="T20" fmla="*/ 772 w 3027"/>
                <a:gd name="T21" fmla="*/ 1818 h 3239"/>
                <a:gd name="T22" fmla="*/ 2058 w 3027"/>
                <a:gd name="T23" fmla="*/ 2239 h 3239"/>
                <a:gd name="T24" fmla="*/ 2597 w 3027"/>
                <a:gd name="T25" fmla="*/ 2357 h 3239"/>
                <a:gd name="T26" fmla="*/ 2807 w 3027"/>
                <a:gd name="T27" fmla="*/ 2336 h 3239"/>
                <a:gd name="T28" fmla="*/ 2718 w 3027"/>
                <a:gd name="T29" fmla="*/ 2137 h 3239"/>
                <a:gd name="T30" fmla="*/ 2335 w 3027"/>
                <a:gd name="T31" fmla="*/ 1751 h 3239"/>
                <a:gd name="T32" fmla="*/ 2159 w 3027"/>
                <a:gd name="T33" fmla="*/ 1617 h 3239"/>
                <a:gd name="T34" fmla="*/ 1140 w 3027"/>
                <a:gd name="T35" fmla="*/ 1620 h 3239"/>
                <a:gd name="T36" fmla="*/ 1721 w 3027"/>
                <a:gd name="T37" fmla="*/ 1901 h 3239"/>
                <a:gd name="T38" fmla="*/ 1717 w 3027"/>
                <a:gd name="T39" fmla="*/ 1337 h 3239"/>
                <a:gd name="T40" fmla="*/ 1174 w 3027"/>
                <a:gd name="T41" fmla="*/ 1077 h 3239"/>
                <a:gd name="T42" fmla="*/ 375 w 3027"/>
                <a:gd name="T43" fmla="*/ 880 h 3239"/>
                <a:gd name="T44" fmla="*/ 214 w 3027"/>
                <a:gd name="T45" fmla="*/ 907 h 3239"/>
                <a:gd name="T46" fmla="*/ 340 w 3027"/>
                <a:gd name="T47" fmla="*/ 1143 h 3239"/>
                <a:gd name="T48" fmla="*/ 770 w 3027"/>
                <a:gd name="T49" fmla="*/ 1431 h 3239"/>
                <a:gd name="T50" fmla="*/ 748 w 3027"/>
                <a:gd name="T51" fmla="*/ 935 h 3239"/>
                <a:gd name="T52" fmla="*/ 2598 w 3027"/>
                <a:gd name="T53" fmla="*/ 873 h 3239"/>
                <a:gd name="T54" fmla="*/ 2057 w 3027"/>
                <a:gd name="T55" fmla="*/ 995 h 3239"/>
                <a:gd name="T56" fmla="*/ 2459 w 3027"/>
                <a:gd name="T57" fmla="*/ 1369 h 3239"/>
                <a:gd name="T58" fmla="*/ 2759 w 3027"/>
                <a:gd name="T59" fmla="*/ 1016 h 3239"/>
                <a:gd name="T60" fmla="*/ 2778 w 3027"/>
                <a:gd name="T61" fmla="*/ 884 h 3239"/>
                <a:gd name="T62" fmla="*/ 1484 w 3027"/>
                <a:gd name="T63" fmla="*/ 227 h 3239"/>
                <a:gd name="T64" fmla="*/ 1316 w 3027"/>
                <a:gd name="T65" fmla="*/ 504 h 3239"/>
                <a:gd name="T66" fmla="*/ 1510 w 3027"/>
                <a:gd name="T67" fmla="*/ 988 h 3239"/>
                <a:gd name="T68" fmla="*/ 1711 w 3027"/>
                <a:gd name="T69" fmla="*/ 501 h 3239"/>
                <a:gd name="T70" fmla="*/ 1543 w 3027"/>
                <a:gd name="T71" fmla="*/ 227 h 3239"/>
                <a:gd name="T72" fmla="*/ 1703 w 3027"/>
                <a:gd name="T73" fmla="*/ 88 h 3239"/>
                <a:gd name="T74" fmla="*/ 1950 w 3027"/>
                <a:gd name="T75" fmla="*/ 533 h 3239"/>
                <a:gd name="T76" fmla="*/ 2397 w 3027"/>
                <a:gd name="T77" fmla="*/ 677 h 3239"/>
                <a:gd name="T78" fmla="*/ 2839 w 3027"/>
                <a:gd name="T79" fmla="*/ 675 h 3239"/>
                <a:gd name="T80" fmla="*/ 3018 w 3027"/>
                <a:gd name="T81" fmla="*/ 866 h 3239"/>
                <a:gd name="T82" fmla="*/ 2893 w 3027"/>
                <a:gd name="T83" fmla="*/ 1202 h 3239"/>
                <a:gd name="T84" fmla="*/ 2506 w 3027"/>
                <a:gd name="T85" fmla="*/ 1614 h 3239"/>
                <a:gd name="T86" fmla="*/ 2898 w 3027"/>
                <a:gd name="T87" fmla="*/ 2021 h 3239"/>
                <a:gd name="T88" fmla="*/ 3027 w 3027"/>
                <a:gd name="T89" fmla="*/ 2355 h 3239"/>
                <a:gd name="T90" fmla="*/ 2845 w 3027"/>
                <a:gd name="T91" fmla="*/ 2550 h 3239"/>
                <a:gd name="T92" fmla="*/ 2397 w 3027"/>
                <a:gd name="T93" fmla="*/ 2550 h 3239"/>
                <a:gd name="T94" fmla="*/ 1952 w 3027"/>
                <a:gd name="T95" fmla="*/ 2700 h 3239"/>
                <a:gd name="T96" fmla="*/ 1705 w 3027"/>
                <a:gd name="T97" fmla="*/ 3151 h 3239"/>
                <a:gd name="T98" fmla="*/ 1397 w 3027"/>
                <a:gd name="T99" fmla="*/ 3207 h 3239"/>
                <a:gd name="T100" fmla="*/ 1130 w 3027"/>
                <a:gd name="T101" fmla="*/ 2849 h 3239"/>
                <a:gd name="T102" fmla="*/ 774 w 3027"/>
                <a:gd name="T103" fmla="*/ 2532 h 3239"/>
                <a:gd name="T104" fmla="*/ 274 w 3027"/>
                <a:gd name="T105" fmla="*/ 2583 h 3239"/>
                <a:gd name="T106" fmla="*/ 26 w 3027"/>
                <a:gd name="T107" fmla="*/ 2439 h 3239"/>
                <a:gd name="T108" fmla="*/ 76 w 3027"/>
                <a:gd name="T109" fmla="*/ 2132 h 3239"/>
                <a:gd name="T110" fmla="*/ 403 w 3027"/>
                <a:gd name="T111" fmla="*/ 1733 h 3239"/>
                <a:gd name="T112" fmla="*/ 205 w 3027"/>
                <a:gd name="T113" fmla="*/ 1316 h 3239"/>
                <a:gd name="T114" fmla="*/ 4 w 3027"/>
                <a:gd name="T115" fmla="*/ 958 h 3239"/>
                <a:gd name="T116" fmla="*/ 108 w 3027"/>
                <a:gd name="T117" fmla="*/ 720 h 3239"/>
                <a:gd name="T118" fmla="*/ 496 w 3027"/>
                <a:gd name="T119" fmla="*/ 672 h 3239"/>
                <a:gd name="T120" fmla="*/ 1029 w 3027"/>
                <a:gd name="T121" fmla="*/ 700 h 3239"/>
                <a:gd name="T122" fmla="*/ 1252 w 3027"/>
                <a:gd name="T123" fmla="*/ 169 h 3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27" h="3239">
                  <a:moveTo>
                    <a:pt x="1517" y="2251"/>
                  </a:moveTo>
                  <a:lnTo>
                    <a:pt x="1415" y="2300"/>
                  </a:lnTo>
                  <a:lnTo>
                    <a:pt x="1314" y="2345"/>
                  </a:lnTo>
                  <a:lnTo>
                    <a:pt x="1214" y="2386"/>
                  </a:lnTo>
                  <a:lnTo>
                    <a:pt x="1233" y="2468"/>
                  </a:lnTo>
                  <a:lnTo>
                    <a:pt x="1252" y="2544"/>
                  </a:lnTo>
                  <a:lnTo>
                    <a:pt x="1273" y="2614"/>
                  </a:lnTo>
                  <a:lnTo>
                    <a:pt x="1295" y="2679"/>
                  </a:lnTo>
                  <a:lnTo>
                    <a:pt x="1317" y="2739"/>
                  </a:lnTo>
                  <a:lnTo>
                    <a:pt x="1340" y="2793"/>
                  </a:lnTo>
                  <a:lnTo>
                    <a:pt x="1361" y="2840"/>
                  </a:lnTo>
                  <a:lnTo>
                    <a:pt x="1384" y="2884"/>
                  </a:lnTo>
                  <a:lnTo>
                    <a:pt x="1406" y="2920"/>
                  </a:lnTo>
                  <a:lnTo>
                    <a:pt x="1427" y="2953"/>
                  </a:lnTo>
                  <a:lnTo>
                    <a:pt x="1448" y="2979"/>
                  </a:lnTo>
                  <a:lnTo>
                    <a:pt x="1466" y="2998"/>
                  </a:lnTo>
                  <a:lnTo>
                    <a:pt x="1484" y="3013"/>
                  </a:lnTo>
                  <a:lnTo>
                    <a:pt x="1500" y="3021"/>
                  </a:lnTo>
                  <a:lnTo>
                    <a:pt x="1513" y="3024"/>
                  </a:lnTo>
                  <a:lnTo>
                    <a:pt x="1528" y="3021"/>
                  </a:lnTo>
                  <a:lnTo>
                    <a:pt x="1543" y="3013"/>
                  </a:lnTo>
                  <a:lnTo>
                    <a:pt x="1561" y="2998"/>
                  </a:lnTo>
                  <a:lnTo>
                    <a:pt x="1581" y="2977"/>
                  </a:lnTo>
                  <a:lnTo>
                    <a:pt x="1600" y="2952"/>
                  </a:lnTo>
                  <a:lnTo>
                    <a:pt x="1622" y="2919"/>
                  </a:lnTo>
                  <a:lnTo>
                    <a:pt x="1644" y="2882"/>
                  </a:lnTo>
                  <a:lnTo>
                    <a:pt x="1666" y="2839"/>
                  </a:lnTo>
                  <a:lnTo>
                    <a:pt x="1689" y="2791"/>
                  </a:lnTo>
                  <a:lnTo>
                    <a:pt x="1712" y="2735"/>
                  </a:lnTo>
                  <a:lnTo>
                    <a:pt x="1733" y="2675"/>
                  </a:lnTo>
                  <a:lnTo>
                    <a:pt x="1755" y="2610"/>
                  </a:lnTo>
                  <a:lnTo>
                    <a:pt x="1776" y="2539"/>
                  </a:lnTo>
                  <a:lnTo>
                    <a:pt x="1796" y="2462"/>
                  </a:lnTo>
                  <a:lnTo>
                    <a:pt x="1814" y="2380"/>
                  </a:lnTo>
                  <a:lnTo>
                    <a:pt x="1717" y="2341"/>
                  </a:lnTo>
                  <a:lnTo>
                    <a:pt x="1618" y="2298"/>
                  </a:lnTo>
                  <a:lnTo>
                    <a:pt x="1517" y="2251"/>
                  </a:lnTo>
                  <a:close/>
                  <a:moveTo>
                    <a:pt x="1163" y="2066"/>
                  </a:moveTo>
                  <a:lnTo>
                    <a:pt x="1169" y="2119"/>
                  </a:lnTo>
                  <a:lnTo>
                    <a:pt x="1176" y="2171"/>
                  </a:lnTo>
                  <a:lnTo>
                    <a:pt x="1225" y="2150"/>
                  </a:lnTo>
                  <a:lnTo>
                    <a:pt x="1275" y="2129"/>
                  </a:lnTo>
                  <a:lnTo>
                    <a:pt x="1205" y="2090"/>
                  </a:lnTo>
                  <a:lnTo>
                    <a:pt x="1163" y="2066"/>
                  </a:lnTo>
                  <a:close/>
                  <a:moveTo>
                    <a:pt x="1864" y="2065"/>
                  </a:moveTo>
                  <a:lnTo>
                    <a:pt x="1828" y="2086"/>
                  </a:lnTo>
                  <a:lnTo>
                    <a:pt x="1760" y="2125"/>
                  </a:lnTo>
                  <a:lnTo>
                    <a:pt x="1853" y="2163"/>
                  </a:lnTo>
                  <a:lnTo>
                    <a:pt x="1858" y="2115"/>
                  </a:lnTo>
                  <a:lnTo>
                    <a:pt x="1864" y="2065"/>
                  </a:lnTo>
                  <a:close/>
                  <a:moveTo>
                    <a:pt x="695" y="1762"/>
                  </a:moveTo>
                  <a:lnTo>
                    <a:pt x="630" y="1818"/>
                  </a:lnTo>
                  <a:lnTo>
                    <a:pt x="571" y="1872"/>
                  </a:lnTo>
                  <a:lnTo>
                    <a:pt x="515" y="1924"/>
                  </a:lnTo>
                  <a:lnTo>
                    <a:pt x="466" y="1975"/>
                  </a:lnTo>
                  <a:lnTo>
                    <a:pt x="421" y="2023"/>
                  </a:lnTo>
                  <a:lnTo>
                    <a:pt x="381" y="2069"/>
                  </a:lnTo>
                  <a:lnTo>
                    <a:pt x="346" y="2112"/>
                  </a:lnTo>
                  <a:lnTo>
                    <a:pt x="316" y="2153"/>
                  </a:lnTo>
                  <a:lnTo>
                    <a:pt x="290" y="2191"/>
                  </a:lnTo>
                  <a:lnTo>
                    <a:pt x="268" y="2226"/>
                  </a:lnTo>
                  <a:lnTo>
                    <a:pt x="250" y="2258"/>
                  </a:lnTo>
                  <a:lnTo>
                    <a:pt x="238" y="2287"/>
                  </a:lnTo>
                  <a:lnTo>
                    <a:pt x="229" y="2312"/>
                  </a:lnTo>
                  <a:lnTo>
                    <a:pt x="224" y="2332"/>
                  </a:lnTo>
                  <a:lnTo>
                    <a:pt x="223" y="2349"/>
                  </a:lnTo>
                  <a:lnTo>
                    <a:pt x="229" y="2352"/>
                  </a:lnTo>
                  <a:lnTo>
                    <a:pt x="237" y="2355"/>
                  </a:lnTo>
                  <a:lnTo>
                    <a:pt x="249" y="2359"/>
                  </a:lnTo>
                  <a:lnTo>
                    <a:pt x="265" y="2364"/>
                  </a:lnTo>
                  <a:lnTo>
                    <a:pt x="285" y="2368"/>
                  </a:lnTo>
                  <a:lnTo>
                    <a:pt x="310" y="2371"/>
                  </a:lnTo>
                  <a:lnTo>
                    <a:pt x="340" y="2374"/>
                  </a:lnTo>
                  <a:lnTo>
                    <a:pt x="375" y="2374"/>
                  </a:lnTo>
                  <a:lnTo>
                    <a:pt x="429" y="2373"/>
                  </a:lnTo>
                  <a:lnTo>
                    <a:pt x="487" y="2368"/>
                  </a:lnTo>
                  <a:lnTo>
                    <a:pt x="548" y="2359"/>
                  </a:lnTo>
                  <a:lnTo>
                    <a:pt x="612" y="2349"/>
                  </a:lnTo>
                  <a:lnTo>
                    <a:pt x="680" y="2334"/>
                  </a:lnTo>
                  <a:lnTo>
                    <a:pt x="749" y="2317"/>
                  </a:lnTo>
                  <a:lnTo>
                    <a:pt x="821" y="2297"/>
                  </a:lnTo>
                  <a:lnTo>
                    <a:pt x="895" y="2274"/>
                  </a:lnTo>
                  <a:lnTo>
                    <a:pt x="971" y="2249"/>
                  </a:lnTo>
                  <a:lnTo>
                    <a:pt x="956" y="2145"/>
                  </a:lnTo>
                  <a:lnTo>
                    <a:pt x="945" y="2038"/>
                  </a:lnTo>
                  <a:lnTo>
                    <a:pt x="935" y="1928"/>
                  </a:lnTo>
                  <a:lnTo>
                    <a:pt x="852" y="1873"/>
                  </a:lnTo>
                  <a:lnTo>
                    <a:pt x="772" y="1818"/>
                  </a:lnTo>
                  <a:lnTo>
                    <a:pt x="695" y="1762"/>
                  </a:lnTo>
                  <a:close/>
                  <a:moveTo>
                    <a:pt x="2335" y="1751"/>
                  </a:moveTo>
                  <a:lnTo>
                    <a:pt x="2257" y="1809"/>
                  </a:lnTo>
                  <a:lnTo>
                    <a:pt x="2176" y="1866"/>
                  </a:lnTo>
                  <a:lnTo>
                    <a:pt x="2092" y="1923"/>
                  </a:lnTo>
                  <a:lnTo>
                    <a:pt x="2084" y="2031"/>
                  </a:lnTo>
                  <a:lnTo>
                    <a:pt x="2071" y="2136"/>
                  </a:lnTo>
                  <a:lnTo>
                    <a:pt x="2058" y="2239"/>
                  </a:lnTo>
                  <a:lnTo>
                    <a:pt x="2133" y="2263"/>
                  </a:lnTo>
                  <a:lnTo>
                    <a:pt x="2207" y="2285"/>
                  </a:lnTo>
                  <a:lnTo>
                    <a:pt x="2279" y="2304"/>
                  </a:lnTo>
                  <a:lnTo>
                    <a:pt x="2348" y="2321"/>
                  </a:lnTo>
                  <a:lnTo>
                    <a:pt x="2415" y="2334"/>
                  </a:lnTo>
                  <a:lnTo>
                    <a:pt x="2479" y="2345"/>
                  </a:lnTo>
                  <a:lnTo>
                    <a:pt x="2540" y="2353"/>
                  </a:lnTo>
                  <a:lnTo>
                    <a:pt x="2597" y="2357"/>
                  </a:lnTo>
                  <a:lnTo>
                    <a:pt x="2652" y="2359"/>
                  </a:lnTo>
                  <a:lnTo>
                    <a:pt x="2688" y="2358"/>
                  </a:lnTo>
                  <a:lnTo>
                    <a:pt x="2720" y="2356"/>
                  </a:lnTo>
                  <a:lnTo>
                    <a:pt x="2746" y="2352"/>
                  </a:lnTo>
                  <a:lnTo>
                    <a:pt x="2766" y="2349"/>
                  </a:lnTo>
                  <a:lnTo>
                    <a:pt x="2784" y="2344"/>
                  </a:lnTo>
                  <a:lnTo>
                    <a:pt x="2798" y="2340"/>
                  </a:lnTo>
                  <a:lnTo>
                    <a:pt x="2807" y="2336"/>
                  </a:lnTo>
                  <a:lnTo>
                    <a:pt x="2813" y="2332"/>
                  </a:lnTo>
                  <a:lnTo>
                    <a:pt x="2812" y="2315"/>
                  </a:lnTo>
                  <a:lnTo>
                    <a:pt x="2807" y="2294"/>
                  </a:lnTo>
                  <a:lnTo>
                    <a:pt x="2798" y="2269"/>
                  </a:lnTo>
                  <a:lnTo>
                    <a:pt x="2784" y="2241"/>
                  </a:lnTo>
                  <a:lnTo>
                    <a:pt x="2766" y="2209"/>
                  </a:lnTo>
                  <a:lnTo>
                    <a:pt x="2745" y="2175"/>
                  </a:lnTo>
                  <a:lnTo>
                    <a:pt x="2718" y="2137"/>
                  </a:lnTo>
                  <a:lnTo>
                    <a:pt x="2686" y="2097"/>
                  </a:lnTo>
                  <a:lnTo>
                    <a:pt x="2651" y="2053"/>
                  </a:lnTo>
                  <a:lnTo>
                    <a:pt x="2610" y="2008"/>
                  </a:lnTo>
                  <a:lnTo>
                    <a:pt x="2566" y="1961"/>
                  </a:lnTo>
                  <a:lnTo>
                    <a:pt x="2516" y="1911"/>
                  </a:lnTo>
                  <a:lnTo>
                    <a:pt x="2461" y="1859"/>
                  </a:lnTo>
                  <a:lnTo>
                    <a:pt x="2401" y="1806"/>
                  </a:lnTo>
                  <a:lnTo>
                    <a:pt x="2335" y="1751"/>
                  </a:lnTo>
                  <a:close/>
                  <a:moveTo>
                    <a:pt x="925" y="1586"/>
                  </a:moveTo>
                  <a:lnTo>
                    <a:pt x="871" y="1625"/>
                  </a:lnTo>
                  <a:lnTo>
                    <a:pt x="925" y="1663"/>
                  </a:lnTo>
                  <a:lnTo>
                    <a:pt x="925" y="1620"/>
                  </a:lnTo>
                  <a:lnTo>
                    <a:pt x="925" y="1586"/>
                  </a:lnTo>
                  <a:close/>
                  <a:moveTo>
                    <a:pt x="2102" y="1576"/>
                  </a:moveTo>
                  <a:lnTo>
                    <a:pt x="2102" y="1658"/>
                  </a:lnTo>
                  <a:lnTo>
                    <a:pt x="2159" y="1617"/>
                  </a:lnTo>
                  <a:lnTo>
                    <a:pt x="2102" y="1576"/>
                  </a:lnTo>
                  <a:close/>
                  <a:moveTo>
                    <a:pt x="1514" y="1229"/>
                  </a:moveTo>
                  <a:lnTo>
                    <a:pt x="1410" y="1284"/>
                  </a:lnTo>
                  <a:lnTo>
                    <a:pt x="1306" y="1342"/>
                  </a:lnTo>
                  <a:lnTo>
                    <a:pt x="1223" y="1391"/>
                  </a:lnTo>
                  <a:lnTo>
                    <a:pt x="1143" y="1440"/>
                  </a:lnTo>
                  <a:lnTo>
                    <a:pt x="1141" y="1528"/>
                  </a:lnTo>
                  <a:lnTo>
                    <a:pt x="1140" y="1620"/>
                  </a:lnTo>
                  <a:lnTo>
                    <a:pt x="1141" y="1714"/>
                  </a:lnTo>
                  <a:lnTo>
                    <a:pt x="1143" y="1806"/>
                  </a:lnTo>
                  <a:lnTo>
                    <a:pt x="1225" y="1855"/>
                  </a:lnTo>
                  <a:lnTo>
                    <a:pt x="1310" y="1903"/>
                  </a:lnTo>
                  <a:lnTo>
                    <a:pt x="1413" y="1959"/>
                  </a:lnTo>
                  <a:lnTo>
                    <a:pt x="1517" y="2012"/>
                  </a:lnTo>
                  <a:lnTo>
                    <a:pt x="1619" y="1958"/>
                  </a:lnTo>
                  <a:lnTo>
                    <a:pt x="1721" y="1901"/>
                  </a:lnTo>
                  <a:lnTo>
                    <a:pt x="1804" y="1852"/>
                  </a:lnTo>
                  <a:lnTo>
                    <a:pt x="1884" y="1804"/>
                  </a:lnTo>
                  <a:lnTo>
                    <a:pt x="1886" y="1713"/>
                  </a:lnTo>
                  <a:lnTo>
                    <a:pt x="1887" y="1620"/>
                  </a:lnTo>
                  <a:lnTo>
                    <a:pt x="1886" y="1525"/>
                  </a:lnTo>
                  <a:lnTo>
                    <a:pt x="1884" y="1435"/>
                  </a:lnTo>
                  <a:lnTo>
                    <a:pt x="1802" y="1386"/>
                  </a:lnTo>
                  <a:lnTo>
                    <a:pt x="1717" y="1337"/>
                  </a:lnTo>
                  <a:lnTo>
                    <a:pt x="1616" y="1282"/>
                  </a:lnTo>
                  <a:lnTo>
                    <a:pt x="1514" y="1229"/>
                  </a:lnTo>
                  <a:close/>
                  <a:moveTo>
                    <a:pt x="1174" y="1077"/>
                  </a:moveTo>
                  <a:lnTo>
                    <a:pt x="1163" y="1174"/>
                  </a:lnTo>
                  <a:lnTo>
                    <a:pt x="1199" y="1153"/>
                  </a:lnTo>
                  <a:lnTo>
                    <a:pt x="1234" y="1134"/>
                  </a:lnTo>
                  <a:lnTo>
                    <a:pt x="1267" y="1115"/>
                  </a:lnTo>
                  <a:lnTo>
                    <a:pt x="1174" y="1077"/>
                  </a:lnTo>
                  <a:close/>
                  <a:moveTo>
                    <a:pt x="1852" y="1073"/>
                  </a:moveTo>
                  <a:lnTo>
                    <a:pt x="1757" y="1114"/>
                  </a:lnTo>
                  <a:lnTo>
                    <a:pt x="1822" y="1149"/>
                  </a:lnTo>
                  <a:lnTo>
                    <a:pt x="1844" y="1161"/>
                  </a:lnTo>
                  <a:lnTo>
                    <a:pt x="1864" y="1173"/>
                  </a:lnTo>
                  <a:lnTo>
                    <a:pt x="1858" y="1122"/>
                  </a:lnTo>
                  <a:lnTo>
                    <a:pt x="1852" y="1073"/>
                  </a:lnTo>
                  <a:close/>
                  <a:moveTo>
                    <a:pt x="375" y="880"/>
                  </a:moveTo>
                  <a:lnTo>
                    <a:pt x="339" y="881"/>
                  </a:lnTo>
                  <a:lnTo>
                    <a:pt x="308" y="883"/>
                  </a:lnTo>
                  <a:lnTo>
                    <a:pt x="282" y="887"/>
                  </a:lnTo>
                  <a:lnTo>
                    <a:pt x="260" y="892"/>
                  </a:lnTo>
                  <a:lnTo>
                    <a:pt x="243" y="896"/>
                  </a:lnTo>
                  <a:lnTo>
                    <a:pt x="230" y="900"/>
                  </a:lnTo>
                  <a:lnTo>
                    <a:pt x="220" y="904"/>
                  </a:lnTo>
                  <a:lnTo>
                    <a:pt x="214" y="907"/>
                  </a:lnTo>
                  <a:lnTo>
                    <a:pt x="215" y="925"/>
                  </a:lnTo>
                  <a:lnTo>
                    <a:pt x="220" y="946"/>
                  </a:lnTo>
                  <a:lnTo>
                    <a:pt x="230" y="971"/>
                  </a:lnTo>
                  <a:lnTo>
                    <a:pt x="243" y="999"/>
                  </a:lnTo>
                  <a:lnTo>
                    <a:pt x="261" y="1031"/>
                  </a:lnTo>
                  <a:lnTo>
                    <a:pt x="283" y="1065"/>
                  </a:lnTo>
                  <a:lnTo>
                    <a:pt x="310" y="1104"/>
                  </a:lnTo>
                  <a:lnTo>
                    <a:pt x="340" y="1143"/>
                  </a:lnTo>
                  <a:lnTo>
                    <a:pt x="376" y="1187"/>
                  </a:lnTo>
                  <a:lnTo>
                    <a:pt x="416" y="1232"/>
                  </a:lnTo>
                  <a:lnTo>
                    <a:pt x="461" y="1280"/>
                  </a:lnTo>
                  <a:lnTo>
                    <a:pt x="511" y="1329"/>
                  </a:lnTo>
                  <a:lnTo>
                    <a:pt x="566" y="1381"/>
                  </a:lnTo>
                  <a:lnTo>
                    <a:pt x="627" y="1434"/>
                  </a:lnTo>
                  <a:lnTo>
                    <a:pt x="692" y="1489"/>
                  </a:lnTo>
                  <a:lnTo>
                    <a:pt x="770" y="1431"/>
                  </a:lnTo>
                  <a:lnTo>
                    <a:pt x="851" y="1374"/>
                  </a:lnTo>
                  <a:lnTo>
                    <a:pt x="935" y="1316"/>
                  </a:lnTo>
                  <a:lnTo>
                    <a:pt x="944" y="1208"/>
                  </a:lnTo>
                  <a:lnTo>
                    <a:pt x="955" y="1104"/>
                  </a:lnTo>
                  <a:lnTo>
                    <a:pt x="970" y="1001"/>
                  </a:lnTo>
                  <a:lnTo>
                    <a:pt x="894" y="977"/>
                  </a:lnTo>
                  <a:lnTo>
                    <a:pt x="820" y="955"/>
                  </a:lnTo>
                  <a:lnTo>
                    <a:pt x="748" y="935"/>
                  </a:lnTo>
                  <a:lnTo>
                    <a:pt x="680" y="919"/>
                  </a:lnTo>
                  <a:lnTo>
                    <a:pt x="612" y="905"/>
                  </a:lnTo>
                  <a:lnTo>
                    <a:pt x="549" y="895"/>
                  </a:lnTo>
                  <a:lnTo>
                    <a:pt x="487" y="886"/>
                  </a:lnTo>
                  <a:lnTo>
                    <a:pt x="429" y="882"/>
                  </a:lnTo>
                  <a:lnTo>
                    <a:pt x="375" y="880"/>
                  </a:lnTo>
                  <a:close/>
                  <a:moveTo>
                    <a:pt x="2653" y="872"/>
                  </a:moveTo>
                  <a:lnTo>
                    <a:pt x="2598" y="873"/>
                  </a:lnTo>
                  <a:lnTo>
                    <a:pt x="2541" y="878"/>
                  </a:lnTo>
                  <a:lnTo>
                    <a:pt x="2480" y="886"/>
                  </a:lnTo>
                  <a:lnTo>
                    <a:pt x="2415" y="897"/>
                  </a:lnTo>
                  <a:lnTo>
                    <a:pt x="2349" y="911"/>
                  </a:lnTo>
                  <a:lnTo>
                    <a:pt x="2279" y="928"/>
                  </a:lnTo>
                  <a:lnTo>
                    <a:pt x="2206" y="948"/>
                  </a:lnTo>
                  <a:lnTo>
                    <a:pt x="2132" y="971"/>
                  </a:lnTo>
                  <a:lnTo>
                    <a:pt x="2057" y="995"/>
                  </a:lnTo>
                  <a:lnTo>
                    <a:pt x="2071" y="1098"/>
                  </a:lnTo>
                  <a:lnTo>
                    <a:pt x="2083" y="1203"/>
                  </a:lnTo>
                  <a:lnTo>
                    <a:pt x="2092" y="1311"/>
                  </a:lnTo>
                  <a:lnTo>
                    <a:pt x="2175" y="1367"/>
                  </a:lnTo>
                  <a:lnTo>
                    <a:pt x="2256" y="1422"/>
                  </a:lnTo>
                  <a:lnTo>
                    <a:pt x="2334" y="1480"/>
                  </a:lnTo>
                  <a:lnTo>
                    <a:pt x="2400" y="1423"/>
                  </a:lnTo>
                  <a:lnTo>
                    <a:pt x="2459" y="1369"/>
                  </a:lnTo>
                  <a:lnTo>
                    <a:pt x="2513" y="1318"/>
                  </a:lnTo>
                  <a:lnTo>
                    <a:pt x="2563" y="1267"/>
                  </a:lnTo>
                  <a:lnTo>
                    <a:pt x="2607" y="1219"/>
                  </a:lnTo>
                  <a:lnTo>
                    <a:pt x="2647" y="1173"/>
                  </a:lnTo>
                  <a:lnTo>
                    <a:pt x="2681" y="1129"/>
                  </a:lnTo>
                  <a:lnTo>
                    <a:pt x="2712" y="1089"/>
                  </a:lnTo>
                  <a:lnTo>
                    <a:pt x="2737" y="1052"/>
                  </a:lnTo>
                  <a:lnTo>
                    <a:pt x="2759" y="1016"/>
                  </a:lnTo>
                  <a:lnTo>
                    <a:pt x="2777" y="985"/>
                  </a:lnTo>
                  <a:lnTo>
                    <a:pt x="2789" y="956"/>
                  </a:lnTo>
                  <a:lnTo>
                    <a:pt x="2799" y="931"/>
                  </a:lnTo>
                  <a:lnTo>
                    <a:pt x="2803" y="910"/>
                  </a:lnTo>
                  <a:lnTo>
                    <a:pt x="2804" y="893"/>
                  </a:lnTo>
                  <a:lnTo>
                    <a:pt x="2799" y="891"/>
                  </a:lnTo>
                  <a:lnTo>
                    <a:pt x="2790" y="887"/>
                  </a:lnTo>
                  <a:lnTo>
                    <a:pt x="2778" y="884"/>
                  </a:lnTo>
                  <a:lnTo>
                    <a:pt x="2762" y="880"/>
                  </a:lnTo>
                  <a:lnTo>
                    <a:pt x="2742" y="877"/>
                  </a:lnTo>
                  <a:lnTo>
                    <a:pt x="2718" y="874"/>
                  </a:lnTo>
                  <a:lnTo>
                    <a:pt x="2687" y="872"/>
                  </a:lnTo>
                  <a:lnTo>
                    <a:pt x="2653" y="872"/>
                  </a:lnTo>
                  <a:close/>
                  <a:moveTo>
                    <a:pt x="1513" y="215"/>
                  </a:moveTo>
                  <a:lnTo>
                    <a:pt x="1500" y="218"/>
                  </a:lnTo>
                  <a:lnTo>
                    <a:pt x="1484" y="227"/>
                  </a:lnTo>
                  <a:lnTo>
                    <a:pt x="1466" y="241"/>
                  </a:lnTo>
                  <a:lnTo>
                    <a:pt x="1447" y="262"/>
                  </a:lnTo>
                  <a:lnTo>
                    <a:pt x="1427" y="288"/>
                  </a:lnTo>
                  <a:lnTo>
                    <a:pt x="1405" y="320"/>
                  </a:lnTo>
                  <a:lnTo>
                    <a:pt x="1383" y="358"/>
                  </a:lnTo>
                  <a:lnTo>
                    <a:pt x="1361" y="401"/>
                  </a:lnTo>
                  <a:lnTo>
                    <a:pt x="1339" y="450"/>
                  </a:lnTo>
                  <a:lnTo>
                    <a:pt x="1316" y="504"/>
                  </a:lnTo>
                  <a:lnTo>
                    <a:pt x="1294" y="564"/>
                  </a:lnTo>
                  <a:lnTo>
                    <a:pt x="1272" y="630"/>
                  </a:lnTo>
                  <a:lnTo>
                    <a:pt x="1251" y="702"/>
                  </a:lnTo>
                  <a:lnTo>
                    <a:pt x="1231" y="778"/>
                  </a:lnTo>
                  <a:lnTo>
                    <a:pt x="1213" y="860"/>
                  </a:lnTo>
                  <a:lnTo>
                    <a:pt x="1310" y="899"/>
                  </a:lnTo>
                  <a:lnTo>
                    <a:pt x="1409" y="943"/>
                  </a:lnTo>
                  <a:lnTo>
                    <a:pt x="1510" y="988"/>
                  </a:lnTo>
                  <a:lnTo>
                    <a:pt x="1612" y="939"/>
                  </a:lnTo>
                  <a:lnTo>
                    <a:pt x="1714" y="895"/>
                  </a:lnTo>
                  <a:lnTo>
                    <a:pt x="1813" y="853"/>
                  </a:lnTo>
                  <a:lnTo>
                    <a:pt x="1795" y="771"/>
                  </a:lnTo>
                  <a:lnTo>
                    <a:pt x="1775" y="695"/>
                  </a:lnTo>
                  <a:lnTo>
                    <a:pt x="1754" y="626"/>
                  </a:lnTo>
                  <a:lnTo>
                    <a:pt x="1732" y="560"/>
                  </a:lnTo>
                  <a:lnTo>
                    <a:pt x="1711" y="501"/>
                  </a:lnTo>
                  <a:lnTo>
                    <a:pt x="1688" y="447"/>
                  </a:lnTo>
                  <a:lnTo>
                    <a:pt x="1665" y="399"/>
                  </a:lnTo>
                  <a:lnTo>
                    <a:pt x="1643" y="356"/>
                  </a:lnTo>
                  <a:lnTo>
                    <a:pt x="1621" y="319"/>
                  </a:lnTo>
                  <a:lnTo>
                    <a:pt x="1600" y="287"/>
                  </a:lnTo>
                  <a:lnTo>
                    <a:pt x="1580" y="262"/>
                  </a:lnTo>
                  <a:lnTo>
                    <a:pt x="1561" y="241"/>
                  </a:lnTo>
                  <a:lnTo>
                    <a:pt x="1543" y="227"/>
                  </a:lnTo>
                  <a:lnTo>
                    <a:pt x="1528" y="218"/>
                  </a:lnTo>
                  <a:lnTo>
                    <a:pt x="1513" y="215"/>
                  </a:lnTo>
                  <a:close/>
                  <a:moveTo>
                    <a:pt x="1513" y="0"/>
                  </a:moveTo>
                  <a:lnTo>
                    <a:pt x="1554" y="4"/>
                  </a:lnTo>
                  <a:lnTo>
                    <a:pt x="1592" y="15"/>
                  </a:lnTo>
                  <a:lnTo>
                    <a:pt x="1631" y="33"/>
                  </a:lnTo>
                  <a:lnTo>
                    <a:pt x="1667" y="56"/>
                  </a:lnTo>
                  <a:lnTo>
                    <a:pt x="1703" y="88"/>
                  </a:lnTo>
                  <a:lnTo>
                    <a:pt x="1739" y="124"/>
                  </a:lnTo>
                  <a:lnTo>
                    <a:pt x="1773" y="167"/>
                  </a:lnTo>
                  <a:lnTo>
                    <a:pt x="1806" y="214"/>
                  </a:lnTo>
                  <a:lnTo>
                    <a:pt x="1837" y="268"/>
                  </a:lnTo>
                  <a:lnTo>
                    <a:pt x="1867" y="328"/>
                  </a:lnTo>
                  <a:lnTo>
                    <a:pt x="1897" y="391"/>
                  </a:lnTo>
                  <a:lnTo>
                    <a:pt x="1924" y="461"/>
                  </a:lnTo>
                  <a:lnTo>
                    <a:pt x="1950" y="533"/>
                  </a:lnTo>
                  <a:lnTo>
                    <a:pt x="1973" y="611"/>
                  </a:lnTo>
                  <a:lnTo>
                    <a:pt x="1996" y="692"/>
                  </a:lnTo>
                  <a:lnTo>
                    <a:pt x="2016" y="777"/>
                  </a:lnTo>
                  <a:lnTo>
                    <a:pt x="2097" y="751"/>
                  </a:lnTo>
                  <a:lnTo>
                    <a:pt x="2176" y="729"/>
                  </a:lnTo>
                  <a:lnTo>
                    <a:pt x="2252" y="709"/>
                  </a:lnTo>
                  <a:lnTo>
                    <a:pt x="2327" y="691"/>
                  </a:lnTo>
                  <a:lnTo>
                    <a:pt x="2397" y="677"/>
                  </a:lnTo>
                  <a:lnTo>
                    <a:pt x="2466" y="666"/>
                  </a:lnTo>
                  <a:lnTo>
                    <a:pt x="2532" y="658"/>
                  </a:lnTo>
                  <a:lnTo>
                    <a:pt x="2594" y="653"/>
                  </a:lnTo>
                  <a:lnTo>
                    <a:pt x="2653" y="652"/>
                  </a:lnTo>
                  <a:lnTo>
                    <a:pt x="2704" y="653"/>
                  </a:lnTo>
                  <a:lnTo>
                    <a:pt x="2753" y="657"/>
                  </a:lnTo>
                  <a:lnTo>
                    <a:pt x="2798" y="664"/>
                  </a:lnTo>
                  <a:lnTo>
                    <a:pt x="2839" y="675"/>
                  </a:lnTo>
                  <a:lnTo>
                    <a:pt x="2877" y="688"/>
                  </a:lnTo>
                  <a:lnTo>
                    <a:pt x="2910" y="705"/>
                  </a:lnTo>
                  <a:lnTo>
                    <a:pt x="2940" y="723"/>
                  </a:lnTo>
                  <a:lnTo>
                    <a:pt x="2965" y="746"/>
                  </a:lnTo>
                  <a:lnTo>
                    <a:pt x="2986" y="771"/>
                  </a:lnTo>
                  <a:lnTo>
                    <a:pt x="3001" y="800"/>
                  </a:lnTo>
                  <a:lnTo>
                    <a:pt x="3012" y="831"/>
                  </a:lnTo>
                  <a:lnTo>
                    <a:pt x="3018" y="866"/>
                  </a:lnTo>
                  <a:lnTo>
                    <a:pt x="3018" y="901"/>
                  </a:lnTo>
                  <a:lnTo>
                    <a:pt x="3014" y="939"/>
                  </a:lnTo>
                  <a:lnTo>
                    <a:pt x="3005" y="979"/>
                  </a:lnTo>
                  <a:lnTo>
                    <a:pt x="2992" y="1020"/>
                  </a:lnTo>
                  <a:lnTo>
                    <a:pt x="2973" y="1063"/>
                  </a:lnTo>
                  <a:lnTo>
                    <a:pt x="2950" y="1108"/>
                  </a:lnTo>
                  <a:lnTo>
                    <a:pt x="2924" y="1154"/>
                  </a:lnTo>
                  <a:lnTo>
                    <a:pt x="2893" y="1202"/>
                  </a:lnTo>
                  <a:lnTo>
                    <a:pt x="2858" y="1250"/>
                  </a:lnTo>
                  <a:lnTo>
                    <a:pt x="2818" y="1300"/>
                  </a:lnTo>
                  <a:lnTo>
                    <a:pt x="2776" y="1351"/>
                  </a:lnTo>
                  <a:lnTo>
                    <a:pt x="2728" y="1403"/>
                  </a:lnTo>
                  <a:lnTo>
                    <a:pt x="2678" y="1455"/>
                  </a:lnTo>
                  <a:lnTo>
                    <a:pt x="2624" y="1507"/>
                  </a:lnTo>
                  <a:lnTo>
                    <a:pt x="2566" y="1561"/>
                  </a:lnTo>
                  <a:lnTo>
                    <a:pt x="2506" y="1614"/>
                  </a:lnTo>
                  <a:lnTo>
                    <a:pt x="2567" y="1667"/>
                  </a:lnTo>
                  <a:lnTo>
                    <a:pt x="2625" y="1718"/>
                  </a:lnTo>
                  <a:lnTo>
                    <a:pt x="2680" y="1770"/>
                  </a:lnTo>
                  <a:lnTo>
                    <a:pt x="2731" y="1822"/>
                  </a:lnTo>
                  <a:lnTo>
                    <a:pt x="2779" y="1873"/>
                  </a:lnTo>
                  <a:lnTo>
                    <a:pt x="2822" y="1923"/>
                  </a:lnTo>
                  <a:lnTo>
                    <a:pt x="2862" y="1972"/>
                  </a:lnTo>
                  <a:lnTo>
                    <a:pt x="2898" y="2021"/>
                  </a:lnTo>
                  <a:lnTo>
                    <a:pt x="2930" y="2068"/>
                  </a:lnTo>
                  <a:lnTo>
                    <a:pt x="2958" y="2113"/>
                  </a:lnTo>
                  <a:lnTo>
                    <a:pt x="2980" y="2158"/>
                  </a:lnTo>
                  <a:lnTo>
                    <a:pt x="2999" y="2200"/>
                  </a:lnTo>
                  <a:lnTo>
                    <a:pt x="3013" y="2242"/>
                  </a:lnTo>
                  <a:lnTo>
                    <a:pt x="3022" y="2282"/>
                  </a:lnTo>
                  <a:lnTo>
                    <a:pt x="3027" y="2320"/>
                  </a:lnTo>
                  <a:lnTo>
                    <a:pt x="3027" y="2355"/>
                  </a:lnTo>
                  <a:lnTo>
                    <a:pt x="3022" y="2390"/>
                  </a:lnTo>
                  <a:lnTo>
                    <a:pt x="3012" y="2421"/>
                  </a:lnTo>
                  <a:lnTo>
                    <a:pt x="2996" y="2450"/>
                  </a:lnTo>
                  <a:lnTo>
                    <a:pt x="2974" y="2476"/>
                  </a:lnTo>
                  <a:lnTo>
                    <a:pt x="2949" y="2500"/>
                  </a:lnTo>
                  <a:lnTo>
                    <a:pt x="2919" y="2519"/>
                  </a:lnTo>
                  <a:lnTo>
                    <a:pt x="2884" y="2536"/>
                  </a:lnTo>
                  <a:lnTo>
                    <a:pt x="2845" y="2550"/>
                  </a:lnTo>
                  <a:lnTo>
                    <a:pt x="2803" y="2560"/>
                  </a:lnTo>
                  <a:lnTo>
                    <a:pt x="2756" y="2568"/>
                  </a:lnTo>
                  <a:lnTo>
                    <a:pt x="2705" y="2572"/>
                  </a:lnTo>
                  <a:lnTo>
                    <a:pt x="2651" y="2573"/>
                  </a:lnTo>
                  <a:lnTo>
                    <a:pt x="2593" y="2572"/>
                  </a:lnTo>
                  <a:lnTo>
                    <a:pt x="2530" y="2567"/>
                  </a:lnTo>
                  <a:lnTo>
                    <a:pt x="2465" y="2560"/>
                  </a:lnTo>
                  <a:lnTo>
                    <a:pt x="2397" y="2550"/>
                  </a:lnTo>
                  <a:lnTo>
                    <a:pt x="2326" y="2536"/>
                  </a:lnTo>
                  <a:lnTo>
                    <a:pt x="2253" y="2519"/>
                  </a:lnTo>
                  <a:lnTo>
                    <a:pt x="2177" y="2500"/>
                  </a:lnTo>
                  <a:lnTo>
                    <a:pt x="2099" y="2478"/>
                  </a:lnTo>
                  <a:lnTo>
                    <a:pt x="2018" y="2453"/>
                  </a:lnTo>
                  <a:lnTo>
                    <a:pt x="1998" y="2539"/>
                  </a:lnTo>
                  <a:lnTo>
                    <a:pt x="1977" y="2622"/>
                  </a:lnTo>
                  <a:lnTo>
                    <a:pt x="1952" y="2700"/>
                  </a:lnTo>
                  <a:lnTo>
                    <a:pt x="1927" y="2774"/>
                  </a:lnTo>
                  <a:lnTo>
                    <a:pt x="1899" y="2843"/>
                  </a:lnTo>
                  <a:lnTo>
                    <a:pt x="1870" y="2909"/>
                  </a:lnTo>
                  <a:lnTo>
                    <a:pt x="1839" y="2968"/>
                  </a:lnTo>
                  <a:lnTo>
                    <a:pt x="1808" y="3022"/>
                  </a:lnTo>
                  <a:lnTo>
                    <a:pt x="1775" y="3071"/>
                  </a:lnTo>
                  <a:lnTo>
                    <a:pt x="1741" y="3115"/>
                  </a:lnTo>
                  <a:lnTo>
                    <a:pt x="1705" y="3151"/>
                  </a:lnTo>
                  <a:lnTo>
                    <a:pt x="1668" y="3182"/>
                  </a:lnTo>
                  <a:lnTo>
                    <a:pt x="1631" y="3207"/>
                  </a:lnTo>
                  <a:lnTo>
                    <a:pt x="1592" y="3225"/>
                  </a:lnTo>
                  <a:lnTo>
                    <a:pt x="1554" y="3235"/>
                  </a:lnTo>
                  <a:lnTo>
                    <a:pt x="1513" y="3239"/>
                  </a:lnTo>
                  <a:lnTo>
                    <a:pt x="1474" y="3235"/>
                  </a:lnTo>
                  <a:lnTo>
                    <a:pt x="1435" y="3225"/>
                  </a:lnTo>
                  <a:lnTo>
                    <a:pt x="1397" y="3207"/>
                  </a:lnTo>
                  <a:lnTo>
                    <a:pt x="1359" y="3183"/>
                  </a:lnTo>
                  <a:lnTo>
                    <a:pt x="1323" y="3152"/>
                  </a:lnTo>
                  <a:lnTo>
                    <a:pt x="1288" y="3116"/>
                  </a:lnTo>
                  <a:lnTo>
                    <a:pt x="1253" y="3073"/>
                  </a:lnTo>
                  <a:lnTo>
                    <a:pt x="1221" y="3025"/>
                  </a:lnTo>
                  <a:lnTo>
                    <a:pt x="1189" y="2971"/>
                  </a:lnTo>
                  <a:lnTo>
                    <a:pt x="1159" y="2912"/>
                  </a:lnTo>
                  <a:lnTo>
                    <a:pt x="1130" y="2849"/>
                  </a:lnTo>
                  <a:lnTo>
                    <a:pt x="1103" y="2780"/>
                  </a:lnTo>
                  <a:lnTo>
                    <a:pt x="1077" y="2706"/>
                  </a:lnTo>
                  <a:lnTo>
                    <a:pt x="1053" y="2629"/>
                  </a:lnTo>
                  <a:lnTo>
                    <a:pt x="1031" y="2547"/>
                  </a:lnTo>
                  <a:lnTo>
                    <a:pt x="1010" y="2462"/>
                  </a:lnTo>
                  <a:lnTo>
                    <a:pt x="930" y="2488"/>
                  </a:lnTo>
                  <a:lnTo>
                    <a:pt x="851" y="2511"/>
                  </a:lnTo>
                  <a:lnTo>
                    <a:pt x="774" y="2532"/>
                  </a:lnTo>
                  <a:lnTo>
                    <a:pt x="700" y="2548"/>
                  </a:lnTo>
                  <a:lnTo>
                    <a:pt x="629" y="2563"/>
                  </a:lnTo>
                  <a:lnTo>
                    <a:pt x="560" y="2573"/>
                  </a:lnTo>
                  <a:lnTo>
                    <a:pt x="496" y="2582"/>
                  </a:lnTo>
                  <a:lnTo>
                    <a:pt x="433" y="2587"/>
                  </a:lnTo>
                  <a:lnTo>
                    <a:pt x="374" y="2588"/>
                  </a:lnTo>
                  <a:lnTo>
                    <a:pt x="322" y="2587"/>
                  </a:lnTo>
                  <a:lnTo>
                    <a:pt x="274" y="2583"/>
                  </a:lnTo>
                  <a:lnTo>
                    <a:pt x="229" y="2575"/>
                  </a:lnTo>
                  <a:lnTo>
                    <a:pt x="188" y="2565"/>
                  </a:lnTo>
                  <a:lnTo>
                    <a:pt x="151" y="2552"/>
                  </a:lnTo>
                  <a:lnTo>
                    <a:pt x="116" y="2536"/>
                  </a:lnTo>
                  <a:lnTo>
                    <a:pt x="87" y="2516"/>
                  </a:lnTo>
                  <a:lnTo>
                    <a:pt x="62" y="2493"/>
                  </a:lnTo>
                  <a:lnTo>
                    <a:pt x="42" y="2468"/>
                  </a:lnTo>
                  <a:lnTo>
                    <a:pt x="26" y="2439"/>
                  </a:lnTo>
                  <a:lnTo>
                    <a:pt x="16" y="2408"/>
                  </a:lnTo>
                  <a:lnTo>
                    <a:pt x="9" y="2374"/>
                  </a:lnTo>
                  <a:lnTo>
                    <a:pt x="8" y="2339"/>
                  </a:lnTo>
                  <a:lnTo>
                    <a:pt x="12" y="2301"/>
                  </a:lnTo>
                  <a:lnTo>
                    <a:pt x="22" y="2261"/>
                  </a:lnTo>
                  <a:lnTo>
                    <a:pt x="35" y="2219"/>
                  </a:lnTo>
                  <a:lnTo>
                    <a:pt x="53" y="2177"/>
                  </a:lnTo>
                  <a:lnTo>
                    <a:pt x="76" y="2132"/>
                  </a:lnTo>
                  <a:lnTo>
                    <a:pt x="103" y="2085"/>
                  </a:lnTo>
                  <a:lnTo>
                    <a:pt x="134" y="2037"/>
                  </a:lnTo>
                  <a:lnTo>
                    <a:pt x="169" y="1990"/>
                  </a:lnTo>
                  <a:lnTo>
                    <a:pt x="208" y="1940"/>
                  </a:lnTo>
                  <a:lnTo>
                    <a:pt x="251" y="1889"/>
                  </a:lnTo>
                  <a:lnTo>
                    <a:pt x="298" y="1837"/>
                  </a:lnTo>
                  <a:lnTo>
                    <a:pt x="349" y="1785"/>
                  </a:lnTo>
                  <a:lnTo>
                    <a:pt x="403" y="1733"/>
                  </a:lnTo>
                  <a:lnTo>
                    <a:pt x="460" y="1679"/>
                  </a:lnTo>
                  <a:lnTo>
                    <a:pt x="522" y="1626"/>
                  </a:lnTo>
                  <a:lnTo>
                    <a:pt x="459" y="1573"/>
                  </a:lnTo>
                  <a:lnTo>
                    <a:pt x="401" y="1521"/>
                  </a:lnTo>
                  <a:lnTo>
                    <a:pt x="347" y="1469"/>
                  </a:lnTo>
                  <a:lnTo>
                    <a:pt x="296" y="1417"/>
                  </a:lnTo>
                  <a:lnTo>
                    <a:pt x="248" y="1366"/>
                  </a:lnTo>
                  <a:lnTo>
                    <a:pt x="205" y="1316"/>
                  </a:lnTo>
                  <a:lnTo>
                    <a:pt x="164" y="1268"/>
                  </a:lnTo>
                  <a:lnTo>
                    <a:pt x="129" y="1219"/>
                  </a:lnTo>
                  <a:lnTo>
                    <a:pt x="98" y="1172"/>
                  </a:lnTo>
                  <a:lnTo>
                    <a:pt x="70" y="1126"/>
                  </a:lnTo>
                  <a:lnTo>
                    <a:pt x="47" y="1082"/>
                  </a:lnTo>
                  <a:lnTo>
                    <a:pt x="28" y="1039"/>
                  </a:lnTo>
                  <a:lnTo>
                    <a:pt x="14" y="998"/>
                  </a:lnTo>
                  <a:lnTo>
                    <a:pt x="4" y="958"/>
                  </a:lnTo>
                  <a:lnTo>
                    <a:pt x="0" y="921"/>
                  </a:lnTo>
                  <a:lnTo>
                    <a:pt x="0" y="884"/>
                  </a:lnTo>
                  <a:lnTo>
                    <a:pt x="5" y="851"/>
                  </a:lnTo>
                  <a:lnTo>
                    <a:pt x="16" y="819"/>
                  </a:lnTo>
                  <a:lnTo>
                    <a:pt x="31" y="790"/>
                  </a:lnTo>
                  <a:lnTo>
                    <a:pt x="52" y="764"/>
                  </a:lnTo>
                  <a:lnTo>
                    <a:pt x="78" y="741"/>
                  </a:lnTo>
                  <a:lnTo>
                    <a:pt x="108" y="720"/>
                  </a:lnTo>
                  <a:lnTo>
                    <a:pt x="142" y="704"/>
                  </a:lnTo>
                  <a:lnTo>
                    <a:pt x="182" y="690"/>
                  </a:lnTo>
                  <a:lnTo>
                    <a:pt x="224" y="680"/>
                  </a:lnTo>
                  <a:lnTo>
                    <a:pt x="271" y="671"/>
                  </a:lnTo>
                  <a:lnTo>
                    <a:pt x="321" y="667"/>
                  </a:lnTo>
                  <a:lnTo>
                    <a:pt x="375" y="666"/>
                  </a:lnTo>
                  <a:lnTo>
                    <a:pt x="434" y="667"/>
                  </a:lnTo>
                  <a:lnTo>
                    <a:pt x="496" y="672"/>
                  </a:lnTo>
                  <a:lnTo>
                    <a:pt x="561" y="680"/>
                  </a:lnTo>
                  <a:lnTo>
                    <a:pt x="630" y="690"/>
                  </a:lnTo>
                  <a:lnTo>
                    <a:pt x="700" y="704"/>
                  </a:lnTo>
                  <a:lnTo>
                    <a:pt x="774" y="720"/>
                  </a:lnTo>
                  <a:lnTo>
                    <a:pt x="850" y="740"/>
                  </a:lnTo>
                  <a:lnTo>
                    <a:pt x="928" y="763"/>
                  </a:lnTo>
                  <a:lnTo>
                    <a:pt x="1008" y="788"/>
                  </a:lnTo>
                  <a:lnTo>
                    <a:pt x="1029" y="700"/>
                  </a:lnTo>
                  <a:lnTo>
                    <a:pt x="1051" y="618"/>
                  </a:lnTo>
                  <a:lnTo>
                    <a:pt x="1075" y="539"/>
                  </a:lnTo>
                  <a:lnTo>
                    <a:pt x="1101" y="466"/>
                  </a:lnTo>
                  <a:lnTo>
                    <a:pt x="1128" y="396"/>
                  </a:lnTo>
                  <a:lnTo>
                    <a:pt x="1157" y="332"/>
                  </a:lnTo>
                  <a:lnTo>
                    <a:pt x="1187" y="271"/>
                  </a:lnTo>
                  <a:lnTo>
                    <a:pt x="1219" y="217"/>
                  </a:lnTo>
                  <a:lnTo>
                    <a:pt x="1252" y="169"/>
                  </a:lnTo>
                  <a:lnTo>
                    <a:pt x="1287" y="125"/>
                  </a:lnTo>
                  <a:lnTo>
                    <a:pt x="1322" y="89"/>
                  </a:lnTo>
                  <a:lnTo>
                    <a:pt x="1358" y="57"/>
                  </a:lnTo>
                  <a:lnTo>
                    <a:pt x="1396" y="33"/>
                  </a:lnTo>
                  <a:lnTo>
                    <a:pt x="1434" y="15"/>
                  </a:lnTo>
                  <a:lnTo>
                    <a:pt x="1474" y="4"/>
                  </a:lnTo>
                  <a:lnTo>
                    <a:pt x="151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32" name="Freeform 18"/>
            <p:cNvSpPr>
              <a:spLocks/>
            </p:cNvSpPr>
            <p:nvPr/>
          </p:nvSpPr>
          <p:spPr bwMode="auto">
            <a:xfrm>
              <a:off x="3111" y="2725"/>
              <a:ext cx="105" cy="105"/>
            </a:xfrm>
            <a:custGeom>
              <a:avLst/>
              <a:gdLst>
                <a:gd name="T0" fmla="*/ 210 w 421"/>
                <a:gd name="T1" fmla="*/ 0 h 420"/>
                <a:gd name="T2" fmla="*/ 244 w 421"/>
                <a:gd name="T3" fmla="*/ 4 h 420"/>
                <a:gd name="T4" fmla="*/ 277 w 421"/>
                <a:gd name="T5" fmla="*/ 11 h 420"/>
                <a:gd name="T6" fmla="*/ 307 w 421"/>
                <a:gd name="T7" fmla="*/ 23 h 420"/>
                <a:gd name="T8" fmla="*/ 335 w 421"/>
                <a:gd name="T9" fmla="*/ 41 h 420"/>
                <a:gd name="T10" fmla="*/ 360 w 421"/>
                <a:gd name="T11" fmla="*/ 62 h 420"/>
                <a:gd name="T12" fmla="*/ 381 w 421"/>
                <a:gd name="T13" fmla="*/ 87 h 420"/>
                <a:gd name="T14" fmla="*/ 397 w 421"/>
                <a:gd name="T15" fmla="*/ 114 h 420"/>
                <a:gd name="T16" fmla="*/ 411 w 421"/>
                <a:gd name="T17" fmla="*/ 144 h 420"/>
                <a:gd name="T18" fmla="*/ 418 w 421"/>
                <a:gd name="T19" fmla="*/ 176 h 420"/>
                <a:gd name="T20" fmla="*/ 421 w 421"/>
                <a:gd name="T21" fmla="*/ 210 h 420"/>
                <a:gd name="T22" fmla="*/ 418 w 421"/>
                <a:gd name="T23" fmla="*/ 245 h 420"/>
                <a:gd name="T24" fmla="*/ 411 w 421"/>
                <a:gd name="T25" fmla="*/ 277 h 420"/>
                <a:gd name="T26" fmla="*/ 397 w 421"/>
                <a:gd name="T27" fmla="*/ 307 h 420"/>
                <a:gd name="T28" fmla="*/ 381 w 421"/>
                <a:gd name="T29" fmla="*/ 334 h 420"/>
                <a:gd name="T30" fmla="*/ 360 w 421"/>
                <a:gd name="T31" fmla="*/ 359 h 420"/>
                <a:gd name="T32" fmla="*/ 335 w 421"/>
                <a:gd name="T33" fmla="*/ 380 h 420"/>
                <a:gd name="T34" fmla="*/ 307 w 421"/>
                <a:gd name="T35" fmla="*/ 397 h 420"/>
                <a:gd name="T36" fmla="*/ 277 w 421"/>
                <a:gd name="T37" fmla="*/ 410 h 420"/>
                <a:gd name="T38" fmla="*/ 244 w 421"/>
                <a:gd name="T39" fmla="*/ 418 h 420"/>
                <a:gd name="T40" fmla="*/ 210 w 421"/>
                <a:gd name="T41" fmla="*/ 420 h 420"/>
                <a:gd name="T42" fmla="*/ 177 w 421"/>
                <a:gd name="T43" fmla="*/ 418 h 420"/>
                <a:gd name="T44" fmla="*/ 145 w 421"/>
                <a:gd name="T45" fmla="*/ 410 h 420"/>
                <a:gd name="T46" fmla="*/ 113 w 421"/>
                <a:gd name="T47" fmla="*/ 397 h 420"/>
                <a:gd name="T48" fmla="*/ 86 w 421"/>
                <a:gd name="T49" fmla="*/ 380 h 420"/>
                <a:gd name="T50" fmla="*/ 61 w 421"/>
                <a:gd name="T51" fmla="*/ 359 h 420"/>
                <a:gd name="T52" fmla="*/ 41 w 421"/>
                <a:gd name="T53" fmla="*/ 334 h 420"/>
                <a:gd name="T54" fmla="*/ 24 w 421"/>
                <a:gd name="T55" fmla="*/ 307 h 420"/>
                <a:gd name="T56" fmla="*/ 11 w 421"/>
                <a:gd name="T57" fmla="*/ 277 h 420"/>
                <a:gd name="T58" fmla="*/ 3 w 421"/>
                <a:gd name="T59" fmla="*/ 245 h 420"/>
                <a:gd name="T60" fmla="*/ 0 w 421"/>
                <a:gd name="T61" fmla="*/ 210 h 420"/>
                <a:gd name="T62" fmla="*/ 3 w 421"/>
                <a:gd name="T63" fmla="*/ 176 h 420"/>
                <a:gd name="T64" fmla="*/ 11 w 421"/>
                <a:gd name="T65" fmla="*/ 144 h 420"/>
                <a:gd name="T66" fmla="*/ 24 w 421"/>
                <a:gd name="T67" fmla="*/ 114 h 420"/>
                <a:gd name="T68" fmla="*/ 41 w 421"/>
                <a:gd name="T69" fmla="*/ 87 h 420"/>
                <a:gd name="T70" fmla="*/ 61 w 421"/>
                <a:gd name="T71" fmla="*/ 62 h 420"/>
                <a:gd name="T72" fmla="*/ 86 w 421"/>
                <a:gd name="T73" fmla="*/ 41 h 420"/>
                <a:gd name="T74" fmla="*/ 113 w 421"/>
                <a:gd name="T75" fmla="*/ 23 h 420"/>
                <a:gd name="T76" fmla="*/ 145 w 421"/>
                <a:gd name="T77" fmla="*/ 11 h 420"/>
                <a:gd name="T78" fmla="*/ 177 w 421"/>
                <a:gd name="T79" fmla="*/ 4 h 420"/>
                <a:gd name="T80" fmla="*/ 210 w 421"/>
                <a:gd name="T81" fmla="*/ 0 h 4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21" h="420">
                  <a:moveTo>
                    <a:pt x="210" y="0"/>
                  </a:moveTo>
                  <a:lnTo>
                    <a:pt x="244" y="4"/>
                  </a:lnTo>
                  <a:lnTo>
                    <a:pt x="277" y="11"/>
                  </a:lnTo>
                  <a:lnTo>
                    <a:pt x="307" y="23"/>
                  </a:lnTo>
                  <a:lnTo>
                    <a:pt x="335" y="41"/>
                  </a:lnTo>
                  <a:lnTo>
                    <a:pt x="360" y="62"/>
                  </a:lnTo>
                  <a:lnTo>
                    <a:pt x="381" y="87"/>
                  </a:lnTo>
                  <a:lnTo>
                    <a:pt x="397" y="114"/>
                  </a:lnTo>
                  <a:lnTo>
                    <a:pt x="411" y="144"/>
                  </a:lnTo>
                  <a:lnTo>
                    <a:pt x="418" y="176"/>
                  </a:lnTo>
                  <a:lnTo>
                    <a:pt x="421" y="210"/>
                  </a:lnTo>
                  <a:lnTo>
                    <a:pt x="418" y="245"/>
                  </a:lnTo>
                  <a:lnTo>
                    <a:pt x="411" y="277"/>
                  </a:lnTo>
                  <a:lnTo>
                    <a:pt x="397" y="307"/>
                  </a:lnTo>
                  <a:lnTo>
                    <a:pt x="381" y="334"/>
                  </a:lnTo>
                  <a:lnTo>
                    <a:pt x="360" y="359"/>
                  </a:lnTo>
                  <a:lnTo>
                    <a:pt x="335" y="380"/>
                  </a:lnTo>
                  <a:lnTo>
                    <a:pt x="307" y="397"/>
                  </a:lnTo>
                  <a:lnTo>
                    <a:pt x="277" y="410"/>
                  </a:lnTo>
                  <a:lnTo>
                    <a:pt x="244" y="418"/>
                  </a:lnTo>
                  <a:lnTo>
                    <a:pt x="210" y="420"/>
                  </a:lnTo>
                  <a:lnTo>
                    <a:pt x="177" y="418"/>
                  </a:lnTo>
                  <a:lnTo>
                    <a:pt x="145" y="410"/>
                  </a:lnTo>
                  <a:lnTo>
                    <a:pt x="113" y="397"/>
                  </a:lnTo>
                  <a:lnTo>
                    <a:pt x="86" y="380"/>
                  </a:lnTo>
                  <a:lnTo>
                    <a:pt x="61" y="359"/>
                  </a:lnTo>
                  <a:lnTo>
                    <a:pt x="41" y="334"/>
                  </a:lnTo>
                  <a:lnTo>
                    <a:pt x="24" y="307"/>
                  </a:lnTo>
                  <a:lnTo>
                    <a:pt x="11" y="277"/>
                  </a:lnTo>
                  <a:lnTo>
                    <a:pt x="3" y="245"/>
                  </a:lnTo>
                  <a:lnTo>
                    <a:pt x="0" y="210"/>
                  </a:lnTo>
                  <a:lnTo>
                    <a:pt x="3" y="176"/>
                  </a:lnTo>
                  <a:lnTo>
                    <a:pt x="11" y="144"/>
                  </a:lnTo>
                  <a:lnTo>
                    <a:pt x="24" y="114"/>
                  </a:lnTo>
                  <a:lnTo>
                    <a:pt x="41" y="87"/>
                  </a:lnTo>
                  <a:lnTo>
                    <a:pt x="61" y="62"/>
                  </a:lnTo>
                  <a:lnTo>
                    <a:pt x="86" y="41"/>
                  </a:lnTo>
                  <a:lnTo>
                    <a:pt x="113" y="23"/>
                  </a:lnTo>
                  <a:lnTo>
                    <a:pt x="145" y="11"/>
                  </a:lnTo>
                  <a:lnTo>
                    <a:pt x="177" y="4"/>
                  </a:lnTo>
                  <a:lnTo>
                    <a:pt x="21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grpSp>
        <p:nvGrpSpPr>
          <p:cNvPr id="34" name="Group 21"/>
          <p:cNvGrpSpPr>
            <a:grpSpLocks noChangeAspect="1"/>
          </p:cNvGrpSpPr>
          <p:nvPr/>
        </p:nvGrpSpPr>
        <p:grpSpPr bwMode="auto">
          <a:xfrm>
            <a:off x="6564654" y="3990917"/>
            <a:ext cx="915988" cy="915988"/>
            <a:chOff x="4082" y="2554"/>
            <a:chExt cx="577" cy="577"/>
          </a:xfrm>
          <a:solidFill>
            <a:schemeClr val="bg1"/>
          </a:solidFill>
        </p:grpSpPr>
        <p:sp>
          <p:nvSpPr>
            <p:cNvPr id="37" name="Freeform 23"/>
            <p:cNvSpPr>
              <a:spLocks noEditPoints="1"/>
            </p:cNvSpPr>
            <p:nvPr/>
          </p:nvSpPr>
          <p:spPr bwMode="auto">
            <a:xfrm>
              <a:off x="4310" y="2591"/>
              <a:ext cx="284" cy="289"/>
            </a:xfrm>
            <a:custGeom>
              <a:avLst/>
              <a:gdLst>
                <a:gd name="T0" fmla="*/ 936 w 1705"/>
                <a:gd name="T1" fmla="*/ 308 h 1731"/>
                <a:gd name="T2" fmla="*/ 922 w 1705"/>
                <a:gd name="T3" fmla="*/ 311 h 1731"/>
                <a:gd name="T4" fmla="*/ 907 w 1705"/>
                <a:gd name="T5" fmla="*/ 318 h 1731"/>
                <a:gd name="T6" fmla="*/ 896 w 1705"/>
                <a:gd name="T7" fmla="*/ 328 h 1731"/>
                <a:gd name="T8" fmla="*/ 375 w 1705"/>
                <a:gd name="T9" fmla="*/ 912 h 1731"/>
                <a:gd name="T10" fmla="*/ 366 w 1705"/>
                <a:gd name="T11" fmla="*/ 926 h 1731"/>
                <a:gd name="T12" fmla="*/ 361 w 1705"/>
                <a:gd name="T13" fmla="*/ 940 h 1731"/>
                <a:gd name="T14" fmla="*/ 360 w 1705"/>
                <a:gd name="T15" fmla="*/ 956 h 1731"/>
                <a:gd name="T16" fmla="*/ 363 w 1705"/>
                <a:gd name="T17" fmla="*/ 970 h 1731"/>
                <a:gd name="T18" fmla="*/ 370 w 1705"/>
                <a:gd name="T19" fmla="*/ 985 h 1731"/>
                <a:gd name="T20" fmla="*/ 380 w 1705"/>
                <a:gd name="T21" fmla="*/ 997 h 1731"/>
                <a:gd name="T22" fmla="*/ 419 w 1705"/>
                <a:gd name="T23" fmla="*/ 1030 h 1731"/>
                <a:gd name="T24" fmla="*/ 432 w 1705"/>
                <a:gd name="T25" fmla="*/ 1039 h 1731"/>
                <a:gd name="T26" fmla="*/ 447 w 1705"/>
                <a:gd name="T27" fmla="*/ 1044 h 1731"/>
                <a:gd name="T28" fmla="*/ 463 w 1705"/>
                <a:gd name="T29" fmla="*/ 1046 h 1731"/>
                <a:gd name="T30" fmla="*/ 478 w 1705"/>
                <a:gd name="T31" fmla="*/ 1042 h 1731"/>
                <a:gd name="T32" fmla="*/ 492 w 1705"/>
                <a:gd name="T33" fmla="*/ 1036 h 1731"/>
                <a:gd name="T34" fmla="*/ 504 w 1705"/>
                <a:gd name="T35" fmla="*/ 1026 h 1731"/>
                <a:gd name="T36" fmla="*/ 1025 w 1705"/>
                <a:gd name="T37" fmla="*/ 441 h 1731"/>
                <a:gd name="T38" fmla="*/ 1034 w 1705"/>
                <a:gd name="T39" fmla="*/ 428 h 1731"/>
                <a:gd name="T40" fmla="*/ 1038 w 1705"/>
                <a:gd name="T41" fmla="*/ 413 h 1731"/>
                <a:gd name="T42" fmla="*/ 1039 w 1705"/>
                <a:gd name="T43" fmla="*/ 398 h 1731"/>
                <a:gd name="T44" fmla="*/ 1036 w 1705"/>
                <a:gd name="T45" fmla="*/ 382 h 1731"/>
                <a:gd name="T46" fmla="*/ 1029 w 1705"/>
                <a:gd name="T47" fmla="*/ 369 h 1731"/>
                <a:gd name="T48" fmla="*/ 1019 w 1705"/>
                <a:gd name="T49" fmla="*/ 357 h 1731"/>
                <a:gd name="T50" fmla="*/ 980 w 1705"/>
                <a:gd name="T51" fmla="*/ 322 h 1731"/>
                <a:gd name="T52" fmla="*/ 968 w 1705"/>
                <a:gd name="T53" fmla="*/ 315 h 1731"/>
                <a:gd name="T54" fmla="*/ 953 w 1705"/>
                <a:gd name="T55" fmla="*/ 309 h 1731"/>
                <a:gd name="T56" fmla="*/ 936 w 1705"/>
                <a:gd name="T57" fmla="*/ 308 h 1731"/>
                <a:gd name="T58" fmla="*/ 981 w 1705"/>
                <a:gd name="T59" fmla="*/ 0 h 1731"/>
                <a:gd name="T60" fmla="*/ 1705 w 1705"/>
                <a:gd name="T61" fmla="*/ 632 h 1731"/>
                <a:gd name="T62" fmla="*/ 724 w 1705"/>
                <a:gd name="T63" fmla="*/ 1731 h 1731"/>
                <a:gd name="T64" fmla="*/ 0 w 1705"/>
                <a:gd name="T65" fmla="*/ 1100 h 1731"/>
                <a:gd name="T66" fmla="*/ 981 w 1705"/>
                <a:gd name="T67" fmla="*/ 0 h 17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705" h="1731">
                  <a:moveTo>
                    <a:pt x="936" y="308"/>
                  </a:moveTo>
                  <a:lnTo>
                    <a:pt x="922" y="311"/>
                  </a:lnTo>
                  <a:lnTo>
                    <a:pt x="907" y="318"/>
                  </a:lnTo>
                  <a:lnTo>
                    <a:pt x="896" y="328"/>
                  </a:lnTo>
                  <a:lnTo>
                    <a:pt x="375" y="912"/>
                  </a:lnTo>
                  <a:lnTo>
                    <a:pt x="366" y="926"/>
                  </a:lnTo>
                  <a:lnTo>
                    <a:pt x="361" y="940"/>
                  </a:lnTo>
                  <a:lnTo>
                    <a:pt x="360" y="956"/>
                  </a:lnTo>
                  <a:lnTo>
                    <a:pt x="363" y="970"/>
                  </a:lnTo>
                  <a:lnTo>
                    <a:pt x="370" y="985"/>
                  </a:lnTo>
                  <a:lnTo>
                    <a:pt x="380" y="997"/>
                  </a:lnTo>
                  <a:lnTo>
                    <a:pt x="419" y="1030"/>
                  </a:lnTo>
                  <a:lnTo>
                    <a:pt x="432" y="1039"/>
                  </a:lnTo>
                  <a:lnTo>
                    <a:pt x="447" y="1044"/>
                  </a:lnTo>
                  <a:lnTo>
                    <a:pt x="463" y="1046"/>
                  </a:lnTo>
                  <a:lnTo>
                    <a:pt x="478" y="1042"/>
                  </a:lnTo>
                  <a:lnTo>
                    <a:pt x="492" y="1036"/>
                  </a:lnTo>
                  <a:lnTo>
                    <a:pt x="504" y="1026"/>
                  </a:lnTo>
                  <a:lnTo>
                    <a:pt x="1025" y="441"/>
                  </a:lnTo>
                  <a:lnTo>
                    <a:pt x="1034" y="428"/>
                  </a:lnTo>
                  <a:lnTo>
                    <a:pt x="1038" y="413"/>
                  </a:lnTo>
                  <a:lnTo>
                    <a:pt x="1039" y="398"/>
                  </a:lnTo>
                  <a:lnTo>
                    <a:pt x="1036" y="382"/>
                  </a:lnTo>
                  <a:lnTo>
                    <a:pt x="1029" y="369"/>
                  </a:lnTo>
                  <a:lnTo>
                    <a:pt x="1019" y="357"/>
                  </a:lnTo>
                  <a:lnTo>
                    <a:pt x="980" y="322"/>
                  </a:lnTo>
                  <a:lnTo>
                    <a:pt x="968" y="315"/>
                  </a:lnTo>
                  <a:lnTo>
                    <a:pt x="953" y="309"/>
                  </a:lnTo>
                  <a:lnTo>
                    <a:pt x="936" y="308"/>
                  </a:lnTo>
                  <a:close/>
                  <a:moveTo>
                    <a:pt x="981" y="0"/>
                  </a:moveTo>
                  <a:lnTo>
                    <a:pt x="1705" y="632"/>
                  </a:lnTo>
                  <a:lnTo>
                    <a:pt x="724" y="1731"/>
                  </a:lnTo>
                  <a:lnTo>
                    <a:pt x="0" y="1100"/>
                  </a:lnTo>
                  <a:lnTo>
                    <a:pt x="98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38" name="Freeform 24"/>
            <p:cNvSpPr>
              <a:spLocks noEditPoints="1"/>
            </p:cNvSpPr>
            <p:nvPr/>
          </p:nvSpPr>
          <p:spPr bwMode="auto">
            <a:xfrm>
              <a:off x="4082" y="2994"/>
              <a:ext cx="136" cy="137"/>
            </a:xfrm>
            <a:custGeom>
              <a:avLst/>
              <a:gdLst>
                <a:gd name="T0" fmla="*/ 268 w 816"/>
                <a:gd name="T1" fmla="*/ 241 h 825"/>
                <a:gd name="T2" fmla="*/ 180 w 816"/>
                <a:gd name="T3" fmla="*/ 562 h 825"/>
                <a:gd name="T4" fmla="*/ 179 w 816"/>
                <a:gd name="T5" fmla="*/ 577 h 825"/>
                <a:gd name="T6" fmla="*/ 181 w 816"/>
                <a:gd name="T7" fmla="*/ 592 h 825"/>
                <a:gd name="T8" fmla="*/ 187 w 816"/>
                <a:gd name="T9" fmla="*/ 605 h 825"/>
                <a:gd name="T10" fmla="*/ 197 w 816"/>
                <a:gd name="T11" fmla="*/ 616 h 825"/>
                <a:gd name="T12" fmla="*/ 210 w 816"/>
                <a:gd name="T13" fmla="*/ 624 h 825"/>
                <a:gd name="T14" fmla="*/ 224 w 816"/>
                <a:gd name="T15" fmla="*/ 629 h 825"/>
                <a:gd name="T16" fmla="*/ 238 w 816"/>
                <a:gd name="T17" fmla="*/ 629 h 825"/>
                <a:gd name="T18" fmla="*/ 253 w 816"/>
                <a:gd name="T19" fmla="*/ 625 h 825"/>
                <a:gd name="T20" fmla="*/ 564 w 816"/>
                <a:gd name="T21" fmla="*/ 501 h 825"/>
                <a:gd name="T22" fmla="*/ 268 w 816"/>
                <a:gd name="T23" fmla="*/ 241 h 825"/>
                <a:gd name="T24" fmla="*/ 193 w 816"/>
                <a:gd name="T25" fmla="*/ 0 h 825"/>
                <a:gd name="T26" fmla="*/ 816 w 816"/>
                <a:gd name="T27" fmla="*/ 543 h 825"/>
                <a:gd name="T28" fmla="*/ 134 w 816"/>
                <a:gd name="T29" fmla="*/ 817 h 825"/>
                <a:gd name="T30" fmla="*/ 113 w 816"/>
                <a:gd name="T31" fmla="*/ 824 h 825"/>
                <a:gd name="T32" fmla="*/ 92 w 816"/>
                <a:gd name="T33" fmla="*/ 825 h 825"/>
                <a:gd name="T34" fmla="*/ 70 w 816"/>
                <a:gd name="T35" fmla="*/ 820 h 825"/>
                <a:gd name="T36" fmla="*/ 51 w 816"/>
                <a:gd name="T37" fmla="*/ 812 h 825"/>
                <a:gd name="T38" fmla="*/ 33 w 816"/>
                <a:gd name="T39" fmla="*/ 800 h 825"/>
                <a:gd name="T40" fmla="*/ 19 w 816"/>
                <a:gd name="T41" fmla="*/ 785 h 825"/>
                <a:gd name="T42" fmla="*/ 8 w 816"/>
                <a:gd name="T43" fmla="*/ 766 h 825"/>
                <a:gd name="T44" fmla="*/ 2 w 816"/>
                <a:gd name="T45" fmla="*/ 746 h 825"/>
                <a:gd name="T46" fmla="*/ 0 w 816"/>
                <a:gd name="T47" fmla="*/ 725 h 825"/>
                <a:gd name="T48" fmla="*/ 0 w 816"/>
                <a:gd name="T49" fmla="*/ 724 h 825"/>
                <a:gd name="T50" fmla="*/ 3 w 816"/>
                <a:gd name="T51" fmla="*/ 703 h 825"/>
                <a:gd name="T52" fmla="*/ 193 w 816"/>
                <a:gd name="T53" fmla="*/ 0 h 8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16" h="825">
                  <a:moveTo>
                    <a:pt x="268" y="241"/>
                  </a:moveTo>
                  <a:lnTo>
                    <a:pt x="180" y="562"/>
                  </a:lnTo>
                  <a:lnTo>
                    <a:pt x="179" y="577"/>
                  </a:lnTo>
                  <a:lnTo>
                    <a:pt x="181" y="592"/>
                  </a:lnTo>
                  <a:lnTo>
                    <a:pt x="187" y="605"/>
                  </a:lnTo>
                  <a:lnTo>
                    <a:pt x="197" y="616"/>
                  </a:lnTo>
                  <a:lnTo>
                    <a:pt x="210" y="624"/>
                  </a:lnTo>
                  <a:lnTo>
                    <a:pt x="224" y="629"/>
                  </a:lnTo>
                  <a:lnTo>
                    <a:pt x="238" y="629"/>
                  </a:lnTo>
                  <a:lnTo>
                    <a:pt x="253" y="625"/>
                  </a:lnTo>
                  <a:lnTo>
                    <a:pt x="564" y="501"/>
                  </a:lnTo>
                  <a:lnTo>
                    <a:pt x="268" y="241"/>
                  </a:lnTo>
                  <a:close/>
                  <a:moveTo>
                    <a:pt x="193" y="0"/>
                  </a:moveTo>
                  <a:lnTo>
                    <a:pt x="816" y="543"/>
                  </a:lnTo>
                  <a:lnTo>
                    <a:pt x="134" y="817"/>
                  </a:lnTo>
                  <a:lnTo>
                    <a:pt x="113" y="824"/>
                  </a:lnTo>
                  <a:lnTo>
                    <a:pt x="92" y="825"/>
                  </a:lnTo>
                  <a:lnTo>
                    <a:pt x="70" y="820"/>
                  </a:lnTo>
                  <a:lnTo>
                    <a:pt x="51" y="812"/>
                  </a:lnTo>
                  <a:lnTo>
                    <a:pt x="33" y="800"/>
                  </a:lnTo>
                  <a:lnTo>
                    <a:pt x="19" y="785"/>
                  </a:lnTo>
                  <a:lnTo>
                    <a:pt x="8" y="766"/>
                  </a:lnTo>
                  <a:lnTo>
                    <a:pt x="2" y="746"/>
                  </a:lnTo>
                  <a:lnTo>
                    <a:pt x="0" y="725"/>
                  </a:lnTo>
                  <a:lnTo>
                    <a:pt x="0" y="724"/>
                  </a:lnTo>
                  <a:lnTo>
                    <a:pt x="3" y="703"/>
                  </a:lnTo>
                  <a:lnTo>
                    <a:pt x="19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39" name="Freeform 25"/>
            <p:cNvSpPr>
              <a:spLocks noEditPoints="1"/>
            </p:cNvSpPr>
            <p:nvPr/>
          </p:nvSpPr>
          <p:spPr bwMode="auto">
            <a:xfrm>
              <a:off x="4132" y="2791"/>
              <a:ext cx="263" cy="271"/>
            </a:xfrm>
            <a:custGeom>
              <a:avLst/>
              <a:gdLst>
                <a:gd name="T0" fmla="*/ 968 w 1581"/>
                <a:gd name="T1" fmla="*/ 294 h 1626"/>
                <a:gd name="T2" fmla="*/ 952 w 1581"/>
                <a:gd name="T3" fmla="*/ 297 h 1626"/>
                <a:gd name="T4" fmla="*/ 938 w 1581"/>
                <a:gd name="T5" fmla="*/ 304 h 1626"/>
                <a:gd name="T6" fmla="*/ 926 w 1581"/>
                <a:gd name="T7" fmla="*/ 314 h 1626"/>
                <a:gd name="T8" fmla="*/ 316 w 1581"/>
                <a:gd name="T9" fmla="*/ 999 h 1626"/>
                <a:gd name="T10" fmla="*/ 307 w 1581"/>
                <a:gd name="T11" fmla="*/ 1011 h 1626"/>
                <a:gd name="T12" fmla="*/ 302 w 1581"/>
                <a:gd name="T13" fmla="*/ 1027 h 1626"/>
                <a:gd name="T14" fmla="*/ 301 w 1581"/>
                <a:gd name="T15" fmla="*/ 1042 h 1626"/>
                <a:gd name="T16" fmla="*/ 305 w 1581"/>
                <a:gd name="T17" fmla="*/ 1057 h 1626"/>
                <a:gd name="T18" fmla="*/ 311 w 1581"/>
                <a:gd name="T19" fmla="*/ 1071 h 1626"/>
                <a:gd name="T20" fmla="*/ 321 w 1581"/>
                <a:gd name="T21" fmla="*/ 1082 h 1626"/>
                <a:gd name="T22" fmla="*/ 361 w 1581"/>
                <a:gd name="T23" fmla="*/ 1117 h 1626"/>
                <a:gd name="T24" fmla="*/ 374 w 1581"/>
                <a:gd name="T25" fmla="*/ 1125 h 1626"/>
                <a:gd name="T26" fmla="*/ 389 w 1581"/>
                <a:gd name="T27" fmla="*/ 1130 h 1626"/>
                <a:gd name="T28" fmla="*/ 403 w 1581"/>
                <a:gd name="T29" fmla="*/ 1131 h 1626"/>
                <a:gd name="T30" fmla="*/ 419 w 1581"/>
                <a:gd name="T31" fmla="*/ 1129 h 1626"/>
                <a:gd name="T32" fmla="*/ 432 w 1581"/>
                <a:gd name="T33" fmla="*/ 1122 h 1626"/>
                <a:gd name="T34" fmla="*/ 445 w 1581"/>
                <a:gd name="T35" fmla="*/ 1111 h 1626"/>
                <a:gd name="T36" fmla="*/ 1055 w 1581"/>
                <a:gd name="T37" fmla="*/ 427 h 1626"/>
                <a:gd name="T38" fmla="*/ 1064 w 1581"/>
                <a:gd name="T39" fmla="*/ 413 h 1626"/>
                <a:gd name="T40" fmla="*/ 1068 w 1581"/>
                <a:gd name="T41" fmla="*/ 399 h 1626"/>
                <a:gd name="T42" fmla="*/ 1069 w 1581"/>
                <a:gd name="T43" fmla="*/ 383 h 1626"/>
                <a:gd name="T44" fmla="*/ 1067 w 1581"/>
                <a:gd name="T45" fmla="*/ 368 h 1626"/>
                <a:gd name="T46" fmla="*/ 1060 w 1581"/>
                <a:gd name="T47" fmla="*/ 355 h 1626"/>
                <a:gd name="T48" fmla="*/ 1050 w 1581"/>
                <a:gd name="T49" fmla="*/ 342 h 1626"/>
                <a:gd name="T50" fmla="*/ 1011 w 1581"/>
                <a:gd name="T51" fmla="*/ 308 h 1626"/>
                <a:gd name="T52" fmla="*/ 998 w 1581"/>
                <a:gd name="T53" fmla="*/ 299 h 1626"/>
                <a:gd name="T54" fmla="*/ 983 w 1581"/>
                <a:gd name="T55" fmla="*/ 295 h 1626"/>
                <a:gd name="T56" fmla="*/ 968 w 1581"/>
                <a:gd name="T57" fmla="*/ 294 h 1626"/>
                <a:gd name="T58" fmla="*/ 979 w 1581"/>
                <a:gd name="T59" fmla="*/ 0 h 1626"/>
                <a:gd name="T60" fmla="*/ 1581 w 1581"/>
                <a:gd name="T61" fmla="*/ 527 h 1626"/>
                <a:gd name="T62" fmla="*/ 602 w 1581"/>
                <a:gd name="T63" fmla="*/ 1626 h 1626"/>
                <a:gd name="T64" fmla="*/ 0 w 1581"/>
                <a:gd name="T65" fmla="*/ 1099 h 1626"/>
                <a:gd name="T66" fmla="*/ 979 w 1581"/>
                <a:gd name="T67" fmla="*/ 0 h 16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581" h="1626">
                  <a:moveTo>
                    <a:pt x="968" y="294"/>
                  </a:moveTo>
                  <a:lnTo>
                    <a:pt x="952" y="297"/>
                  </a:lnTo>
                  <a:lnTo>
                    <a:pt x="938" y="304"/>
                  </a:lnTo>
                  <a:lnTo>
                    <a:pt x="926" y="314"/>
                  </a:lnTo>
                  <a:lnTo>
                    <a:pt x="316" y="999"/>
                  </a:lnTo>
                  <a:lnTo>
                    <a:pt x="307" y="1011"/>
                  </a:lnTo>
                  <a:lnTo>
                    <a:pt x="302" y="1027"/>
                  </a:lnTo>
                  <a:lnTo>
                    <a:pt x="301" y="1042"/>
                  </a:lnTo>
                  <a:lnTo>
                    <a:pt x="305" y="1057"/>
                  </a:lnTo>
                  <a:lnTo>
                    <a:pt x="311" y="1071"/>
                  </a:lnTo>
                  <a:lnTo>
                    <a:pt x="321" y="1082"/>
                  </a:lnTo>
                  <a:lnTo>
                    <a:pt x="361" y="1117"/>
                  </a:lnTo>
                  <a:lnTo>
                    <a:pt x="374" y="1125"/>
                  </a:lnTo>
                  <a:lnTo>
                    <a:pt x="389" y="1130"/>
                  </a:lnTo>
                  <a:lnTo>
                    <a:pt x="403" y="1131"/>
                  </a:lnTo>
                  <a:lnTo>
                    <a:pt x="419" y="1129"/>
                  </a:lnTo>
                  <a:lnTo>
                    <a:pt x="432" y="1122"/>
                  </a:lnTo>
                  <a:lnTo>
                    <a:pt x="445" y="1111"/>
                  </a:lnTo>
                  <a:lnTo>
                    <a:pt x="1055" y="427"/>
                  </a:lnTo>
                  <a:lnTo>
                    <a:pt x="1064" y="413"/>
                  </a:lnTo>
                  <a:lnTo>
                    <a:pt x="1068" y="399"/>
                  </a:lnTo>
                  <a:lnTo>
                    <a:pt x="1069" y="383"/>
                  </a:lnTo>
                  <a:lnTo>
                    <a:pt x="1067" y="368"/>
                  </a:lnTo>
                  <a:lnTo>
                    <a:pt x="1060" y="355"/>
                  </a:lnTo>
                  <a:lnTo>
                    <a:pt x="1050" y="342"/>
                  </a:lnTo>
                  <a:lnTo>
                    <a:pt x="1011" y="308"/>
                  </a:lnTo>
                  <a:lnTo>
                    <a:pt x="998" y="299"/>
                  </a:lnTo>
                  <a:lnTo>
                    <a:pt x="983" y="295"/>
                  </a:lnTo>
                  <a:lnTo>
                    <a:pt x="968" y="294"/>
                  </a:lnTo>
                  <a:close/>
                  <a:moveTo>
                    <a:pt x="979" y="0"/>
                  </a:moveTo>
                  <a:lnTo>
                    <a:pt x="1581" y="527"/>
                  </a:lnTo>
                  <a:lnTo>
                    <a:pt x="602" y="1626"/>
                  </a:lnTo>
                  <a:lnTo>
                    <a:pt x="0" y="1099"/>
                  </a:lnTo>
                  <a:lnTo>
                    <a:pt x="97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40" name="Freeform 26"/>
            <p:cNvSpPr>
              <a:spLocks/>
            </p:cNvSpPr>
            <p:nvPr/>
          </p:nvSpPr>
          <p:spPr bwMode="auto">
            <a:xfrm>
              <a:off x="4343" y="2680"/>
              <a:ext cx="316" cy="355"/>
            </a:xfrm>
            <a:custGeom>
              <a:avLst/>
              <a:gdLst>
                <a:gd name="T0" fmla="*/ 1748 w 1893"/>
                <a:gd name="T1" fmla="*/ 0 h 2127"/>
                <a:gd name="T2" fmla="*/ 1829 w 1893"/>
                <a:gd name="T3" fmla="*/ 70 h 2127"/>
                <a:gd name="T4" fmla="*/ 1852 w 1893"/>
                <a:gd name="T5" fmla="*/ 95 h 2127"/>
                <a:gd name="T6" fmla="*/ 1870 w 1893"/>
                <a:gd name="T7" fmla="*/ 122 h 2127"/>
                <a:gd name="T8" fmla="*/ 1882 w 1893"/>
                <a:gd name="T9" fmla="*/ 151 h 2127"/>
                <a:gd name="T10" fmla="*/ 1890 w 1893"/>
                <a:gd name="T11" fmla="*/ 183 h 2127"/>
                <a:gd name="T12" fmla="*/ 1893 w 1893"/>
                <a:gd name="T13" fmla="*/ 214 h 2127"/>
                <a:gd name="T14" fmla="*/ 1889 w 1893"/>
                <a:gd name="T15" fmla="*/ 246 h 2127"/>
                <a:gd name="T16" fmla="*/ 1880 w 1893"/>
                <a:gd name="T17" fmla="*/ 277 h 2127"/>
                <a:gd name="T18" fmla="*/ 1866 w 1893"/>
                <a:gd name="T19" fmla="*/ 306 h 2127"/>
                <a:gd name="T20" fmla="*/ 1846 w 1893"/>
                <a:gd name="T21" fmla="*/ 333 h 2127"/>
                <a:gd name="T22" fmla="*/ 277 w 1893"/>
                <a:gd name="T23" fmla="*/ 2093 h 2127"/>
                <a:gd name="T24" fmla="*/ 262 w 1893"/>
                <a:gd name="T25" fmla="*/ 2107 h 2127"/>
                <a:gd name="T26" fmla="*/ 245 w 1893"/>
                <a:gd name="T27" fmla="*/ 2117 h 2127"/>
                <a:gd name="T28" fmla="*/ 227 w 1893"/>
                <a:gd name="T29" fmla="*/ 2123 h 2127"/>
                <a:gd name="T30" fmla="*/ 208 w 1893"/>
                <a:gd name="T31" fmla="*/ 2127 h 2127"/>
                <a:gd name="T32" fmla="*/ 188 w 1893"/>
                <a:gd name="T33" fmla="*/ 2126 h 2127"/>
                <a:gd name="T34" fmla="*/ 169 w 1893"/>
                <a:gd name="T35" fmla="*/ 2121 h 2127"/>
                <a:gd name="T36" fmla="*/ 151 w 1893"/>
                <a:gd name="T37" fmla="*/ 2113 h 2127"/>
                <a:gd name="T38" fmla="*/ 135 w 1893"/>
                <a:gd name="T39" fmla="*/ 2102 h 2127"/>
                <a:gd name="T40" fmla="*/ 84 w 1893"/>
                <a:gd name="T41" fmla="*/ 2057 h 2127"/>
                <a:gd name="T42" fmla="*/ 57 w 1893"/>
                <a:gd name="T43" fmla="*/ 2029 h 2127"/>
                <a:gd name="T44" fmla="*/ 35 w 1893"/>
                <a:gd name="T45" fmla="*/ 1997 h 2127"/>
                <a:gd name="T46" fmla="*/ 18 w 1893"/>
                <a:gd name="T47" fmla="*/ 1963 h 2127"/>
                <a:gd name="T48" fmla="*/ 5 w 1893"/>
                <a:gd name="T49" fmla="*/ 1926 h 2127"/>
                <a:gd name="T50" fmla="*/ 0 w 1893"/>
                <a:gd name="T51" fmla="*/ 1888 h 2127"/>
                <a:gd name="T52" fmla="*/ 1 w 1893"/>
                <a:gd name="T53" fmla="*/ 1849 h 2127"/>
                <a:gd name="T54" fmla="*/ 8 w 1893"/>
                <a:gd name="T55" fmla="*/ 1812 h 2127"/>
                <a:gd name="T56" fmla="*/ 20 w 1893"/>
                <a:gd name="T57" fmla="*/ 1775 h 2127"/>
                <a:gd name="T58" fmla="*/ 38 w 1893"/>
                <a:gd name="T59" fmla="*/ 1741 h 2127"/>
                <a:gd name="T60" fmla="*/ 61 w 1893"/>
                <a:gd name="T61" fmla="*/ 1710 h 2127"/>
                <a:gd name="T62" fmla="*/ 279 w 1893"/>
                <a:gd name="T63" fmla="*/ 1467 h 2127"/>
                <a:gd name="T64" fmla="*/ 296 w 1893"/>
                <a:gd name="T65" fmla="*/ 1451 h 2127"/>
                <a:gd name="T66" fmla="*/ 315 w 1893"/>
                <a:gd name="T67" fmla="*/ 1441 h 2127"/>
                <a:gd name="T68" fmla="*/ 335 w 1893"/>
                <a:gd name="T69" fmla="*/ 1436 h 2127"/>
                <a:gd name="T70" fmla="*/ 356 w 1893"/>
                <a:gd name="T71" fmla="*/ 1435 h 2127"/>
                <a:gd name="T72" fmla="*/ 377 w 1893"/>
                <a:gd name="T73" fmla="*/ 1438 h 2127"/>
                <a:gd name="T74" fmla="*/ 397 w 1893"/>
                <a:gd name="T75" fmla="*/ 1446 h 2127"/>
                <a:gd name="T76" fmla="*/ 417 w 1893"/>
                <a:gd name="T77" fmla="*/ 1458 h 2127"/>
                <a:gd name="T78" fmla="*/ 434 w 1893"/>
                <a:gd name="T79" fmla="*/ 1475 h 2127"/>
                <a:gd name="T80" fmla="*/ 1748 w 1893"/>
                <a:gd name="T81" fmla="*/ 0 h 2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893" h="2127">
                  <a:moveTo>
                    <a:pt x="1748" y="0"/>
                  </a:moveTo>
                  <a:lnTo>
                    <a:pt x="1829" y="70"/>
                  </a:lnTo>
                  <a:lnTo>
                    <a:pt x="1852" y="95"/>
                  </a:lnTo>
                  <a:lnTo>
                    <a:pt x="1870" y="122"/>
                  </a:lnTo>
                  <a:lnTo>
                    <a:pt x="1882" y="151"/>
                  </a:lnTo>
                  <a:lnTo>
                    <a:pt x="1890" y="183"/>
                  </a:lnTo>
                  <a:lnTo>
                    <a:pt x="1893" y="214"/>
                  </a:lnTo>
                  <a:lnTo>
                    <a:pt x="1889" y="246"/>
                  </a:lnTo>
                  <a:lnTo>
                    <a:pt x="1880" y="277"/>
                  </a:lnTo>
                  <a:lnTo>
                    <a:pt x="1866" y="306"/>
                  </a:lnTo>
                  <a:lnTo>
                    <a:pt x="1846" y="333"/>
                  </a:lnTo>
                  <a:lnTo>
                    <a:pt x="277" y="2093"/>
                  </a:lnTo>
                  <a:lnTo>
                    <a:pt x="262" y="2107"/>
                  </a:lnTo>
                  <a:lnTo>
                    <a:pt x="245" y="2117"/>
                  </a:lnTo>
                  <a:lnTo>
                    <a:pt x="227" y="2123"/>
                  </a:lnTo>
                  <a:lnTo>
                    <a:pt x="208" y="2127"/>
                  </a:lnTo>
                  <a:lnTo>
                    <a:pt x="188" y="2126"/>
                  </a:lnTo>
                  <a:lnTo>
                    <a:pt x="169" y="2121"/>
                  </a:lnTo>
                  <a:lnTo>
                    <a:pt x="151" y="2113"/>
                  </a:lnTo>
                  <a:lnTo>
                    <a:pt x="135" y="2102"/>
                  </a:lnTo>
                  <a:lnTo>
                    <a:pt x="84" y="2057"/>
                  </a:lnTo>
                  <a:lnTo>
                    <a:pt x="57" y="2029"/>
                  </a:lnTo>
                  <a:lnTo>
                    <a:pt x="35" y="1997"/>
                  </a:lnTo>
                  <a:lnTo>
                    <a:pt x="18" y="1963"/>
                  </a:lnTo>
                  <a:lnTo>
                    <a:pt x="5" y="1926"/>
                  </a:lnTo>
                  <a:lnTo>
                    <a:pt x="0" y="1888"/>
                  </a:lnTo>
                  <a:lnTo>
                    <a:pt x="1" y="1849"/>
                  </a:lnTo>
                  <a:lnTo>
                    <a:pt x="8" y="1812"/>
                  </a:lnTo>
                  <a:lnTo>
                    <a:pt x="20" y="1775"/>
                  </a:lnTo>
                  <a:lnTo>
                    <a:pt x="38" y="1741"/>
                  </a:lnTo>
                  <a:lnTo>
                    <a:pt x="61" y="1710"/>
                  </a:lnTo>
                  <a:lnTo>
                    <a:pt x="279" y="1467"/>
                  </a:lnTo>
                  <a:lnTo>
                    <a:pt x="296" y="1451"/>
                  </a:lnTo>
                  <a:lnTo>
                    <a:pt x="315" y="1441"/>
                  </a:lnTo>
                  <a:lnTo>
                    <a:pt x="335" y="1436"/>
                  </a:lnTo>
                  <a:lnTo>
                    <a:pt x="356" y="1435"/>
                  </a:lnTo>
                  <a:lnTo>
                    <a:pt x="377" y="1438"/>
                  </a:lnTo>
                  <a:lnTo>
                    <a:pt x="397" y="1446"/>
                  </a:lnTo>
                  <a:lnTo>
                    <a:pt x="417" y="1458"/>
                  </a:lnTo>
                  <a:lnTo>
                    <a:pt x="434" y="1475"/>
                  </a:lnTo>
                  <a:lnTo>
                    <a:pt x="1748"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41" name="Freeform 27"/>
            <p:cNvSpPr>
              <a:spLocks/>
            </p:cNvSpPr>
            <p:nvPr/>
          </p:nvSpPr>
          <p:spPr bwMode="auto">
            <a:xfrm>
              <a:off x="4491" y="2554"/>
              <a:ext cx="117" cy="111"/>
            </a:xfrm>
            <a:custGeom>
              <a:avLst/>
              <a:gdLst>
                <a:gd name="T0" fmla="*/ 321 w 706"/>
                <a:gd name="T1" fmla="*/ 0 h 663"/>
                <a:gd name="T2" fmla="*/ 366 w 706"/>
                <a:gd name="T3" fmla="*/ 5 h 663"/>
                <a:gd name="T4" fmla="*/ 409 w 706"/>
                <a:gd name="T5" fmla="*/ 13 h 663"/>
                <a:gd name="T6" fmla="*/ 452 w 706"/>
                <a:gd name="T7" fmla="*/ 28 h 663"/>
                <a:gd name="T8" fmla="*/ 493 w 706"/>
                <a:gd name="T9" fmla="*/ 47 h 663"/>
                <a:gd name="T10" fmla="*/ 533 w 706"/>
                <a:gd name="T11" fmla="*/ 70 h 663"/>
                <a:gd name="T12" fmla="*/ 570 w 706"/>
                <a:gd name="T13" fmla="*/ 99 h 663"/>
                <a:gd name="T14" fmla="*/ 603 w 706"/>
                <a:gd name="T15" fmla="*/ 132 h 663"/>
                <a:gd name="T16" fmla="*/ 632 w 706"/>
                <a:gd name="T17" fmla="*/ 168 h 663"/>
                <a:gd name="T18" fmla="*/ 656 w 706"/>
                <a:gd name="T19" fmla="*/ 206 h 663"/>
                <a:gd name="T20" fmla="*/ 676 w 706"/>
                <a:gd name="T21" fmla="*/ 246 h 663"/>
                <a:gd name="T22" fmla="*/ 691 w 706"/>
                <a:gd name="T23" fmla="*/ 287 h 663"/>
                <a:gd name="T24" fmla="*/ 701 w 706"/>
                <a:gd name="T25" fmla="*/ 331 h 663"/>
                <a:gd name="T26" fmla="*/ 705 w 706"/>
                <a:gd name="T27" fmla="*/ 374 h 663"/>
                <a:gd name="T28" fmla="*/ 706 w 706"/>
                <a:gd name="T29" fmla="*/ 418 h 663"/>
                <a:gd name="T30" fmla="*/ 702 w 706"/>
                <a:gd name="T31" fmla="*/ 461 h 663"/>
                <a:gd name="T32" fmla="*/ 692 w 706"/>
                <a:gd name="T33" fmla="*/ 505 h 663"/>
                <a:gd name="T34" fmla="*/ 677 w 706"/>
                <a:gd name="T35" fmla="*/ 547 h 663"/>
                <a:gd name="T36" fmla="*/ 658 w 706"/>
                <a:gd name="T37" fmla="*/ 588 h 663"/>
                <a:gd name="T38" fmla="*/ 635 w 706"/>
                <a:gd name="T39" fmla="*/ 627 h 663"/>
                <a:gd name="T40" fmla="*/ 605 w 706"/>
                <a:gd name="T41" fmla="*/ 663 h 663"/>
                <a:gd name="T42" fmla="*/ 0 w 706"/>
                <a:gd name="T43" fmla="*/ 134 h 663"/>
                <a:gd name="T44" fmla="*/ 33 w 706"/>
                <a:gd name="T45" fmla="*/ 101 h 663"/>
                <a:gd name="T46" fmla="*/ 69 w 706"/>
                <a:gd name="T47" fmla="*/ 73 h 663"/>
                <a:gd name="T48" fmla="*/ 107 w 706"/>
                <a:gd name="T49" fmla="*/ 49 h 663"/>
                <a:gd name="T50" fmla="*/ 147 w 706"/>
                <a:gd name="T51" fmla="*/ 30 h 663"/>
                <a:gd name="T52" fmla="*/ 190 w 706"/>
                <a:gd name="T53" fmla="*/ 15 h 663"/>
                <a:gd name="T54" fmla="*/ 234 w 706"/>
                <a:gd name="T55" fmla="*/ 6 h 663"/>
                <a:gd name="T56" fmla="*/ 277 w 706"/>
                <a:gd name="T57" fmla="*/ 0 h 663"/>
                <a:gd name="T58" fmla="*/ 321 w 706"/>
                <a:gd name="T59" fmla="*/ 0 h 6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706" h="663">
                  <a:moveTo>
                    <a:pt x="321" y="0"/>
                  </a:moveTo>
                  <a:lnTo>
                    <a:pt x="366" y="5"/>
                  </a:lnTo>
                  <a:lnTo>
                    <a:pt x="409" y="13"/>
                  </a:lnTo>
                  <a:lnTo>
                    <a:pt x="452" y="28"/>
                  </a:lnTo>
                  <a:lnTo>
                    <a:pt x="493" y="47"/>
                  </a:lnTo>
                  <a:lnTo>
                    <a:pt x="533" y="70"/>
                  </a:lnTo>
                  <a:lnTo>
                    <a:pt x="570" y="99"/>
                  </a:lnTo>
                  <a:lnTo>
                    <a:pt x="603" y="132"/>
                  </a:lnTo>
                  <a:lnTo>
                    <a:pt x="632" y="168"/>
                  </a:lnTo>
                  <a:lnTo>
                    <a:pt x="656" y="206"/>
                  </a:lnTo>
                  <a:lnTo>
                    <a:pt x="676" y="246"/>
                  </a:lnTo>
                  <a:lnTo>
                    <a:pt x="691" y="287"/>
                  </a:lnTo>
                  <a:lnTo>
                    <a:pt x="701" y="331"/>
                  </a:lnTo>
                  <a:lnTo>
                    <a:pt x="705" y="374"/>
                  </a:lnTo>
                  <a:lnTo>
                    <a:pt x="706" y="418"/>
                  </a:lnTo>
                  <a:lnTo>
                    <a:pt x="702" y="461"/>
                  </a:lnTo>
                  <a:lnTo>
                    <a:pt x="692" y="505"/>
                  </a:lnTo>
                  <a:lnTo>
                    <a:pt x="677" y="547"/>
                  </a:lnTo>
                  <a:lnTo>
                    <a:pt x="658" y="588"/>
                  </a:lnTo>
                  <a:lnTo>
                    <a:pt x="635" y="627"/>
                  </a:lnTo>
                  <a:lnTo>
                    <a:pt x="605" y="663"/>
                  </a:lnTo>
                  <a:lnTo>
                    <a:pt x="0" y="134"/>
                  </a:lnTo>
                  <a:lnTo>
                    <a:pt x="33" y="101"/>
                  </a:lnTo>
                  <a:lnTo>
                    <a:pt x="69" y="73"/>
                  </a:lnTo>
                  <a:lnTo>
                    <a:pt x="107" y="49"/>
                  </a:lnTo>
                  <a:lnTo>
                    <a:pt x="147" y="30"/>
                  </a:lnTo>
                  <a:lnTo>
                    <a:pt x="190" y="15"/>
                  </a:lnTo>
                  <a:lnTo>
                    <a:pt x="234" y="6"/>
                  </a:lnTo>
                  <a:lnTo>
                    <a:pt x="277" y="0"/>
                  </a:lnTo>
                  <a:lnTo>
                    <a:pt x="32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29" name="Title 1">
            <a:extLst>
              <a:ext uri="{FF2B5EF4-FFF2-40B4-BE49-F238E27FC236}">
                <a16:creationId xmlns:a16="http://schemas.microsoft.com/office/drawing/2014/main" xmlns="" id="{7CFAD080-A7BC-EB4A-960D-CF3B39E1A644}"/>
              </a:ext>
            </a:extLst>
          </p:cNvPr>
          <p:cNvSpPr txBox="1">
            <a:spLocks/>
          </p:cNvSpPr>
          <p:nvPr/>
        </p:nvSpPr>
        <p:spPr>
          <a:xfrm>
            <a:off x="420478" y="326626"/>
            <a:ext cx="4329739" cy="866259"/>
          </a:xfrm>
          <a:prstGeom prst="rect">
            <a:avLst/>
          </a:prstGeom>
        </p:spPr>
        <p:txBody>
          <a:bodyP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US" sz="4400" b="0" i="0" u="none" strike="noStrike" kern="1200" cap="none" spc="0" normalizeH="0" baseline="0" noProof="0" dirty="0">
              <a:ln>
                <a:noFill/>
              </a:ln>
              <a:solidFill>
                <a:srgbClr val="9F0052">
                  <a:lumMod val="75000"/>
                </a:srgbClr>
              </a:solidFill>
              <a:effectLst/>
              <a:uLnTx/>
              <a:uFillTx/>
              <a:latin typeface="Calibri Light" panose="020F0302020204030204"/>
              <a:ea typeface="+mj-ea"/>
              <a:cs typeface="+mj-cs"/>
            </a:endParaRPr>
          </a:p>
        </p:txBody>
      </p:sp>
    </p:spTree>
    <p:extLst>
      <p:ext uri="{BB962C8B-B14F-4D97-AF65-F5344CB8AC3E}">
        <p14:creationId xmlns:p14="http://schemas.microsoft.com/office/powerpoint/2010/main" val="27829696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2696351242"/>
              </p:ext>
            </p:extLst>
          </p:nvPr>
        </p:nvGraphicFramePr>
        <p:xfrm>
          <a:off x="0" y="1"/>
          <a:ext cx="12192000" cy="7155735"/>
        </p:xfrm>
        <a:graphic>
          <a:graphicData uri="http://schemas.openxmlformats.org/drawingml/2006/table">
            <a:tbl>
              <a:tblPr firstRow="1" bandRow="1">
                <a:tableStyleId>{5C22544A-7EE6-4342-B048-85BDC9FD1C3A}</a:tableStyleId>
              </a:tblPr>
              <a:tblGrid>
                <a:gridCol w="1534332">
                  <a:extLst>
                    <a:ext uri="{9D8B030D-6E8A-4147-A177-3AD203B41FA5}">
                      <a16:colId xmlns:a16="http://schemas.microsoft.com/office/drawing/2014/main" xmlns="" val="20000"/>
                    </a:ext>
                  </a:extLst>
                </a:gridCol>
                <a:gridCol w="10657668">
                  <a:extLst>
                    <a:ext uri="{9D8B030D-6E8A-4147-A177-3AD203B41FA5}">
                      <a16:colId xmlns:a16="http://schemas.microsoft.com/office/drawing/2014/main" xmlns="" val="1728916442"/>
                    </a:ext>
                  </a:extLst>
                </a:gridCol>
              </a:tblGrid>
              <a:tr h="1320794">
                <a:tc gridSpan="2">
                  <a:txBody>
                    <a:bodyPr/>
                    <a:lstStyle/>
                    <a:p>
                      <a:pPr algn="l">
                        <a:spcAft>
                          <a:spcPts val="0"/>
                        </a:spcAft>
                      </a:pPr>
                      <a:r>
                        <a:rPr lang="en-ZA" sz="3200" b="1" kern="1200" dirty="0" smtClean="0">
                          <a:solidFill>
                            <a:schemeClr val="bg1"/>
                          </a:solidFill>
                          <a:latin typeface="+mn-lt"/>
                          <a:ea typeface="+mn-ea"/>
                          <a:cs typeface="Times New Roman" panose="02020603050405020304" pitchFamily="18" charset="0"/>
                        </a:rPr>
                        <a:t>La</a:t>
                      </a:r>
                      <a:r>
                        <a:rPr lang="en-ZA" sz="3200" b="1" kern="1200" baseline="0" dirty="0" smtClean="0">
                          <a:solidFill>
                            <a:schemeClr val="bg1"/>
                          </a:solidFill>
                          <a:latin typeface="+mn-lt"/>
                          <a:ea typeface="+mn-ea"/>
                          <a:cs typeface="Times New Roman" panose="02020603050405020304" pitchFamily="18" charset="0"/>
                        </a:rPr>
                        <a:t> agenda, </a:t>
                      </a:r>
                      <a:r>
                        <a:rPr lang="en-ZA" sz="3200" b="1" kern="1200" baseline="0" dirty="0" smtClean="0">
                          <a:solidFill>
                            <a:schemeClr val="bg1"/>
                          </a:solidFill>
                          <a:latin typeface="+mn-lt"/>
                          <a:ea typeface="+mn-ea"/>
                          <a:cs typeface="Times New Roman" panose="02020603050405020304" pitchFamily="18" charset="0"/>
                        </a:rPr>
                        <a:t>versión </a:t>
                      </a:r>
                      <a:r>
                        <a:rPr lang="en-ZA" sz="3200" b="1" kern="1200" baseline="0" dirty="0" smtClean="0">
                          <a:solidFill>
                            <a:schemeClr val="bg1"/>
                          </a:solidFill>
                          <a:latin typeface="+mn-lt"/>
                          <a:ea typeface="+mn-ea"/>
                          <a:cs typeface="Times New Roman" panose="02020603050405020304" pitchFamily="18" charset="0"/>
                        </a:rPr>
                        <a:t>abreviada</a:t>
                      </a:r>
                      <a:endParaRPr lang="en-US" sz="3000" b="1" kern="1200" dirty="0">
                        <a:solidFill>
                          <a:schemeClr val="bg1"/>
                        </a:solidFill>
                        <a:latin typeface="+mn-lt"/>
                        <a:ea typeface="+mn-ea"/>
                        <a:cs typeface="Arial" panose="020B0604020202020204" pitchFamily="34" charset="0"/>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6"/>
                    </a:solidFill>
                  </a:tcPr>
                </a:tc>
                <a:tc hMerge="1">
                  <a:txBody>
                    <a:bodyPr/>
                    <a:lstStyle/>
                    <a:p>
                      <a:endParaRPr lang="en-US"/>
                    </a:p>
                  </a:txBody>
                  <a:tcPr/>
                </a:tc>
                <a:extLst>
                  <a:ext uri="{0D108BD9-81ED-4DB2-BD59-A6C34878D82A}">
                    <a16:rowId xmlns:a16="http://schemas.microsoft.com/office/drawing/2014/main" xmlns="" val="10001"/>
                  </a:ext>
                </a:extLst>
              </a:tr>
              <a:tr h="434486">
                <a:tc>
                  <a:txBody>
                    <a:bodyPr/>
                    <a:lstStyle/>
                    <a:p>
                      <a:pPr>
                        <a:lnSpc>
                          <a:spcPct val="120000"/>
                        </a:lnSpc>
                      </a:pPr>
                      <a:r>
                        <a:rPr lang="en-ZA" sz="2200" b="1" dirty="0" smtClean="0">
                          <a:solidFill>
                            <a:schemeClr val="bg1"/>
                          </a:solidFill>
                          <a:latin typeface="+mn-lt"/>
                        </a:rPr>
                        <a:t>Hora</a:t>
                      </a:r>
                      <a:endParaRPr lang="en-ZA" sz="2200" b="1" dirty="0">
                        <a:solidFill>
                          <a:schemeClr val="bg1"/>
                        </a:solidFill>
                        <a:latin typeface="+mn-lt"/>
                      </a:endParaRPr>
                    </a:p>
                  </a:txBody>
                  <a:tcPr>
                    <a:lnT w="12700" cmpd="sng">
                      <a:noFill/>
                    </a:lnT>
                    <a:solidFill>
                      <a:schemeClr val="accent2"/>
                    </a:solidFill>
                  </a:tcPr>
                </a:tc>
                <a:tc>
                  <a:txBody>
                    <a:bodyPr/>
                    <a:lstStyle/>
                    <a:p>
                      <a:pPr marL="0" indent="0" algn="just">
                        <a:lnSpc>
                          <a:spcPct val="107000"/>
                        </a:lnSpc>
                        <a:spcAft>
                          <a:spcPts val="800"/>
                        </a:spcAft>
                        <a:buFont typeface="Arial" panose="020B0604020202020204" pitchFamily="34" charset="0"/>
                        <a:buNone/>
                      </a:pPr>
                      <a:r>
                        <a:rPr lang="en-ZA" sz="2200" b="1" dirty="0" smtClean="0">
                          <a:solidFill>
                            <a:schemeClr val="bg1"/>
                          </a:solidFill>
                          <a:effectLst/>
                          <a:latin typeface="+mn-lt"/>
                          <a:ea typeface="Calibri" panose="020F0502020204030204" pitchFamily="34" charset="0"/>
                          <a:cs typeface="Times New Roman" panose="02020603050405020304" pitchFamily="18" charset="0"/>
                        </a:rPr>
                        <a:t>Proceso</a:t>
                      </a:r>
                      <a:endParaRPr lang="en-ZA" sz="2200" b="1" dirty="0">
                        <a:solidFill>
                          <a:schemeClr val="bg1"/>
                        </a:solidFill>
                        <a:effectLst/>
                        <a:latin typeface="+mn-lt"/>
                        <a:ea typeface="Calibri" panose="020F0502020204030204" pitchFamily="34" charset="0"/>
                        <a:cs typeface="Times New Roman" panose="02020603050405020304" pitchFamily="18" charset="0"/>
                      </a:endParaRPr>
                    </a:p>
                  </a:txBody>
                  <a:tcPr>
                    <a:lnT w="12700" cmpd="sng">
                      <a:noFill/>
                    </a:lnT>
                    <a:solidFill>
                      <a:schemeClr val="accent2"/>
                    </a:solidFill>
                  </a:tcPr>
                </a:tc>
                <a:extLst>
                  <a:ext uri="{0D108BD9-81ED-4DB2-BD59-A6C34878D82A}">
                    <a16:rowId xmlns:a16="http://schemas.microsoft.com/office/drawing/2014/main" xmlns="" val="10002"/>
                  </a:ext>
                </a:extLst>
              </a:tr>
              <a:tr h="778171">
                <a:tc>
                  <a:txBody>
                    <a:bodyPr/>
                    <a:lstStyle/>
                    <a:p>
                      <a:pPr algn="l">
                        <a:lnSpc>
                          <a:spcPct val="107000"/>
                        </a:lnSpc>
                        <a:spcAft>
                          <a:spcPts val="800"/>
                        </a:spcAft>
                      </a:pPr>
                      <a:r>
                        <a:rPr lang="en-US" sz="1800" dirty="0">
                          <a:effectLst/>
                          <a:latin typeface="+mn-lt"/>
                        </a:rPr>
                        <a:t>-30 </a:t>
                      </a:r>
                      <a:r>
                        <a:rPr lang="en-US" sz="1800" dirty="0" smtClean="0">
                          <a:effectLst/>
                          <a:latin typeface="+mn-lt"/>
                        </a:rPr>
                        <a:t>minutos</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lumMod val="85000"/>
                      </a:schemeClr>
                    </a:solidFill>
                  </a:tcPr>
                </a:tc>
                <a:tc>
                  <a:txBody>
                    <a:bodyPr/>
                    <a:lstStyle/>
                    <a:p>
                      <a:pPr algn="l">
                        <a:lnSpc>
                          <a:spcPct val="107000"/>
                        </a:lnSpc>
                        <a:spcAft>
                          <a:spcPts val="600"/>
                        </a:spcAft>
                      </a:pPr>
                      <a:r>
                        <a:rPr lang="en-US" sz="1800" dirty="0" smtClean="0">
                          <a:effectLst/>
                          <a:latin typeface="+mn-lt"/>
                        </a:rPr>
                        <a:t>Últimas</a:t>
                      </a:r>
                      <a:r>
                        <a:rPr lang="en-US" sz="1800" baseline="0" dirty="0" smtClean="0">
                          <a:effectLst/>
                          <a:latin typeface="+mn-lt"/>
                        </a:rPr>
                        <a:t> pruebas</a:t>
                      </a:r>
                      <a:r>
                        <a:rPr lang="en-US" sz="1800" dirty="0" smtClean="0">
                          <a:effectLst/>
                          <a:latin typeface="+mn-lt"/>
                        </a:rPr>
                        <a:t> </a:t>
                      </a:r>
                      <a:r>
                        <a:rPr lang="en-US" sz="1800" dirty="0" smtClean="0">
                          <a:effectLst/>
                          <a:latin typeface="+mn-lt"/>
                        </a:rPr>
                        <a:t>técnicas</a:t>
                      </a:r>
                      <a:endParaRPr lang="en-US" sz="1800" dirty="0" smtClean="0">
                        <a:effectLst/>
                        <a:latin typeface="+mn-lt"/>
                      </a:endParaRPr>
                    </a:p>
                    <a:p>
                      <a:pPr algn="l">
                        <a:lnSpc>
                          <a:spcPct val="107000"/>
                        </a:lnSpc>
                        <a:spcAft>
                          <a:spcPts val="600"/>
                        </a:spcAft>
                      </a:pPr>
                      <a:r>
                        <a:rPr lang="es-VE" sz="1800" dirty="0" smtClean="0">
                          <a:effectLst/>
                          <a:latin typeface="+mn-lt"/>
                          <a:ea typeface="Calibri" panose="020F0502020204030204" pitchFamily="34" charset="0"/>
                          <a:cs typeface="Times New Roman" panose="02020603050405020304" pitchFamily="18" charset="0"/>
                        </a:rPr>
                        <a:t>Entrar temprano </a:t>
                      </a:r>
                      <a:r>
                        <a:rPr lang="es-VE" sz="1800" dirty="0" smtClean="0">
                          <a:effectLst/>
                          <a:latin typeface="+mn-lt"/>
                          <a:ea typeface="Calibri" panose="020F0502020204030204" pitchFamily="34" charset="0"/>
                          <a:cs typeface="Times New Roman" panose="02020603050405020304" pitchFamily="18" charset="0"/>
                        </a:rPr>
                        <a:t>para recibir a los participantes mientras se unen</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lumMod val="85000"/>
                      </a:schemeClr>
                    </a:solidFill>
                  </a:tcPr>
                </a:tc>
                <a:extLst>
                  <a:ext uri="{0D108BD9-81ED-4DB2-BD59-A6C34878D82A}">
                    <a16:rowId xmlns:a16="http://schemas.microsoft.com/office/drawing/2014/main" xmlns="" val="10003"/>
                  </a:ext>
                </a:extLst>
              </a:tr>
              <a:tr h="360379">
                <a:tc>
                  <a:txBody>
                    <a:bodyPr/>
                    <a:lstStyle/>
                    <a:p>
                      <a:pPr algn="l">
                        <a:lnSpc>
                          <a:spcPct val="107000"/>
                        </a:lnSpc>
                        <a:spcAft>
                          <a:spcPts val="800"/>
                        </a:spcAft>
                      </a:pPr>
                      <a:r>
                        <a:rPr lang="en-US" sz="1800" dirty="0">
                          <a:effectLst/>
                          <a:latin typeface="+mn-lt"/>
                        </a:rPr>
                        <a:t>0h00–0h10</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solidFill>
                  </a:tcPr>
                </a:tc>
                <a:tc>
                  <a:txBody>
                    <a:bodyPr/>
                    <a:lstStyle/>
                    <a:p>
                      <a:pPr algn="l">
                        <a:lnSpc>
                          <a:spcPct val="107000"/>
                        </a:lnSpc>
                        <a:spcAft>
                          <a:spcPts val="600"/>
                        </a:spcAft>
                      </a:pPr>
                      <a:r>
                        <a:rPr lang="es-VE" sz="1800" dirty="0" smtClean="0">
                          <a:effectLst/>
                          <a:latin typeface="+mn-lt"/>
                          <a:ea typeface="Calibri" panose="020F0502020204030204" pitchFamily="34" charset="0"/>
                          <a:cs typeface="Times New Roman" panose="02020603050405020304" pitchFamily="18" charset="0"/>
                        </a:rPr>
                        <a:t>Inicio</a:t>
                      </a:r>
                      <a:r>
                        <a:rPr lang="es-VE" sz="1800" baseline="0" dirty="0" smtClean="0">
                          <a:effectLst/>
                          <a:latin typeface="+mn-lt"/>
                          <a:ea typeface="Calibri" panose="020F0502020204030204" pitchFamily="34" charset="0"/>
                          <a:cs typeface="Times New Roman" panose="02020603050405020304" pitchFamily="18" charset="0"/>
                        </a:rPr>
                        <a:t> </a:t>
                      </a:r>
                      <a:r>
                        <a:rPr lang="es-VE" sz="1800" dirty="0" smtClean="0">
                          <a:effectLst/>
                          <a:latin typeface="+mn-lt"/>
                          <a:ea typeface="Calibri" panose="020F0502020204030204" pitchFamily="34" charset="0"/>
                          <a:cs typeface="Times New Roman" panose="02020603050405020304" pitchFamily="18" charset="0"/>
                        </a:rPr>
                        <a:t>e introducción a la Estrategia de ONUSIDA y su proceso</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solidFill>
                  </a:tcPr>
                </a:tc>
                <a:extLst>
                  <a:ext uri="{0D108BD9-81ED-4DB2-BD59-A6C34878D82A}">
                    <a16:rowId xmlns:a16="http://schemas.microsoft.com/office/drawing/2014/main" xmlns="" val="1503768515"/>
                  </a:ext>
                </a:extLst>
              </a:tr>
              <a:tr h="360379">
                <a:tc>
                  <a:txBody>
                    <a:bodyPr/>
                    <a:lstStyle/>
                    <a:p>
                      <a:pPr algn="l">
                        <a:lnSpc>
                          <a:spcPct val="107000"/>
                        </a:lnSpc>
                        <a:spcAft>
                          <a:spcPts val="800"/>
                        </a:spcAft>
                      </a:pPr>
                      <a:r>
                        <a:rPr lang="en-US" sz="1800" dirty="0">
                          <a:effectLst/>
                          <a:latin typeface="+mn-lt"/>
                        </a:rPr>
                        <a:t>0h10–0h25</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lumMod val="85000"/>
                      </a:schemeClr>
                    </a:solidFill>
                  </a:tcPr>
                </a:tc>
                <a:tc>
                  <a:txBody>
                    <a:bodyPr/>
                    <a:lstStyle/>
                    <a:p>
                      <a:pPr algn="l">
                        <a:lnSpc>
                          <a:spcPct val="107000"/>
                        </a:lnSpc>
                        <a:spcAft>
                          <a:spcPts val="600"/>
                        </a:spcAft>
                      </a:pPr>
                      <a:r>
                        <a:rPr lang="en-ZA" sz="1800" dirty="0" smtClean="0">
                          <a:effectLst/>
                          <a:latin typeface="+mn-lt"/>
                          <a:ea typeface="Calibri" panose="020F0502020204030204" pitchFamily="34" charset="0"/>
                          <a:cs typeface="Times New Roman" panose="02020603050405020304" pitchFamily="18" charset="0"/>
                        </a:rPr>
                        <a:t>Presentación de los participantes</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lumMod val="85000"/>
                      </a:schemeClr>
                    </a:solidFill>
                  </a:tcPr>
                </a:tc>
                <a:extLst>
                  <a:ext uri="{0D108BD9-81ED-4DB2-BD59-A6C34878D82A}">
                    <a16:rowId xmlns:a16="http://schemas.microsoft.com/office/drawing/2014/main" xmlns="" val="2684687084"/>
                  </a:ext>
                </a:extLst>
              </a:tr>
              <a:tr h="360379">
                <a:tc>
                  <a:txBody>
                    <a:bodyPr/>
                    <a:lstStyle/>
                    <a:p>
                      <a:pPr algn="l">
                        <a:lnSpc>
                          <a:spcPct val="107000"/>
                        </a:lnSpc>
                        <a:spcAft>
                          <a:spcPts val="800"/>
                        </a:spcAft>
                      </a:pPr>
                      <a:r>
                        <a:rPr lang="en-US" sz="1800" dirty="0">
                          <a:effectLst/>
                          <a:latin typeface="+mn-lt"/>
                        </a:rPr>
                        <a:t>0h25–0h30</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solidFill>
                  </a:tcPr>
                </a:tc>
                <a:tc>
                  <a:txBody>
                    <a:bodyPr/>
                    <a:lstStyle/>
                    <a:p>
                      <a:pPr algn="l">
                        <a:lnSpc>
                          <a:spcPct val="107000"/>
                        </a:lnSpc>
                        <a:spcAft>
                          <a:spcPts val="600"/>
                        </a:spcAft>
                      </a:pPr>
                      <a:r>
                        <a:rPr lang="es-VE" sz="1800" dirty="0" smtClean="0">
                          <a:effectLst/>
                          <a:latin typeface="+mn-lt"/>
                          <a:ea typeface="Calibri" panose="020F0502020204030204" pitchFamily="34" charset="0"/>
                          <a:cs typeface="Times New Roman" panose="02020603050405020304" pitchFamily="18" charset="0"/>
                        </a:rPr>
                        <a:t>Marco de la sesión: reglas y formas de trabajar en una reunión virtual </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solidFill>
                  </a:tcPr>
                </a:tc>
                <a:extLst>
                  <a:ext uri="{0D108BD9-81ED-4DB2-BD59-A6C34878D82A}">
                    <a16:rowId xmlns:a16="http://schemas.microsoft.com/office/drawing/2014/main" xmlns="" val="2016374288"/>
                  </a:ext>
                </a:extLst>
              </a:tr>
              <a:tr h="360379">
                <a:tc>
                  <a:txBody>
                    <a:bodyPr/>
                    <a:lstStyle/>
                    <a:p>
                      <a:pPr algn="l">
                        <a:lnSpc>
                          <a:spcPct val="107000"/>
                        </a:lnSpc>
                        <a:spcAft>
                          <a:spcPts val="800"/>
                        </a:spcAft>
                      </a:pPr>
                      <a:r>
                        <a:rPr lang="en-US" sz="1800" dirty="0">
                          <a:effectLst/>
                          <a:latin typeface="+mn-lt"/>
                        </a:rPr>
                        <a:t>0h30–0h45</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lumMod val="85000"/>
                      </a:schemeClr>
                    </a:solidFill>
                  </a:tcPr>
                </a:tc>
                <a:tc>
                  <a:txBody>
                    <a:bodyPr/>
                    <a:lstStyle/>
                    <a:p>
                      <a:pPr algn="l">
                        <a:lnSpc>
                          <a:spcPct val="107000"/>
                        </a:lnSpc>
                        <a:spcAft>
                          <a:spcPts val="600"/>
                        </a:spcAft>
                      </a:pPr>
                      <a:r>
                        <a:rPr lang="es-VE" sz="1800" dirty="0" smtClean="0">
                          <a:effectLst/>
                          <a:latin typeface="+mn-lt"/>
                          <a:ea typeface="Calibri" panose="020F0502020204030204" pitchFamily="34" charset="0"/>
                          <a:cs typeface="Times New Roman" panose="02020603050405020304" pitchFamily="18" charset="0"/>
                        </a:rPr>
                        <a:t>Contexto: una breve presentación del tema</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lumMod val="85000"/>
                      </a:schemeClr>
                    </a:solidFill>
                  </a:tcPr>
                </a:tc>
                <a:extLst>
                  <a:ext uri="{0D108BD9-81ED-4DB2-BD59-A6C34878D82A}">
                    <a16:rowId xmlns:a16="http://schemas.microsoft.com/office/drawing/2014/main" xmlns="" val="1448829786"/>
                  </a:ext>
                </a:extLst>
              </a:tr>
              <a:tr h="598825">
                <a:tc>
                  <a:txBody>
                    <a:bodyPr/>
                    <a:lstStyle/>
                    <a:p>
                      <a:pPr algn="l">
                        <a:lnSpc>
                          <a:spcPct val="107000"/>
                        </a:lnSpc>
                        <a:spcAft>
                          <a:spcPts val="800"/>
                        </a:spcAft>
                      </a:pPr>
                      <a:r>
                        <a:rPr lang="en-US" sz="1800" dirty="0">
                          <a:effectLst/>
                          <a:latin typeface="+mn-lt"/>
                        </a:rPr>
                        <a:t>0h45–1h00</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solidFill>
                  </a:tcPr>
                </a:tc>
                <a:tc>
                  <a:txBody>
                    <a:bodyPr/>
                    <a:lstStyle/>
                    <a:p>
                      <a:pPr algn="l">
                        <a:lnSpc>
                          <a:spcPct val="107000"/>
                        </a:lnSpc>
                        <a:spcAft>
                          <a:spcPts val="600"/>
                        </a:spcAft>
                      </a:pPr>
                      <a:r>
                        <a:rPr lang="es-VE" sz="1800" dirty="0" smtClean="0">
                          <a:effectLst/>
                          <a:latin typeface="+mn-lt"/>
                          <a:ea typeface="Calibri" panose="020F0502020204030204" pitchFamily="34" charset="0"/>
                          <a:cs typeface="Times New Roman" panose="02020603050405020304" pitchFamily="18" charset="0"/>
                        </a:rPr>
                        <a:t>Presentación de las salas para grupos pequeños: enfoque basado en la gente, concepto e instrucciones</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solidFill>
                  </a:tcPr>
                </a:tc>
                <a:extLst>
                  <a:ext uri="{0D108BD9-81ED-4DB2-BD59-A6C34878D82A}">
                    <a16:rowId xmlns:a16="http://schemas.microsoft.com/office/drawing/2014/main" xmlns="" val="3408325919"/>
                  </a:ext>
                </a:extLst>
              </a:tr>
              <a:tr h="360379">
                <a:tc>
                  <a:txBody>
                    <a:bodyPr/>
                    <a:lstStyle/>
                    <a:p>
                      <a:pPr algn="l">
                        <a:lnSpc>
                          <a:spcPct val="107000"/>
                        </a:lnSpc>
                        <a:spcAft>
                          <a:spcPts val="800"/>
                        </a:spcAft>
                      </a:pPr>
                      <a:r>
                        <a:rPr lang="en-US" sz="1800" dirty="0">
                          <a:effectLst/>
                          <a:latin typeface="+mn-lt"/>
                        </a:rPr>
                        <a:t>1h00–1h35</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lumMod val="85000"/>
                      </a:schemeClr>
                    </a:solidFill>
                  </a:tcPr>
                </a:tc>
                <a:tc>
                  <a:txBody>
                    <a:bodyPr/>
                    <a:lstStyle/>
                    <a:p>
                      <a:pPr algn="l">
                        <a:lnSpc>
                          <a:spcPct val="107000"/>
                        </a:lnSpc>
                        <a:spcAft>
                          <a:spcPts val="600"/>
                        </a:spcAft>
                      </a:pPr>
                      <a:r>
                        <a:rPr lang="es-VE" sz="1800" dirty="0" smtClean="0">
                          <a:effectLst/>
                          <a:latin typeface="+mn-lt"/>
                          <a:ea typeface="Calibri" panose="020F0502020204030204" pitchFamily="34" charset="0"/>
                          <a:cs typeface="Times New Roman" panose="02020603050405020304" pitchFamily="18" charset="0"/>
                        </a:rPr>
                        <a:t>Discusiones grupales: la persona, los servicios, el contexto externo</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lumMod val="85000"/>
                      </a:schemeClr>
                    </a:solidFill>
                  </a:tcPr>
                </a:tc>
                <a:extLst>
                  <a:ext uri="{0D108BD9-81ED-4DB2-BD59-A6C34878D82A}">
                    <a16:rowId xmlns:a16="http://schemas.microsoft.com/office/drawing/2014/main" xmlns="" val="149657605"/>
                  </a:ext>
                </a:extLst>
              </a:tr>
              <a:tr h="360379">
                <a:tc>
                  <a:txBody>
                    <a:bodyPr/>
                    <a:lstStyle/>
                    <a:p>
                      <a:pPr algn="l">
                        <a:lnSpc>
                          <a:spcPct val="107000"/>
                        </a:lnSpc>
                        <a:spcAft>
                          <a:spcPts val="800"/>
                        </a:spcAft>
                      </a:pPr>
                      <a:r>
                        <a:rPr lang="en-US" sz="1800" dirty="0">
                          <a:effectLst/>
                          <a:latin typeface="+mn-lt"/>
                        </a:rPr>
                        <a:t>1h35–1h50</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solidFill>
                  </a:tcPr>
                </a:tc>
                <a:tc>
                  <a:txBody>
                    <a:bodyPr/>
                    <a:lstStyle/>
                    <a:p>
                      <a:pPr algn="l">
                        <a:lnSpc>
                          <a:spcPct val="107000"/>
                        </a:lnSpc>
                        <a:spcAft>
                          <a:spcPts val="600"/>
                        </a:spcAft>
                      </a:pPr>
                      <a:r>
                        <a:rPr lang="en-ZA" sz="1800" dirty="0" smtClean="0">
                          <a:effectLst/>
                          <a:latin typeface="+mn-lt"/>
                          <a:ea typeface="Calibri" panose="020F0502020204030204" pitchFamily="34" charset="0"/>
                          <a:cs typeface="Times New Roman" panose="02020603050405020304" pitchFamily="18" charset="0"/>
                        </a:rPr>
                        <a:t>Plenaria: reporte</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solidFill>
                  </a:tcPr>
                </a:tc>
                <a:extLst>
                  <a:ext uri="{0D108BD9-81ED-4DB2-BD59-A6C34878D82A}">
                    <a16:rowId xmlns:a16="http://schemas.microsoft.com/office/drawing/2014/main" xmlns="" val="4274342896"/>
                  </a:ext>
                </a:extLst>
              </a:tr>
              <a:tr h="360379">
                <a:tc>
                  <a:txBody>
                    <a:bodyPr/>
                    <a:lstStyle/>
                    <a:p>
                      <a:pPr marL="0" marR="0" lvl="0" indent="0" algn="l" defTabSz="914400" rtl="0" eaLnBrk="1" fontAlgn="auto" latinLnBrk="0" hangingPunct="1">
                        <a:lnSpc>
                          <a:spcPct val="107000"/>
                        </a:lnSpc>
                        <a:spcBef>
                          <a:spcPts val="0"/>
                        </a:spcBef>
                        <a:spcAft>
                          <a:spcPts val="800"/>
                        </a:spcAft>
                        <a:buClrTx/>
                        <a:buSzTx/>
                        <a:buFontTx/>
                        <a:buNone/>
                        <a:tabLst/>
                        <a:defRPr/>
                      </a:pPr>
                      <a:r>
                        <a:rPr lang="en-US" sz="1800" dirty="0">
                          <a:effectLst/>
                          <a:latin typeface="+mn-lt"/>
                        </a:rPr>
                        <a:t>1h50–2h00</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lumMod val="85000"/>
                      </a:schemeClr>
                    </a:solidFill>
                  </a:tcPr>
                </a:tc>
                <a:tc>
                  <a:txBody>
                    <a:bodyPr/>
                    <a:lstStyle/>
                    <a:p>
                      <a:pPr algn="l">
                        <a:lnSpc>
                          <a:spcPct val="107000"/>
                        </a:lnSpc>
                        <a:spcAft>
                          <a:spcPts val="600"/>
                        </a:spcAft>
                      </a:pPr>
                      <a:r>
                        <a:rPr lang="en-ZA" sz="1800" dirty="0" smtClean="0">
                          <a:effectLst/>
                          <a:latin typeface="+mn-lt"/>
                          <a:ea typeface="Calibri" panose="020F0502020204030204" pitchFamily="34" charset="0"/>
                          <a:cs typeface="Times New Roman" panose="02020603050405020304" pitchFamily="18" charset="0"/>
                        </a:rPr>
                        <a:t>Pausa</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lumMod val="85000"/>
                      </a:schemeClr>
                    </a:solidFill>
                  </a:tcPr>
                </a:tc>
                <a:extLst>
                  <a:ext uri="{0D108BD9-81ED-4DB2-BD59-A6C34878D82A}">
                    <a16:rowId xmlns:a16="http://schemas.microsoft.com/office/drawing/2014/main" xmlns="" val="752208976"/>
                  </a:ext>
                </a:extLst>
              </a:tr>
              <a:tr h="360379">
                <a:tc>
                  <a:txBody>
                    <a:bodyPr/>
                    <a:lstStyle/>
                    <a:p>
                      <a:pPr algn="l">
                        <a:lnSpc>
                          <a:spcPct val="107000"/>
                        </a:lnSpc>
                        <a:spcAft>
                          <a:spcPts val="800"/>
                        </a:spcAft>
                      </a:pPr>
                      <a:r>
                        <a:rPr lang="en-US" sz="1800" dirty="0">
                          <a:effectLst/>
                          <a:latin typeface="+mn-lt"/>
                        </a:rPr>
                        <a:t>2h00–2h10</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solidFill>
                  </a:tcPr>
                </a:tc>
                <a:tc>
                  <a:txBody>
                    <a:bodyPr/>
                    <a:lstStyle/>
                    <a:p>
                      <a:pPr algn="l">
                        <a:lnSpc>
                          <a:spcPct val="107000"/>
                        </a:lnSpc>
                        <a:spcAft>
                          <a:spcPts val="600"/>
                        </a:spcAft>
                      </a:pPr>
                      <a:r>
                        <a:rPr lang="en-ZA" sz="1800" dirty="0" smtClean="0">
                          <a:effectLst/>
                          <a:latin typeface="+mn-lt"/>
                          <a:ea typeface="Calibri" panose="020F0502020204030204" pitchFamily="34" charset="0"/>
                          <a:cs typeface="Times New Roman" panose="02020603050405020304" pitchFamily="18" charset="0"/>
                        </a:rPr>
                        <a:t>Reportes individuales</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solidFill>
                  </a:tcPr>
                </a:tc>
                <a:extLst>
                  <a:ext uri="{0D108BD9-81ED-4DB2-BD59-A6C34878D82A}">
                    <a16:rowId xmlns:a16="http://schemas.microsoft.com/office/drawing/2014/main" xmlns="" val="2887400456"/>
                  </a:ext>
                </a:extLst>
              </a:tr>
              <a:tr h="360379">
                <a:tc>
                  <a:txBody>
                    <a:bodyPr/>
                    <a:lstStyle/>
                    <a:p>
                      <a:pPr algn="l">
                        <a:lnSpc>
                          <a:spcPct val="107000"/>
                        </a:lnSpc>
                        <a:spcAft>
                          <a:spcPts val="800"/>
                        </a:spcAft>
                      </a:pPr>
                      <a:r>
                        <a:rPr lang="en-US" sz="1800" dirty="0">
                          <a:effectLst/>
                          <a:latin typeface="+mn-lt"/>
                        </a:rPr>
                        <a:t>2h10–2h45</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lumMod val="85000"/>
                      </a:schemeClr>
                    </a:solidFill>
                  </a:tcPr>
                </a:tc>
                <a:tc>
                  <a:txBody>
                    <a:bodyPr/>
                    <a:lstStyle/>
                    <a:p>
                      <a:pPr algn="l">
                        <a:lnSpc>
                          <a:spcPct val="107000"/>
                        </a:lnSpc>
                        <a:spcAft>
                          <a:spcPts val="600"/>
                        </a:spcAft>
                      </a:pPr>
                      <a:r>
                        <a:rPr lang="en-ZA" sz="1800" dirty="0" smtClean="0">
                          <a:effectLst/>
                          <a:latin typeface="+mn-lt"/>
                          <a:ea typeface="Calibri" panose="020F0502020204030204" pitchFamily="34" charset="0"/>
                          <a:cs typeface="Times New Roman" panose="02020603050405020304" pitchFamily="18" charset="0"/>
                        </a:rPr>
                        <a:t>Café mundial: Continuar, eliminar, comenzar</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lumMod val="85000"/>
                      </a:schemeClr>
                    </a:solidFill>
                  </a:tcPr>
                </a:tc>
                <a:extLst>
                  <a:ext uri="{0D108BD9-81ED-4DB2-BD59-A6C34878D82A}">
                    <a16:rowId xmlns:a16="http://schemas.microsoft.com/office/drawing/2014/main" xmlns="" val="2046137789"/>
                  </a:ext>
                </a:extLst>
              </a:tr>
              <a:tr h="360379">
                <a:tc>
                  <a:txBody>
                    <a:bodyPr/>
                    <a:lstStyle/>
                    <a:p>
                      <a:pPr algn="l">
                        <a:lnSpc>
                          <a:spcPct val="107000"/>
                        </a:lnSpc>
                        <a:spcAft>
                          <a:spcPts val="800"/>
                        </a:spcAft>
                      </a:pPr>
                      <a:r>
                        <a:rPr lang="en-US" sz="1800" dirty="0">
                          <a:effectLst/>
                          <a:latin typeface="+mn-lt"/>
                        </a:rPr>
                        <a:t>2h45–2h55</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solidFill>
                  </a:tcPr>
                </a:tc>
                <a:tc>
                  <a:txBody>
                    <a:bodyPr/>
                    <a:lstStyle/>
                    <a:p>
                      <a:pPr algn="l">
                        <a:lnSpc>
                          <a:spcPct val="107000"/>
                        </a:lnSpc>
                        <a:spcAft>
                          <a:spcPts val="800"/>
                        </a:spcAft>
                      </a:pPr>
                      <a:r>
                        <a:rPr lang="es-VE" sz="1800" dirty="0" smtClean="0">
                          <a:effectLst/>
                          <a:latin typeface="+mn-lt"/>
                          <a:ea typeface="Calibri" panose="020F0502020204030204" pitchFamily="34" charset="0"/>
                          <a:cs typeface="Times New Roman" panose="02020603050405020304" pitchFamily="18" charset="0"/>
                        </a:rPr>
                        <a:t>Informe </a:t>
                      </a:r>
                      <a:r>
                        <a:rPr lang="es-VE" sz="1800" dirty="0" smtClean="0">
                          <a:effectLst/>
                          <a:latin typeface="+mn-lt"/>
                          <a:ea typeface="Calibri" panose="020F0502020204030204" pitchFamily="34" charset="0"/>
                          <a:cs typeface="Times New Roman" panose="02020603050405020304" pitchFamily="18" charset="0"/>
                        </a:rPr>
                        <a:t>en</a:t>
                      </a:r>
                      <a:r>
                        <a:rPr lang="es-VE" sz="1800" baseline="0" dirty="0" smtClean="0">
                          <a:effectLst/>
                          <a:latin typeface="+mn-lt"/>
                          <a:ea typeface="Calibri" panose="020F0502020204030204" pitchFamily="34" charset="0"/>
                          <a:cs typeface="Times New Roman" panose="02020603050405020304" pitchFamily="18" charset="0"/>
                        </a:rPr>
                        <a:t> plenaria</a:t>
                      </a:r>
                      <a:r>
                        <a:rPr lang="es-VE" sz="1800" dirty="0" smtClean="0">
                          <a:effectLst/>
                          <a:latin typeface="+mn-lt"/>
                          <a:ea typeface="Calibri" panose="020F0502020204030204" pitchFamily="34" charset="0"/>
                          <a:cs typeface="Times New Roman" panose="02020603050405020304" pitchFamily="18" charset="0"/>
                        </a:rPr>
                        <a:t>: </a:t>
                      </a:r>
                      <a:r>
                        <a:rPr lang="es-VE" sz="1800" dirty="0" smtClean="0">
                          <a:effectLst/>
                          <a:latin typeface="+mn-lt"/>
                          <a:ea typeface="Calibri" panose="020F0502020204030204" pitchFamily="34" charset="0"/>
                          <a:cs typeface="Times New Roman" panose="02020603050405020304" pitchFamily="18" charset="0"/>
                        </a:rPr>
                        <a:t>la recomendación número uno</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solidFill>
                  </a:tcPr>
                </a:tc>
                <a:extLst>
                  <a:ext uri="{0D108BD9-81ED-4DB2-BD59-A6C34878D82A}">
                    <a16:rowId xmlns:a16="http://schemas.microsoft.com/office/drawing/2014/main" xmlns="" val="3319809717"/>
                  </a:ext>
                </a:extLst>
              </a:tr>
              <a:tr h="360379">
                <a:tc>
                  <a:txBody>
                    <a:bodyPr/>
                    <a:lstStyle/>
                    <a:p>
                      <a:pPr algn="l">
                        <a:lnSpc>
                          <a:spcPct val="107000"/>
                        </a:lnSpc>
                        <a:spcAft>
                          <a:spcPts val="800"/>
                        </a:spcAft>
                      </a:pPr>
                      <a:r>
                        <a:rPr lang="en-US" sz="1800" dirty="0">
                          <a:effectLst/>
                          <a:latin typeface="+mn-lt"/>
                        </a:rPr>
                        <a:t>2h55–3h00</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lumMod val="85000"/>
                      </a:schemeClr>
                    </a:solidFill>
                  </a:tcPr>
                </a:tc>
                <a:tc>
                  <a:txBody>
                    <a:bodyPr/>
                    <a:lstStyle/>
                    <a:p>
                      <a:pPr algn="l">
                        <a:lnSpc>
                          <a:spcPct val="107000"/>
                        </a:lnSpc>
                        <a:spcAft>
                          <a:spcPts val="600"/>
                        </a:spcAft>
                      </a:pPr>
                      <a:r>
                        <a:rPr lang="en-US" sz="1800" dirty="0" smtClean="0">
                          <a:effectLst/>
                          <a:latin typeface="+mn-lt"/>
                          <a:ea typeface="+mn-ea"/>
                          <a:cs typeface="+mn-cs"/>
                        </a:rPr>
                        <a:t>Despedida</a:t>
                      </a:r>
                      <a:endParaRPr lang="en-ZA" sz="1800" dirty="0">
                        <a:effectLst/>
                        <a:latin typeface="+mn-lt"/>
                        <a:ea typeface="Calibri" panose="020F0502020204030204" pitchFamily="34" charset="0"/>
                        <a:cs typeface="Times New Roman" panose="02020603050405020304" pitchFamily="18" charset="0"/>
                      </a:endParaRPr>
                    </a:p>
                  </a:txBody>
                  <a:tcPr marL="68580" marR="68580" marT="0" marB="0">
                    <a:solidFill>
                      <a:schemeClr val="bg1">
                        <a:lumMod val="85000"/>
                      </a:schemeClr>
                    </a:solidFill>
                  </a:tcPr>
                </a:tc>
                <a:extLst>
                  <a:ext uri="{0D108BD9-81ED-4DB2-BD59-A6C34878D82A}">
                    <a16:rowId xmlns:a16="http://schemas.microsoft.com/office/drawing/2014/main" xmlns="" val="1425907135"/>
                  </a:ext>
                </a:extLst>
              </a:tr>
            </a:tbl>
          </a:graphicData>
        </a:graphic>
      </p:graphicFrame>
    </p:spTree>
    <p:extLst>
      <p:ext uri="{BB962C8B-B14F-4D97-AF65-F5344CB8AC3E}">
        <p14:creationId xmlns:p14="http://schemas.microsoft.com/office/powerpoint/2010/main" val="24008621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93A59FCB-81AF-4108-8C30-3A32305D7F72}"/>
              </a:ext>
            </a:extLst>
          </p:cNvPr>
          <p:cNvSpPr>
            <a:spLocks noGrp="1"/>
          </p:cNvSpPr>
          <p:nvPr>
            <p:ph type="title"/>
          </p:nvPr>
        </p:nvSpPr>
        <p:spPr/>
        <p:txBody>
          <a:bodyPr>
            <a:normAutofit fontScale="90000"/>
          </a:bodyPr>
          <a:lstStyle/>
          <a:p>
            <a:pPr algn="ctr"/>
            <a:r>
              <a:rPr lang="es-VE" b="1" dirty="0">
                <a:latin typeface="+mn-lt"/>
              </a:rPr>
              <a:t>De ahora en adelante, la línea de tiempo seguirá un patrón de colores que se basa en la persona que está a cargo:</a:t>
            </a:r>
            <a:endParaRPr lang="en-ZA" b="1" dirty="0">
              <a:latin typeface="+mn-lt"/>
            </a:endParaRPr>
          </a:p>
        </p:txBody>
      </p:sp>
      <p:sp>
        <p:nvSpPr>
          <p:cNvPr id="3" name="Content Placeholder 2">
            <a:extLst>
              <a:ext uri="{FF2B5EF4-FFF2-40B4-BE49-F238E27FC236}">
                <a16:creationId xmlns:a16="http://schemas.microsoft.com/office/drawing/2014/main" xmlns="" id="{3609B00B-2F71-46C6-B8C4-A128AD64BC58}"/>
              </a:ext>
            </a:extLst>
          </p:cNvPr>
          <p:cNvSpPr>
            <a:spLocks noGrp="1"/>
          </p:cNvSpPr>
          <p:nvPr>
            <p:ph idx="1"/>
          </p:nvPr>
        </p:nvSpPr>
        <p:spPr/>
        <p:txBody>
          <a:bodyPr>
            <a:normAutofit/>
          </a:bodyPr>
          <a:lstStyle/>
          <a:p>
            <a:pPr>
              <a:lnSpc>
                <a:spcPct val="150000"/>
              </a:lnSpc>
            </a:pPr>
            <a:r>
              <a:rPr lang="en-ZA" sz="4400" dirty="0" smtClean="0"/>
              <a:t>Moderador</a:t>
            </a:r>
            <a:endParaRPr lang="en-ZA" sz="4400" dirty="0"/>
          </a:p>
          <a:p>
            <a:pPr>
              <a:lnSpc>
                <a:spcPct val="150000"/>
              </a:lnSpc>
            </a:pPr>
            <a:r>
              <a:rPr lang="en-ZA" sz="4400" dirty="0" smtClean="0"/>
              <a:t>Notas para el moderador</a:t>
            </a:r>
          </a:p>
          <a:p>
            <a:pPr>
              <a:lnSpc>
                <a:spcPct val="150000"/>
              </a:lnSpc>
            </a:pPr>
            <a:r>
              <a:rPr lang="en-ZA" sz="4400" dirty="0" smtClean="0"/>
              <a:t>Moderador técnico</a:t>
            </a:r>
            <a:endParaRPr lang="en-ZA" sz="4400" dirty="0"/>
          </a:p>
        </p:txBody>
      </p:sp>
      <p:sp>
        <p:nvSpPr>
          <p:cNvPr id="4" name="TextBox 3">
            <a:extLst>
              <a:ext uri="{FF2B5EF4-FFF2-40B4-BE49-F238E27FC236}">
                <a16:creationId xmlns:a16="http://schemas.microsoft.com/office/drawing/2014/main" xmlns="" id="{7D8991BC-3FAF-4D88-87C8-40AA3DAF0657}"/>
              </a:ext>
            </a:extLst>
          </p:cNvPr>
          <p:cNvSpPr txBox="1"/>
          <p:nvPr/>
        </p:nvSpPr>
        <p:spPr>
          <a:xfrm>
            <a:off x="7654322" y="3437946"/>
            <a:ext cx="1520456" cy="369332"/>
          </a:xfrm>
          <a:prstGeom prst="rect">
            <a:avLst/>
          </a:prstGeom>
          <a:solidFill>
            <a:schemeClr val="accent3"/>
          </a:solidFill>
        </p:spPr>
        <p:txBody>
          <a:bodyPr wrap="square" rtlCol="0">
            <a:spAutoFit/>
          </a:bodyPr>
          <a:lstStyle/>
          <a:p>
            <a:endParaRPr lang="en-ZA" dirty="0"/>
          </a:p>
        </p:txBody>
      </p:sp>
      <p:sp>
        <p:nvSpPr>
          <p:cNvPr id="5" name="TextBox 4">
            <a:extLst>
              <a:ext uri="{FF2B5EF4-FFF2-40B4-BE49-F238E27FC236}">
                <a16:creationId xmlns:a16="http://schemas.microsoft.com/office/drawing/2014/main" xmlns="" id="{8A1F36B3-C071-4B8D-8336-437E159C11E4}"/>
              </a:ext>
            </a:extLst>
          </p:cNvPr>
          <p:cNvSpPr txBox="1"/>
          <p:nvPr/>
        </p:nvSpPr>
        <p:spPr>
          <a:xfrm>
            <a:off x="6096000" y="4582010"/>
            <a:ext cx="1520456" cy="369332"/>
          </a:xfrm>
          <a:prstGeom prst="rect">
            <a:avLst/>
          </a:prstGeom>
          <a:solidFill>
            <a:schemeClr val="accent4"/>
          </a:solidFill>
        </p:spPr>
        <p:txBody>
          <a:bodyPr wrap="square" rtlCol="0">
            <a:spAutoFit/>
          </a:bodyPr>
          <a:lstStyle/>
          <a:p>
            <a:endParaRPr lang="en-ZA" dirty="0"/>
          </a:p>
        </p:txBody>
      </p:sp>
      <p:sp>
        <p:nvSpPr>
          <p:cNvPr id="6" name="TextBox 5">
            <a:extLst>
              <a:ext uri="{FF2B5EF4-FFF2-40B4-BE49-F238E27FC236}">
                <a16:creationId xmlns:a16="http://schemas.microsoft.com/office/drawing/2014/main" xmlns="" id="{A132D9AF-6727-40A2-9BEE-7A4B6AF3A9DB}"/>
              </a:ext>
            </a:extLst>
          </p:cNvPr>
          <p:cNvSpPr txBox="1"/>
          <p:nvPr/>
        </p:nvSpPr>
        <p:spPr>
          <a:xfrm>
            <a:off x="4137660" y="2275990"/>
            <a:ext cx="1520456" cy="369332"/>
          </a:xfrm>
          <a:prstGeom prst="rect">
            <a:avLst/>
          </a:prstGeom>
          <a:solidFill>
            <a:schemeClr val="accent1"/>
          </a:solidFill>
        </p:spPr>
        <p:txBody>
          <a:bodyPr wrap="square" rtlCol="0">
            <a:spAutoFit/>
          </a:bodyPr>
          <a:lstStyle/>
          <a:p>
            <a:endParaRPr lang="en-ZA" dirty="0"/>
          </a:p>
        </p:txBody>
      </p:sp>
    </p:spTree>
    <p:extLst>
      <p:ext uri="{BB962C8B-B14F-4D97-AF65-F5344CB8AC3E}">
        <p14:creationId xmlns:p14="http://schemas.microsoft.com/office/powerpoint/2010/main" val="200288687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xmlns="" id="{ACCCF7FC-3E96-47D0-BFF8-F05C68498519}"/>
              </a:ext>
            </a:extLst>
          </p:cNvPr>
          <p:cNvGraphicFramePr>
            <a:graphicFrameLocks noGrp="1"/>
          </p:cNvGraphicFramePr>
          <p:nvPr>
            <p:extLst>
              <p:ext uri="{D42A27DB-BD31-4B8C-83A1-F6EECF244321}">
                <p14:modId xmlns:p14="http://schemas.microsoft.com/office/powerpoint/2010/main" val="2371909950"/>
              </p:ext>
            </p:extLst>
          </p:nvPr>
        </p:nvGraphicFramePr>
        <p:xfrm>
          <a:off x="1" y="0"/>
          <a:ext cx="12191999" cy="7506850"/>
        </p:xfrm>
        <a:graphic>
          <a:graphicData uri="http://schemas.openxmlformats.org/drawingml/2006/table">
            <a:tbl>
              <a:tblPr firstRow="1" bandRow="1">
                <a:effectLst>
                  <a:outerShdw dist="38100" sx="1000" sy="1000" algn="l" rotWithShape="0">
                    <a:prstClr val="black">
                      <a:alpha val="65000"/>
                    </a:prstClr>
                  </a:outerShdw>
                </a:effectLst>
                <a:tableStyleId>{5C22544A-7EE6-4342-B048-85BDC9FD1C3A}</a:tableStyleId>
              </a:tblPr>
              <a:tblGrid>
                <a:gridCol w="2359725">
                  <a:extLst>
                    <a:ext uri="{9D8B030D-6E8A-4147-A177-3AD203B41FA5}">
                      <a16:colId xmlns:a16="http://schemas.microsoft.com/office/drawing/2014/main" xmlns="" val="1560926920"/>
                    </a:ext>
                  </a:extLst>
                </a:gridCol>
                <a:gridCol w="5255511">
                  <a:extLst>
                    <a:ext uri="{9D8B030D-6E8A-4147-A177-3AD203B41FA5}">
                      <a16:colId xmlns:a16="http://schemas.microsoft.com/office/drawing/2014/main" xmlns="" val="1975310804"/>
                    </a:ext>
                  </a:extLst>
                </a:gridCol>
                <a:gridCol w="4576763">
                  <a:extLst>
                    <a:ext uri="{9D8B030D-6E8A-4147-A177-3AD203B41FA5}">
                      <a16:colId xmlns:a16="http://schemas.microsoft.com/office/drawing/2014/main" xmlns="" val="1083194011"/>
                    </a:ext>
                  </a:extLst>
                </a:gridCol>
              </a:tblGrid>
              <a:tr h="648254">
                <a:tc>
                  <a:txBody>
                    <a:bodyPr/>
                    <a:lstStyle/>
                    <a:p>
                      <a:pPr>
                        <a:spcAft>
                          <a:spcPts val="0"/>
                        </a:spcAft>
                      </a:pPr>
                      <a:r>
                        <a:rPr lang="en-US" sz="2200" b="1" kern="1200" dirty="0" smtClean="0">
                          <a:solidFill>
                            <a:schemeClr val="accent2"/>
                          </a:solidFill>
                          <a:latin typeface="+mn-lt"/>
                          <a:ea typeface="+mn-ea"/>
                          <a:cs typeface="+mn-cs"/>
                        </a:rPr>
                        <a:t>Preparación</a:t>
                      </a:r>
                      <a:endParaRPr lang="en-US" sz="2200" b="1" kern="1200" dirty="0">
                        <a:solidFill>
                          <a:schemeClr val="accent2"/>
                        </a:solidFill>
                        <a:latin typeface="+mn-lt"/>
                        <a:ea typeface="+mn-ea"/>
                        <a:cs typeface="+mn-cs"/>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2500" b="1" kern="1200" dirty="0">
                          <a:solidFill>
                            <a:schemeClr val="tx2"/>
                          </a:solidFill>
                          <a:latin typeface="Arial" panose="020B0604020202020204" pitchFamily="34" charset="0"/>
                          <a:ea typeface="+mn-ea"/>
                          <a:cs typeface="Arial" panose="020B0604020202020204" pitchFamily="34" charset="0"/>
                        </a:rPr>
                        <a:t>-30 </a:t>
                      </a:r>
                      <a:r>
                        <a:rPr lang="en-US" sz="2500" b="1" kern="1200" dirty="0" smtClean="0">
                          <a:solidFill>
                            <a:schemeClr val="tx2"/>
                          </a:solidFill>
                          <a:latin typeface="Arial" panose="020B0604020202020204" pitchFamily="34" charset="0"/>
                          <a:ea typeface="+mn-ea"/>
                          <a:cs typeface="Arial" panose="020B0604020202020204" pitchFamily="34" charset="0"/>
                        </a:rPr>
                        <a:t>a </a:t>
                      </a:r>
                      <a:r>
                        <a:rPr lang="en-US" sz="2500" b="1" kern="1200" dirty="0">
                          <a:solidFill>
                            <a:schemeClr val="tx2"/>
                          </a:solidFill>
                          <a:latin typeface="Arial" panose="020B0604020202020204" pitchFamily="34" charset="0"/>
                          <a:ea typeface="+mn-ea"/>
                          <a:cs typeface="Arial" panose="020B0604020202020204" pitchFamily="34" charset="0"/>
                        </a:rPr>
                        <a:t>0 </a:t>
                      </a:r>
                      <a:r>
                        <a:rPr lang="en-US" sz="2500" b="1" kern="1200" dirty="0" smtClean="0">
                          <a:solidFill>
                            <a:schemeClr val="tx2"/>
                          </a:solidFill>
                          <a:latin typeface="Arial" panose="020B0604020202020204" pitchFamily="34" charset="0"/>
                          <a:ea typeface="+mn-ea"/>
                          <a:cs typeface="Arial" panose="020B0604020202020204" pitchFamily="34" charset="0"/>
                        </a:rPr>
                        <a:t>minutos</a:t>
                      </a:r>
                      <a:endParaRPr lang="en-US" sz="2500" dirty="0">
                        <a:solidFill>
                          <a:schemeClr val="tx2"/>
                        </a:solidFill>
                        <a:latin typeface="Arial" panose="020B0604020202020204" pitchFamily="34" charset="0"/>
                        <a:cs typeface="Arial" panose="020B0604020202020204" pitchFamily="34" charset="0"/>
                      </a:endParaRPr>
                    </a:p>
                  </a:txBody>
                  <a:tcPr anchor="ctr">
                    <a:lnL w="12700" cmpd="sng">
                      <a:noFill/>
                    </a:lnL>
                    <a:lnR w="12700" cap="flat" cmpd="sng" algn="ctr">
                      <a:solidFill>
                        <a:schemeClr val="tx1"/>
                      </a:solidFill>
                      <a:prstDash val="solid"/>
                      <a:round/>
                      <a:headEnd type="none" w="med" len="med"/>
                      <a:tailEnd type="none" w="med" len="med"/>
                    </a:lnR>
                    <a:lnT w="38100" cmpd="sng">
                      <a:noFill/>
                    </a:lnT>
                    <a:lnB w="12700" cmpd="sng">
                      <a:noFill/>
                    </a:lnB>
                    <a:lnTlToBr w="12700" cmpd="sng">
                      <a:noFill/>
                      <a:prstDash val="solid"/>
                    </a:lnTlToBr>
                    <a:lnBlToTr w="12700" cmpd="sng">
                      <a:noFill/>
                      <a:prstDash val="solid"/>
                    </a:lnBlToTr>
                    <a:solidFill>
                      <a:schemeClr val="bg1">
                        <a:lumMod val="8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2500" b="1" kern="1200" dirty="0">
                          <a:solidFill>
                            <a:schemeClr val="tx2"/>
                          </a:solidFill>
                          <a:latin typeface="Arial" panose="020B0604020202020204" pitchFamily="34" charset="0"/>
                          <a:ea typeface="+mn-ea"/>
                          <a:cs typeface="Arial" panose="020B0604020202020204" pitchFamily="34" charset="0"/>
                        </a:rPr>
                        <a:t>0 </a:t>
                      </a:r>
                      <a:r>
                        <a:rPr lang="en-US" sz="2500" b="1" kern="1200" dirty="0" smtClean="0">
                          <a:solidFill>
                            <a:schemeClr val="tx2"/>
                          </a:solidFill>
                          <a:latin typeface="Arial" panose="020B0604020202020204" pitchFamily="34" charset="0"/>
                          <a:ea typeface="+mn-ea"/>
                          <a:cs typeface="Arial" panose="020B0604020202020204" pitchFamily="34" charset="0"/>
                        </a:rPr>
                        <a:t>a </a:t>
                      </a:r>
                      <a:r>
                        <a:rPr lang="en-US" sz="2500" b="1" kern="1200" dirty="0">
                          <a:solidFill>
                            <a:schemeClr val="tx2"/>
                          </a:solidFill>
                          <a:latin typeface="Arial" panose="020B0604020202020204" pitchFamily="34" charset="0"/>
                          <a:ea typeface="+mn-ea"/>
                          <a:cs typeface="Arial" panose="020B0604020202020204" pitchFamily="34" charset="0"/>
                        </a:rPr>
                        <a:t>10 </a:t>
                      </a:r>
                      <a:r>
                        <a:rPr lang="en-US" sz="2500" b="1" kern="1200" dirty="0" smtClean="0">
                          <a:solidFill>
                            <a:schemeClr val="tx2"/>
                          </a:solidFill>
                          <a:latin typeface="Arial" panose="020B0604020202020204" pitchFamily="34" charset="0"/>
                          <a:ea typeface="+mn-ea"/>
                          <a:cs typeface="Arial" panose="020B0604020202020204" pitchFamily="34" charset="0"/>
                        </a:rPr>
                        <a:t>minutos</a:t>
                      </a:r>
                      <a:endParaRPr lang="en-US" sz="2500" dirty="0">
                        <a:solidFill>
                          <a:schemeClr val="tx2"/>
                        </a:solidFill>
                        <a:latin typeface="Arial" panose="020B0604020202020204" pitchFamily="34" charset="0"/>
                        <a:cs typeface="Arial" panose="020B0604020202020204" pitchFamily="34" charset="0"/>
                      </a:endParaRPr>
                    </a:p>
                  </a:txBody>
                  <a:tcPr anchor="ctr">
                    <a:lnL w="12700" cap="flat" cmpd="sng" algn="ctr">
                      <a:solidFill>
                        <a:schemeClr val="tx1"/>
                      </a:solidFill>
                      <a:prstDash val="solid"/>
                      <a:round/>
                      <a:headEnd type="none" w="med" len="med"/>
                      <a:tailEnd type="none" w="med" len="med"/>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extLst>
                  <a:ext uri="{0D108BD9-81ED-4DB2-BD59-A6C34878D82A}">
                    <a16:rowId xmlns:a16="http://schemas.microsoft.com/office/drawing/2014/main" xmlns="" val="423117710"/>
                  </a:ext>
                </a:extLst>
              </a:tr>
              <a:tr h="2263464">
                <a:tc>
                  <a:txBody>
                    <a:bodyPr/>
                    <a:lstStyle/>
                    <a:p>
                      <a:pPr algn="ctr">
                        <a:lnSpc>
                          <a:spcPct val="107000"/>
                        </a:lnSpc>
                        <a:spcAft>
                          <a:spcPts val="0"/>
                        </a:spcAft>
                      </a:pPr>
                      <a:r>
                        <a:rPr lang="en-US" sz="1800" b="1" dirty="0" smtClean="0">
                          <a:solidFill>
                            <a:schemeClr val="bg1"/>
                          </a:solidFill>
                          <a:effectLst/>
                          <a:latin typeface="Arial" panose="020B0604020202020204" pitchFamily="34" charset="0"/>
                          <a:ea typeface="+mn-ea"/>
                          <a:cs typeface="Arial" panose="020B0604020202020204" pitchFamily="34" charset="0"/>
                        </a:rPr>
                        <a:t>Moderador</a:t>
                      </a:r>
                      <a:endParaRPr lang="en-ZA" sz="1800" b="1" dirty="0">
                        <a:solidFill>
                          <a:schemeClr val="bg1"/>
                        </a:solidFill>
                        <a:effectLst/>
                        <a:latin typeface="Arial" panose="020B0604020202020204" pitchFamily="34" charset="0"/>
                        <a:ea typeface="Calibri" panose="020F0502020204030204" pitchFamily="34" charset="0"/>
                        <a:cs typeface="Arial" panose="020B0604020202020204" pitchFamily="34" charset="0"/>
                      </a:endParaRPr>
                    </a:p>
                  </a:txBody>
                  <a:tcPr>
                    <a:lnT w="12700" cmpd="sng">
                      <a:noFill/>
                    </a:lnT>
                    <a:solidFill>
                      <a:schemeClr val="accent1"/>
                    </a:solidFill>
                  </a:tcPr>
                </a:tc>
                <a:tc>
                  <a:txBody>
                    <a:bodyPr/>
                    <a:lstStyle/>
                    <a:p>
                      <a:pPr>
                        <a:spcAft>
                          <a:spcPts val="0"/>
                        </a:spcAft>
                      </a:pPr>
                      <a:r>
                        <a:rPr lang="es-VE" sz="1700" dirty="0" smtClean="0"/>
                        <a:t>Darle la bienvenida a los participantes y explicar el protocolo tecnológico.</a:t>
                      </a:r>
                      <a:endParaRPr lang="en-US" sz="1700" dirty="0"/>
                    </a:p>
                  </a:txBody>
                  <a:tcPr>
                    <a:lnR w="12700" cap="flat" cmpd="sng" algn="ctr">
                      <a:solidFill>
                        <a:schemeClr val="tx1"/>
                      </a:solidFill>
                      <a:prstDash val="solid"/>
                      <a:round/>
                      <a:headEnd type="none" w="med" len="med"/>
                      <a:tailEnd type="none" w="med" len="med"/>
                    </a:lnR>
                    <a:lnT w="12700" cmpd="sng">
                      <a:noFill/>
                    </a:lnT>
                    <a:solidFill>
                      <a:schemeClr val="bg1"/>
                    </a:solidFill>
                  </a:tcPr>
                </a:tc>
                <a:tc>
                  <a:txBody>
                    <a:bodyPr/>
                    <a:lstStyle/>
                    <a:p>
                      <a:pPr fontAlgn="t"/>
                      <a:r>
                        <a:rPr lang="es-VE" sz="1700" b="0" dirty="0" smtClean="0">
                          <a:solidFill>
                            <a:schemeClr val="tx1"/>
                          </a:solidFill>
                        </a:rPr>
                        <a:t>Dar la bienvenida e iniciar la sesión.</a:t>
                      </a:r>
                    </a:p>
                    <a:p>
                      <a:pPr fontAlgn="t"/>
                      <a:endParaRPr lang="es-VE" sz="1700" b="0" dirty="0" smtClean="0">
                        <a:solidFill>
                          <a:schemeClr val="tx1"/>
                        </a:solidFill>
                      </a:endParaRPr>
                    </a:p>
                    <a:p>
                      <a:pPr marL="285750" indent="-285750" fontAlgn="t">
                        <a:buFont typeface="Arial" panose="020B0604020202020204" pitchFamily="34" charset="0"/>
                        <a:buChar char="•"/>
                      </a:pPr>
                      <a:r>
                        <a:rPr lang="es-VE" sz="1700" b="0" dirty="0" smtClean="0">
                          <a:solidFill>
                            <a:schemeClr val="tx1"/>
                          </a:solidFill>
                        </a:rPr>
                        <a:t>Determinar el objetivo de la reunión.</a:t>
                      </a:r>
                    </a:p>
                    <a:p>
                      <a:pPr marL="285750" indent="-285750" fontAlgn="t">
                        <a:buFont typeface="Arial" panose="020B0604020202020204" pitchFamily="34" charset="0"/>
                        <a:buChar char="•"/>
                      </a:pPr>
                      <a:r>
                        <a:rPr lang="es-VE" sz="1700" b="0" dirty="0" smtClean="0">
                          <a:solidFill>
                            <a:schemeClr val="tx1"/>
                          </a:solidFill>
                        </a:rPr>
                        <a:t>Compartir algunas palabras sobre la estrategia global del </a:t>
                      </a:r>
                      <a:r>
                        <a:rPr lang="es-VE" sz="1700" b="0" dirty="0" smtClean="0">
                          <a:solidFill>
                            <a:schemeClr val="tx1"/>
                          </a:solidFill>
                        </a:rPr>
                        <a:t>SIDA.</a:t>
                      </a:r>
                      <a:endParaRPr lang="es-VE" sz="1700" b="0" dirty="0" smtClean="0">
                        <a:solidFill>
                          <a:schemeClr val="tx1"/>
                        </a:solidFill>
                      </a:endParaRPr>
                    </a:p>
                    <a:p>
                      <a:pPr fontAlgn="t"/>
                      <a:endParaRPr lang="es-VE" sz="1700" b="0" dirty="0" smtClean="0">
                        <a:solidFill>
                          <a:schemeClr val="tx1"/>
                        </a:solidFill>
                      </a:endParaRPr>
                    </a:p>
                    <a:p>
                      <a:pPr fontAlgn="t"/>
                      <a:r>
                        <a:rPr lang="es-VE" sz="1700" b="0" dirty="0" smtClean="0">
                          <a:solidFill>
                            <a:schemeClr val="tx1"/>
                          </a:solidFill>
                        </a:rPr>
                        <a:t>Invitar a la organización anfitriona a dar palabras de bienvenida.</a:t>
                      </a:r>
                      <a:endParaRPr lang="en-ZA" sz="1700" b="0" dirty="0">
                        <a:solidFill>
                          <a:schemeClr val="tx1"/>
                        </a:solidFill>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mpd="sng">
                      <a:noFill/>
                    </a:lnT>
                    <a:solidFill>
                      <a:schemeClr val="bg1"/>
                    </a:solidFill>
                  </a:tcPr>
                </a:tc>
                <a:extLst>
                  <a:ext uri="{0D108BD9-81ED-4DB2-BD59-A6C34878D82A}">
                    <a16:rowId xmlns:a16="http://schemas.microsoft.com/office/drawing/2014/main" xmlns="" val="2826885672"/>
                  </a:ext>
                </a:extLst>
              </a:tr>
              <a:tr h="2171972">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endParaRPr lang="en-US" sz="18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r>
                        <a:rPr lang="en-US" sz="1800" b="1" kern="1200" dirty="0" smtClean="0">
                          <a:solidFill>
                            <a:schemeClr val="bg1"/>
                          </a:solidFill>
                          <a:effectLst/>
                          <a:latin typeface="Arial" panose="020B0604020202020204" pitchFamily="34" charset="0"/>
                          <a:ea typeface="+mn-ea"/>
                          <a:cs typeface="Arial" panose="020B0604020202020204" pitchFamily="34" charset="0"/>
                        </a:rPr>
                        <a:t>Notas</a:t>
                      </a:r>
                      <a:r>
                        <a:rPr lang="en-US" sz="1800" b="1" kern="1200" baseline="0" dirty="0" smtClean="0">
                          <a:solidFill>
                            <a:schemeClr val="bg1"/>
                          </a:solidFill>
                          <a:effectLst/>
                          <a:latin typeface="Arial" panose="020B0604020202020204" pitchFamily="34" charset="0"/>
                          <a:ea typeface="+mn-ea"/>
                          <a:cs typeface="Arial" panose="020B0604020202020204" pitchFamily="34" charset="0"/>
                        </a:rPr>
                        <a:t> </a:t>
                      </a:r>
                      <a:r>
                        <a:rPr lang="en-US" sz="1800" b="1" kern="1200" baseline="0" dirty="0" smtClean="0">
                          <a:solidFill>
                            <a:schemeClr val="bg1"/>
                          </a:solidFill>
                          <a:effectLst/>
                          <a:latin typeface="Arial" panose="020B0604020202020204" pitchFamily="34" charset="0"/>
                          <a:ea typeface="+mn-ea"/>
                          <a:cs typeface="Arial" panose="020B0604020202020204" pitchFamily="34" charset="0"/>
                        </a:rPr>
                        <a:t/>
                      </a:r>
                      <a:br>
                        <a:rPr lang="en-US" sz="1800" b="1" kern="1200" baseline="0" dirty="0" smtClean="0">
                          <a:solidFill>
                            <a:schemeClr val="bg1"/>
                          </a:solidFill>
                          <a:effectLst/>
                          <a:latin typeface="Arial" panose="020B0604020202020204" pitchFamily="34" charset="0"/>
                          <a:ea typeface="+mn-ea"/>
                          <a:cs typeface="Arial" panose="020B0604020202020204" pitchFamily="34" charset="0"/>
                        </a:rPr>
                      </a:br>
                      <a:r>
                        <a:rPr lang="en-US" sz="1800" b="1" kern="1200" baseline="0" dirty="0" smtClean="0">
                          <a:solidFill>
                            <a:schemeClr val="bg1"/>
                          </a:solidFill>
                          <a:effectLst/>
                          <a:latin typeface="Arial" panose="020B0604020202020204" pitchFamily="34" charset="0"/>
                          <a:ea typeface="+mn-ea"/>
                          <a:cs typeface="Arial" panose="020B0604020202020204" pitchFamily="34" charset="0"/>
                        </a:rPr>
                        <a:t>para el moderador</a:t>
                      </a:r>
                      <a:endParaRPr lang="en-US" sz="1800" b="1" kern="1200" dirty="0">
                        <a:solidFill>
                          <a:schemeClr val="bg1"/>
                        </a:solidFill>
                        <a:effectLst/>
                        <a:latin typeface="Arial" panose="020B0604020202020204" pitchFamily="34" charset="0"/>
                        <a:ea typeface="+mn-ea"/>
                        <a:cs typeface="Arial" panose="020B0604020202020204" pitchFamily="34" charset="0"/>
                      </a:endParaRPr>
                    </a:p>
                  </a:txBody>
                  <a:tcPr>
                    <a:solidFill>
                      <a:schemeClr val="accent3"/>
                    </a:solidFill>
                  </a:tcPr>
                </a:tc>
                <a:tc gridSpan="2">
                  <a:txBody>
                    <a:bodyPr/>
                    <a:lstStyle/>
                    <a:p>
                      <a:pPr>
                        <a:lnSpc>
                          <a:spcPct val="107000"/>
                        </a:lnSpc>
                        <a:spcAft>
                          <a:spcPts val="0"/>
                        </a:spcAft>
                      </a:pPr>
                      <a:r>
                        <a:rPr lang="es-VE" sz="1700" kern="1200" dirty="0" smtClean="0">
                          <a:solidFill>
                            <a:schemeClr val="dk1"/>
                          </a:solidFill>
                          <a:effectLst/>
                          <a:latin typeface="+mn-lt"/>
                          <a:ea typeface="+mn-ea"/>
                          <a:cs typeface="+mn-cs"/>
                        </a:rPr>
                        <a:t>Reforzar a los participantes que su presencia tiene la misma importancia en una DGF virtual que en una presencial. Quizás sea necesario insistir en los siguientes puntos:</a:t>
                      </a:r>
                    </a:p>
                    <a:p>
                      <a:pPr marL="285750" indent="-285750">
                        <a:lnSpc>
                          <a:spcPct val="107000"/>
                        </a:lnSpc>
                        <a:spcAft>
                          <a:spcPts val="0"/>
                        </a:spcAft>
                        <a:buFont typeface="Arial" panose="020B0604020202020204" pitchFamily="34" charset="0"/>
                        <a:buChar char="•"/>
                      </a:pPr>
                      <a:r>
                        <a:rPr lang="es-VE" sz="1700" kern="1200" dirty="0" smtClean="0">
                          <a:solidFill>
                            <a:schemeClr val="dk1"/>
                          </a:solidFill>
                          <a:effectLst/>
                          <a:latin typeface="+mn-lt"/>
                          <a:ea typeface="+mn-ea"/>
                          <a:cs typeface="+mn-cs"/>
                        </a:rPr>
                        <a:t>Prender  la cámara.</a:t>
                      </a:r>
                    </a:p>
                    <a:p>
                      <a:pPr marL="285750" indent="-285750">
                        <a:lnSpc>
                          <a:spcPct val="107000"/>
                        </a:lnSpc>
                        <a:spcAft>
                          <a:spcPts val="0"/>
                        </a:spcAft>
                        <a:buFont typeface="Arial" panose="020B0604020202020204" pitchFamily="34" charset="0"/>
                        <a:buChar char="•"/>
                      </a:pPr>
                      <a:r>
                        <a:rPr lang="es-VE" sz="1700" kern="1200" dirty="0" smtClean="0">
                          <a:solidFill>
                            <a:schemeClr val="dk1"/>
                          </a:solidFill>
                          <a:effectLst/>
                          <a:latin typeface="+mn-lt"/>
                          <a:ea typeface="+mn-ea"/>
                          <a:cs typeface="+mn-cs"/>
                        </a:rPr>
                        <a:t>Silenciar el micrófono si no están hablando.</a:t>
                      </a:r>
                    </a:p>
                    <a:p>
                      <a:pPr marL="285750" indent="-285750">
                        <a:lnSpc>
                          <a:spcPct val="107000"/>
                        </a:lnSpc>
                        <a:spcAft>
                          <a:spcPts val="0"/>
                        </a:spcAft>
                        <a:buFont typeface="Arial" panose="020B0604020202020204" pitchFamily="34" charset="0"/>
                        <a:buChar char="•"/>
                      </a:pPr>
                      <a:r>
                        <a:rPr lang="es-VE" sz="1700" kern="1200" dirty="0" smtClean="0">
                          <a:solidFill>
                            <a:schemeClr val="dk1"/>
                          </a:solidFill>
                          <a:effectLst/>
                          <a:latin typeface="+mn-lt"/>
                          <a:ea typeface="+mn-ea"/>
                          <a:cs typeface="+mn-cs"/>
                        </a:rPr>
                        <a:t>Desactivar las notificaciones de las aplicaciones (correos, mensajes de texto, WhatsApp, etc.)</a:t>
                      </a:r>
                    </a:p>
                    <a:p>
                      <a:pPr marL="285750" indent="-285750">
                        <a:lnSpc>
                          <a:spcPct val="107000"/>
                        </a:lnSpc>
                        <a:spcAft>
                          <a:spcPts val="0"/>
                        </a:spcAft>
                        <a:buFont typeface="Arial" panose="020B0604020202020204" pitchFamily="34" charset="0"/>
                        <a:buChar char="•"/>
                      </a:pPr>
                      <a:r>
                        <a:rPr lang="es-VE" sz="1700" kern="1200" dirty="0" smtClean="0">
                          <a:solidFill>
                            <a:schemeClr val="dk1"/>
                          </a:solidFill>
                          <a:effectLst/>
                          <a:latin typeface="+mn-lt"/>
                          <a:ea typeface="+mn-ea"/>
                          <a:cs typeface="+mn-cs"/>
                        </a:rPr>
                        <a:t>Abrir la ventana de Zoom en pantalla completa (para no distraerse con otras).</a:t>
                      </a:r>
                      <a:endParaRPr lang="en-GB" sz="1700" kern="1200" dirty="0" smtClean="0">
                        <a:solidFill>
                          <a:schemeClr val="dk1"/>
                        </a:solidFill>
                        <a:effectLst/>
                        <a:latin typeface="+mn-lt"/>
                        <a:ea typeface="+mn-ea"/>
                        <a:cs typeface="+mn-cs"/>
                      </a:endParaRPr>
                    </a:p>
                  </a:txBody>
                  <a:tcPr>
                    <a:solidFill>
                      <a:schemeClr val="bg1">
                        <a:lumMod val="85000"/>
                      </a:schemeClr>
                    </a:solidFill>
                  </a:tcPr>
                </a:tc>
                <a:tc hMerge="1">
                  <a:txBody>
                    <a:bodyPr/>
                    <a:lstStyle/>
                    <a:p>
                      <a:endParaRPr lang="en-US"/>
                    </a:p>
                  </a:txBody>
                  <a:tcPr/>
                </a:tc>
                <a:extLst>
                  <a:ext uri="{0D108BD9-81ED-4DB2-BD59-A6C34878D82A}">
                    <a16:rowId xmlns:a16="http://schemas.microsoft.com/office/drawing/2014/main" xmlns="" val="1172992013"/>
                  </a:ext>
                </a:extLst>
              </a:tr>
              <a:tr h="1774309">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endParaRPr lang="en-US" sz="18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r>
                        <a:rPr lang="en-US" sz="1800" b="1" kern="1200" dirty="0" smtClean="0">
                          <a:solidFill>
                            <a:schemeClr val="bg1"/>
                          </a:solidFill>
                          <a:effectLst/>
                          <a:latin typeface="Arial" panose="020B0604020202020204" pitchFamily="34" charset="0"/>
                          <a:ea typeface="+mn-ea"/>
                          <a:cs typeface="Arial" panose="020B0604020202020204" pitchFamily="34" charset="0"/>
                        </a:rPr>
                        <a:t>Técnicos</a:t>
                      </a:r>
                      <a:r>
                        <a:rPr lang="en-US" sz="1800" b="1" kern="1200" dirty="0" smtClean="0">
                          <a:solidFill>
                            <a:schemeClr val="bg1"/>
                          </a:solidFill>
                          <a:effectLst/>
                          <a:latin typeface="Arial" panose="020B0604020202020204" pitchFamily="34" charset="0"/>
                          <a:ea typeface="+mn-ea"/>
                          <a:cs typeface="Arial" panose="020B0604020202020204" pitchFamily="34" charset="0"/>
                        </a:rPr>
                        <a:t>/</a:t>
                      </a:r>
                    </a:p>
                    <a:p>
                      <a:pPr marL="0" marR="0" indent="0" algn="ctr" defTabSz="914400" rtl="0" eaLnBrk="1" fontAlgn="auto" latinLnBrk="0" hangingPunct="1">
                        <a:lnSpc>
                          <a:spcPct val="107000"/>
                        </a:lnSpc>
                        <a:spcBef>
                          <a:spcPts val="0"/>
                        </a:spcBef>
                        <a:spcAft>
                          <a:spcPts val="0"/>
                        </a:spcAft>
                        <a:buClrTx/>
                        <a:buSzTx/>
                        <a:buFontTx/>
                        <a:buNone/>
                        <a:tabLst/>
                        <a:defRPr/>
                      </a:pPr>
                      <a:r>
                        <a:rPr lang="en-US" sz="1800" b="1" kern="1200" dirty="0" smtClean="0">
                          <a:solidFill>
                            <a:schemeClr val="bg1"/>
                          </a:solidFill>
                          <a:effectLst/>
                          <a:latin typeface="Arial" panose="020B0604020202020204" pitchFamily="34" charset="0"/>
                          <a:ea typeface="+mn-ea"/>
                          <a:cs typeface="Arial" panose="020B0604020202020204" pitchFamily="34" charset="0"/>
                        </a:rPr>
                        <a:t>Encargados</a:t>
                      </a:r>
                      <a:r>
                        <a:rPr lang="en-US" sz="1800" b="1" kern="1200" baseline="0" dirty="0" smtClean="0">
                          <a:solidFill>
                            <a:schemeClr val="bg1"/>
                          </a:solidFill>
                          <a:effectLst/>
                          <a:latin typeface="Arial" panose="020B0604020202020204" pitchFamily="34" charset="0"/>
                          <a:ea typeface="+mn-ea"/>
                          <a:cs typeface="Arial" panose="020B0604020202020204" pitchFamily="34" charset="0"/>
                        </a:rPr>
                        <a:t> de la toma de notas</a:t>
                      </a:r>
                      <a:endParaRPr lang="en-US" sz="1800" b="1" kern="1200" dirty="0">
                        <a:solidFill>
                          <a:schemeClr val="bg1"/>
                        </a:solidFill>
                        <a:effectLst/>
                        <a:latin typeface="Arial" panose="020B0604020202020204" pitchFamily="34" charset="0"/>
                        <a:ea typeface="+mn-ea"/>
                        <a:cs typeface="Arial" panose="020B0604020202020204" pitchFamily="34" charset="0"/>
                      </a:endParaRPr>
                    </a:p>
                  </a:txBody>
                  <a:tcPr>
                    <a:solidFill>
                      <a:schemeClr val="accent4"/>
                    </a:solidFill>
                  </a:tcPr>
                </a:tc>
                <a:tc>
                  <a:txBody>
                    <a:bodyPr/>
                    <a:lstStyle/>
                    <a:p>
                      <a:pPr marL="285750" indent="-285750">
                        <a:buFont typeface="Arial" panose="020B0604020202020204" pitchFamily="34" charset="0"/>
                        <a:buChar char="•"/>
                      </a:pPr>
                      <a:r>
                        <a:rPr lang="es-VE" sz="1700" dirty="0" smtClean="0">
                          <a:effectLst/>
                          <a:latin typeface="+mj-lt"/>
                          <a:ea typeface="Calibri" panose="020F0502020204030204" pitchFamily="34" charset="0"/>
                          <a:cs typeface="Times New Roman" panose="02020603050405020304" pitchFamily="18" charset="0"/>
                        </a:rPr>
                        <a:t>Prueba final de dispositivos y conexión.</a:t>
                      </a:r>
                    </a:p>
                    <a:p>
                      <a:pPr marL="285750" indent="-285750">
                        <a:buFont typeface="Arial" panose="020B0604020202020204" pitchFamily="34" charset="0"/>
                        <a:buChar char="•"/>
                      </a:pPr>
                      <a:r>
                        <a:rPr lang="es-VE" sz="1700" dirty="0" smtClean="0">
                          <a:effectLst/>
                          <a:latin typeface="+mj-lt"/>
                          <a:ea typeface="Calibri" panose="020F0502020204030204" pitchFamily="34" charset="0"/>
                          <a:cs typeface="Times New Roman" panose="02020603050405020304" pitchFamily="18" charset="0"/>
                        </a:rPr>
                        <a:t>Asegurarse de ser el anfitrión principal de la llamada.</a:t>
                      </a:r>
                    </a:p>
                    <a:p>
                      <a:pPr marL="285750" indent="-285750">
                        <a:buFont typeface="Arial" panose="020B0604020202020204" pitchFamily="34" charset="0"/>
                        <a:buChar char="•"/>
                      </a:pPr>
                      <a:r>
                        <a:rPr lang="es-VE" sz="1700" dirty="0" smtClean="0">
                          <a:effectLst/>
                          <a:latin typeface="+mj-lt"/>
                          <a:ea typeface="Calibri" panose="020F0502020204030204" pitchFamily="34" charset="0"/>
                          <a:cs typeface="Times New Roman" panose="02020603050405020304" pitchFamily="18" charset="0"/>
                        </a:rPr>
                        <a:t>Ayudar a aquellos que no estén familiarizados con Zoom u otras plataformas tecnológicas.</a:t>
                      </a:r>
                      <a:endParaRPr lang="en-ZA" sz="1700" dirty="0">
                        <a:effectLst/>
                        <a:latin typeface="+mj-lt"/>
                        <a:ea typeface="Calibri" panose="020F0502020204030204" pitchFamily="34" charset="0"/>
                        <a:cs typeface="Times New Roman" panose="02020603050405020304" pitchFamily="18" charset="0"/>
                      </a:endParaRPr>
                    </a:p>
                  </a:txBody>
                  <a:tcPr>
                    <a:lnR w="12700" cap="flat" cmpd="sng" algn="ctr">
                      <a:solidFill>
                        <a:schemeClr val="tx1"/>
                      </a:solidFill>
                      <a:prstDash val="solid"/>
                      <a:round/>
                      <a:headEnd type="none" w="med" len="med"/>
                      <a:tailEnd type="none" w="med" len="med"/>
                    </a:lnR>
                    <a:solidFill>
                      <a:schemeClr val="bg1"/>
                    </a:solidFill>
                  </a:tcPr>
                </a:tc>
                <a:tc>
                  <a:txBody>
                    <a:bodyPr/>
                    <a:lstStyle/>
                    <a:p>
                      <a:pPr marL="285750" indent="-285750" fontAlgn="t">
                        <a:buFont typeface="Arial" panose="020B0604020202020204" pitchFamily="34" charset="0"/>
                        <a:buChar char="•"/>
                      </a:pPr>
                      <a:r>
                        <a:rPr lang="es-VE" sz="1700" dirty="0" smtClean="0">
                          <a:effectLst/>
                          <a:latin typeface="+mj-lt"/>
                          <a:ea typeface="Calibri" panose="020F0502020204030204" pitchFamily="34" charset="0"/>
                          <a:cs typeface="Times New Roman" panose="02020603050405020304" pitchFamily="18" charset="0"/>
                        </a:rPr>
                        <a:t>Asegurarse de que los oradores que participarán en la sesión sean coanfitriones de la llamada para que puedan compartir sus pantallas en la presentación.</a:t>
                      </a:r>
                    </a:p>
                    <a:p>
                      <a:pPr marL="285750" indent="-285750" fontAlgn="t">
                        <a:buFont typeface="Arial" panose="020B0604020202020204" pitchFamily="34" charset="0"/>
                        <a:buChar char="•"/>
                      </a:pPr>
                      <a:r>
                        <a:rPr lang="es-VE" sz="1700" dirty="0" smtClean="0">
                          <a:effectLst/>
                          <a:latin typeface="+mj-lt"/>
                          <a:ea typeface="Calibri" panose="020F0502020204030204" pitchFamily="34" charset="0"/>
                          <a:cs typeface="Times New Roman" panose="02020603050405020304" pitchFamily="18" charset="0"/>
                        </a:rPr>
                        <a:t>Verificar con anterioridad que el orador sepa compartir su pantalla.</a:t>
                      </a:r>
                    </a:p>
                    <a:p>
                      <a:pPr marL="285750" indent="-285750" fontAlgn="t">
                        <a:buFont typeface="Arial" panose="020B0604020202020204" pitchFamily="34" charset="0"/>
                        <a:buChar char="•"/>
                      </a:pPr>
                      <a:r>
                        <a:rPr lang="es-VE" sz="1700" dirty="0" smtClean="0">
                          <a:effectLst/>
                          <a:latin typeface="+mj-lt"/>
                          <a:ea typeface="Calibri" panose="020F0502020204030204" pitchFamily="34" charset="0"/>
                          <a:cs typeface="Times New Roman" panose="02020603050405020304" pitchFamily="18" charset="0"/>
                        </a:rPr>
                        <a:t>Asegurarse de que todos estén silenciados.</a:t>
                      </a:r>
                      <a:endParaRPr lang="en-ZA" sz="1700" dirty="0">
                        <a:effectLst/>
                        <a:latin typeface="+mj-lt"/>
                        <a:ea typeface="Calibri" panose="020F0502020204030204" pitchFamily="34" charset="0"/>
                        <a:cs typeface="Times New Roman" panose="02020603050405020304" pitchFamily="18"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solidFill>
                      <a:schemeClr val="bg1"/>
                    </a:solidFill>
                  </a:tcPr>
                </a:tc>
                <a:extLst>
                  <a:ext uri="{0D108BD9-81ED-4DB2-BD59-A6C34878D82A}">
                    <a16:rowId xmlns:a16="http://schemas.microsoft.com/office/drawing/2014/main" xmlns="" val="899445866"/>
                  </a:ext>
                </a:extLst>
              </a:tr>
            </a:tbl>
          </a:graphicData>
        </a:graphic>
      </p:graphicFrame>
      <p:grpSp>
        <p:nvGrpSpPr>
          <p:cNvPr id="70" name="Group 69">
            <a:extLst>
              <a:ext uri="{FF2B5EF4-FFF2-40B4-BE49-F238E27FC236}">
                <a16:creationId xmlns:a16="http://schemas.microsoft.com/office/drawing/2014/main" xmlns="" id="{33D8EDC1-5B0F-E54E-A0F0-F508D866E2F4}"/>
              </a:ext>
            </a:extLst>
          </p:cNvPr>
          <p:cNvGrpSpPr/>
          <p:nvPr/>
        </p:nvGrpSpPr>
        <p:grpSpPr>
          <a:xfrm>
            <a:off x="2464006" y="81505"/>
            <a:ext cx="527644" cy="484423"/>
            <a:chOff x="6600056" y="692261"/>
            <a:chExt cx="5192436" cy="5205985"/>
          </a:xfrm>
        </p:grpSpPr>
        <p:sp>
          <p:nvSpPr>
            <p:cNvPr id="71" name="Freeform 282">
              <a:extLst>
                <a:ext uri="{FF2B5EF4-FFF2-40B4-BE49-F238E27FC236}">
                  <a16:creationId xmlns:a16="http://schemas.microsoft.com/office/drawing/2014/main" xmlns="" id="{6813A512-1E41-F042-9CDB-8FD0AFBF0789}"/>
                </a:ext>
              </a:extLst>
            </p:cNvPr>
            <p:cNvSpPr>
              <a:spLocks/>
            </p:cNvSpPr>
            <p:nvPr/>
          </p:nvSpPr>
          <p:spPr bwMode="auto">
            <a:xfrm flipH="1">
              <a:off x="6600056" y="692261"/>
              <a:ext cx="5192436" cy="5205985"/>
            </a:xfrm>
            <a:custGeom>
              <a:avLst/>
              <a:gdLst>
                <a:gd name="T0" fmla="*/ 3195 w 5934"/>
                <a:gd name="T1" fmla="*/ 5704 h 5712"/>
                <a:gd name="T2" fmla="*/ 3564 w 5934"/>
                <a:gd name="T3" fmla="*/ 5654 h 5712"/>
                <a:gd name="T4" fmla="*/ 3917 w 5934"/>
                <a:gd name="T5" fmla="*/ 5562 h 5712"/>
                <a:gd name="T6" fmla="*/ 4252 w 5934"/>
                <a:gd name="T7" fmla="*/ 5431 h 5712"/>
                <a:gd name="T8" fmla="*/ 4565 w 5934"/>
                <a:gd name="T9" fmla="*/ 5262 h 5712"/>
                <a:gd name="T10" fmla="*/ 4854 w 5934"/>
                <a:gd name="T11" fmla="*/ 5059 h 5712"/>
                <a:gd name="T12" fmla="*/ 5114 w 5934"/>
                <a:gd name="T13" fmla="*/ 4826 h 5712"/>
                <a:gd name="T14" fmla="*/ 5344 w 5934"/>
                <a:gd name="T15" fmla="*/ 4564 h 5712"/>
                <a:gd name="T16" fmla="*/ 5540 w 5934"/>
                <a:gd name="T17" fmla="*/ 4277 h 5712"/>
                <a:gd name="T18" fmla="*/ 5701 w 5934"/>
                <a:gd name="T19" fmla="*/ 3967 h 5712"/>
                <a:gd name="T20" fmla="*/ 5822 w 5934"/>
                <a:gd name="T21" fmla="*/ 3637 h 5712"/>
                <a:gd name="T22" fmla="*/ 5900 w 5934"/>
                <a:gd name="T23" fmla="*/ 3290 h 5712"/>
                <a:gd name="T24" fmla="*/ 5933 w 5934"/>
                <a:gd name="T25" fmla="*/ 2930 h 5712"/>
                <a:gd name="T26" fmla="*/ 5925 w 5934"/>
                <a:gd name="T27" fmla="*/ 2637 h 5712"/>
                <a:gd name="T28" fmla="*/ 5873 w 5934"/>
                <a:gd name="T29" fmla="*/ 2282 h 5712"/>
                <a:gd name="T30" fmla="*/ 5778 w 5934"/>
                <a:gd name="T31" fmla="*/ 1941 h 5712"/>
                <a:gd name="T32" fmla="*/ 5641 w 5934"/>
                <a:gd name="T33" fmla="*/ 1619 h 5712"/>
                <a:gd name="T34" fmla="*/ 5466 w 5934"/>
                <a:gd name="T35" fmla="*/ 1317 h 5712"/>
                <a:gd name="T36" fmla="*/ 5255 w 5934"/>
                <a:gd name="T37" fmla="*/ 1040 h 5712"/>
                <a:gd name="T38" fmla="*/ 5013 w 5934"/>
                <a:gd name="T39" fmla="*/ 789 h 5712"/>
                <a:gd name="T40" fmla="*/ 4742 w 5934"/>
                <a:gd name="T41" fmla="*/ 568 h 5712"/>
                <a:gd name="T42" fmla="*/ 4443 w 5934"/>
                <a:gd name="T43" fmla="*/ 379 h 5712"/>
                <a:gd name="T44" fmla="*/ 4121 w 5934"/>
                <a:gd name="T45" fmla="*/ 224 h 5712"/>
                <a:gd name="T46" fmla="*/ 3778 w 5934"/>
                <a:gd name="T47" fmla="*/ 108 h 5712"/>
                <a:gd name="T48" fmla="*/ 3418 w 5934"/>
                <a:gd name="T49" fmla="*/ 32 h 5712"/>
                <a:gd name="T50" fmla="*/ 3043 w 5934"/>
                <a:gd name="T51" fmla="*/ 1 h 5712"/>
                <a:gd name="T52" fmla="*/ 2739 w 5934"/>
                <a:gd name="T53" fmla="*/ 8 h 5712"/>
                <a:gd name="T54" fmla="*/ 2370 w 5934"/>
                <a:gd name="T55" fmla="*/ 58 h 5712"/>
                <a:gd name="T56" fmla="*/ 2017 w 5934"/>
                <a:gd name="T57" fmla="*/ 150 h 5712"/>
                <a:gd name="T58" fmla="*/ 1681 w 5934"/>
                <a:gd name="T59" fmla="*/ 282 h 5712"/>
                <a:gd name="T60" fmla="*/ 1368 w 5934"/>
                <a:gd name="T61" fmla="*/ 450 h 5712"/>
                <a:gd name="T62" fmla="*/ 1080 w 5934"/>
                <a:gd name="T63" fmla="*/ 653 h 5712"/>
                <a:gd name="T64" fmla="*/ 820 w 5934"/>
                <a:gd name="T65" fmla="*/ 886 h 5712"/>
                <a:gd name="T66" fmla="*/ 590 w 5934"/>
                <a:gd name="T67" fmla="*/ 1148 h 5712"/>
                <a:gd name="T68" fmla="*/ 393 w 5934"/>
                <a:gd name="T69" fmla="*/ 1435 h 5712"/>
                <a:gd name="T70" fmla="*/ 233 w 5934"/>
                <a:gd name="T71" fmla="*/ 1745 h 5712"/>
                <a:gd name="T72" fmla="*/ 112 w 5934"/>
                <a:gd name="T73" fmla="*/ 2075 h 5712"/>
                <a:gd name="T74" fmla="*/ 33 w 5934"/>
                <a:gd name="T75" fmla="*/ 2422 h 5712"/>
                <a:gd name="T76" fmla="*/ 1 w 5934"/>
                <a:gd name="T77" fmla="*/ 2783 h 5712"/>
                <a:gd name="T78" fmla="*/ 9 w 5934"/>
                <a:gd name="T79" fmla="*/ 3075 h 5712"/>
                <a:gd name="T80" fmla="*/ 60 w 5934"/>
                <a:gd name="T81" fmla="*/ 3431 h 5712"/>
                <a:gd name="T82" fmla="*/ 156 w 5934"/>
                <a:gd name="T83" fmla="*/ 3771 h 5712"/>
                <a:gd name="T84" fmla="*/ 293 w 5934"/>
                <a:gd name="T85" fmla="*/ 4094 h 5712"/>
                <a:gd name="T86" fmla="*/ 468 w 5934"/>
                <a:gd name="T87" fmla="*/ 4395 h 5712"/>
                <a:gd name="T88" fmla="*/ 678 w 5934"/>
                <a:gd name="T89" fmla="*/ 4672 h 5712"/>
                <a:gd name="T90" fmla="*/ 921 w 5934"/>
                <a:gd name="T91" fmla="*/ 4923 h 5712"/>
                <a:gd name="T92" fmla="*/ 1192 w 5934"/>
                <a:gd name="T93" fmla="*/ 5144 h 5712"/>
                <a:gd name="T94" fmla="*/ 1491 w 5934"/>
                <a:gd name="T95" fmla="*/ 5333 h 5712"/>
                <a:gd name="T96" fmla="*/ 1813 w 5934"/>
                <a:gd name="T97" fmla="*/ 5488 h 5712"/>
                <a:gd name="T98" fmla="*/ 2156 w 5934"/>
                <a:gd name="T99" fmla="*/ 5604 h 5712"/>
                <a:gd name="T100" fmla="*/ 2516 w 5934"/>
                <a:gd name="T101" fmla="*/ 5680 h 5712"/>
                <a:gd name="T102" fmla="*/ 2891 w 5934"/>
                <a:gd name="T103" fmla="*/ 5711 h 57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34" h="5712">
                  <a:moveTo>
                    <a:pt x="2967" y="5712"/>
                  </a:moveTo>
                  <a:lnTo>
                    <a:pt x="2967" y="5712"/>
                  </a:lnTo>
                  <a:lnTo>
                    <a:pt x="3043" y="5711"/>
                  </a:lnTo>
                  <a:lnTo>
                    <a:pt x="3119" y="5709"/>
                  </a:lnTo>
                  <a:lnTo>
                    <a:pt x="3195" y="5704"/>
                  </a:lnTo>
                  <a:lnTo>
                    <a:pt x="3270" y="5697"/>
                  </a:lnTo>
                  <a:lnTo>
                    <a:pt x="3344" y="5690"/>
                  </a:lnTo>
                  <a:lnTo>
                    <a:pt x="3418" y="5680"/>
                  </a:lnTo>
                  <a:lnTo>
                    <a:pt x="3492" y="5668"/>
                  </a:lnTo>
                  <a:lnTo>
                    <a:pt x="3564" y="5654"/>
                  </a:lnTo>
                  <a:lnTo>
                    <a:pt x="3637" y="5639"/>
                  </a:lnTo>
                  <a:lnTo>
                    <a:pt x="3707" y="5623"/>
                  </a:lnTo>
                  <a:lnTo>
                    <a:pt x="3778" y="5604"/>
                  </a:lnTo>
                  <a:lnTo>
                    <a:pt x="3849" y="5584"/>
                  </a:lnTo>
                  <a:lnTo>
                    <a:pt x="3917" y="5562"/>
                  </a:lnTo>
                  <a:lnTo>
                    <a:pt x="3987" y="5539"/>
                  </a:lnTo>
                  <a:lnTo>
                    <a:pt x="4054" y="5514"/>
                  </a:lnTo>
                  <a:lnTo>
                    <a:pt x="4121" y="5488"/>
                  </a:lnTo>
                  <a:lnTo>
                    <a:pt x="4187" y="5460"/>
                  </a:lnTo>
                  <a:lnTo>
                    <a:pt x="4252" y="5431"/>
                  </a:lnTo>
                  <a:lnTo>
                    <a:pt x="4316" y="5399"/>
                  </a:lnTo>
                  <a:lnTo>
                    <a:pt x="4380" y="5367"/>
                  </a:lnTo>
                  <a:lnTo>
                    <a:pt x="4443" y="5333"/>
                  </a:lnTo>
                  <a:lnTo>
                    <a:pt x="4505" y="5299"/>
                  </a:lnTo>
                  <a:lnTo>
                    <a:pt x="4565" y="5262"/>
                  </a:lnTo>
                  <a:lnTo>
                    <a:pt x="4625" y="5224"/>
                  </a:lnTo>
                  <a:lnTo>
                    <a:pt x="4683" y="5184"/>
                  </a:lnTo>
                  <a:lnTo>
                    <a:pt x="4742" y="5144"/>
                  </a:lnTo>
                  <a:lnTo>
                    <a:pt x="4798" y="5102"/>
                  </a:lnTo>
                  <a:lnTo>
                    <a:pt x="4854" y="5059"/>
                  </a:lnTo>
                  <a:lnTo>
                    <a:pt x="4908" y="5015"/>
                  </a:lnTo>
                  <a:lnTo>
                    <a:pt x="4961" y="4969"/>
                  </a:lnTo>
                  <a:lnTo>
                    <a:pt x="5013" y="4923"/>
                  </a:lnTo>
                  <a:lnTo>
                    <a:pt x="5065" y="4875"/>
                  </a:lnTo>
                  <a:lnTo>
                    <a:pt x="5114" y="4826"/>
                  </a:lnTo>
                  <a:lnTo>
                    <a:pt x="5162" y="4776"/>
                  </a:lnTo>
                  <a:lnTo>
                    <a:pt x="5209" y="4724"/>
                  </a:lnTo>
                  <a:lnTo>
                    <a:pt x="5255" y="4672"/>
                  </a:lnTo>
                  <a:lnTo>
                    <a:pt x="5300" y="4618"/>
                  </a:lnTo>
                  <a:lnTo>
                    <a:pt x="5344" y="4564"/>
                  </a:lnTo>
                  <a:lnTo>
                    <a:pt x="5385" y="4508"/>
                  </a:lnTo>
                  <a:lnTo>
                    <a:pt x="5427" y="4452"/>
                  </a:lnTo>
                  <a:lnTo>
                    <a:pt x="5466" y="4395"/>
                  </a:lnTo>
                  <a:lnTo>
                    <a:pt x="5504" y="4337"/>
                  </a:lnTo>
                  <a:lnTo>
                    <a:pt x="5540" y="4277"/>
                  </a:lnTo>
                  <a:lnTo>
                    <a:pt x="5575" y="4217"/>
                  </a:lnTo>
                  <a:lnTo>
                    <a:pt x="5609" y="4155"/>
                  </a:lnTo>
                  <a:lnTo>
                    <a:pt x="5641" y="4094"/>
                  </a:lnTo>
                  <a:lnTo>
                    <a:pt x="5672" y="4031"/>
                  </a:lnTo>
                  <a:lnTo>
                    <a:pt x="5701" y="3967"/>
                  </a:lnTo>
                  <a:lnTo>
                    <a:pt x="5728" y="3902"/>
                  </a:lnTo>
                  <a:lnTo>
                    <a:pt x="5753" y="3838"/>
                  </a:lnTo>
                  <a:lnTo>
                    <a:pt x="5778" y="3771"/>
                  </a:lnTo>
                  <a:lnTo>
                    <a:pt x="5801" y="3705"/>
                  </a:lnTo>
                  <a:lnTo>
                    <a:pt x="5822" y="3637"/>
                  </a:lnTo>
                  <a:lnTo>
                    <a:pt x="5841" y="3569"/>
                  </a:lnTo>
                  <a:lnTo>
                    <a:pt x="5858" y="3501"/>
                  </a:lnTo>
                  <a:lnTo>
                    <a:pt x="5873" y="3431"/>
                  </a:lnTo>
                  <a:lnTo>
                    <a:pt x="5888" y="3361"/>
                  </a:lnTo>
                  <a:lnTo>
                    <a:pt x="5900" y="3290"/>
                  </a:lnTo>
                  <a:lnTo>
                    <a:pt x="5910" y="3219"/>
                  </a:lnTo>
                  <a:lnTo>
                    <a:pt x="5918" y="3148"/>
                  </a:lnTo>
                  <a:lnTo>
                    <a:pt x="5925" y="3075"/>
                  </a:lnTo>
                  <a:lnTo>
                    <a:pt x="5931" y="3003"/>
                  </a:lnTo>
                  <a:lnTo>
                    <a:pt x="5933" y="2930"/>
                  </a:lnTo>
                  <a:lnTo>
                    <a:pt x="5934" y="2856"/>
                  </a:lnTo>
                  <a:lnTo>
                    <a:pt x="5934" y="2856"/>
                  </a:lnTo>
                  <a:lnTo>
                    <a:pt x="5933" y="2783"/>
                  </a:lnTo>
                  <a:lnTo>
                    <a:pt x="5931" y="2709"/>
                  </a:lnTo>
                  <a:lnTo>
                    <a:pt x="5925" y="2637"/>
                  </a:lnTo>
                  <a:lnTo>
                    <a:pt x="5918" y="2564"/>
                  </a:lnTo>
                  <a:lnTo>
                    <a:pt x="5910" y="2493"/>
                  </a:lnTo>
                  <a:lnTo>
                    <a:pt x="5900" y="2422"/>
                  </a:lnTo>
                  <a:lnTo>
                    <a:pt x="5888" y="2351"/>
                  </a:lnTo>
                  <a:lnTo>
                    <a:pt x="5873" y="2282"/>
                  </a:lnTo>
                  <a:lnTo>
                    <a:pt x="5858" y="2211"/>
                  </a:lnTo>
                  <a:lnTo>
                    <a:pt x="5841" y="2143"/>
                  </a:lnTo>
                  <a:lnTo>
                    <a:pt x="5822" y="2075"/>
                  </a:lnTo>
                  <a:lnTo>
                    <a:pt x="5801" y="2007"/>
                  </a:lnTo>
                  <a:lnTo>
                    <a:pt x="5778" y="1941"/>
                  </a:lnTo>
                  <a:lnTo>
                    <a:pt x="5753" y="1874"/>
                  </a:lnTo>
                  <a:lnTo>
                    <a:pt x="5728" y="1810"/>
                  </a:lnTo>
                  <a:lnTo>
                    <a:pt x="5701" y="1745"/>
                  </a:lnTo>
                  <a:lnTo>
                    <a:pt x="5672" y="1681"/>
                  </a:lnTo>
                  <a:lnTo>
                    <a:pt x="5641" y="1619"/>
                  </a:lnTo>
                  <a:lnTo>
                    <a:pt x="5609" y="1557"/>
                  </a:lnTo>
                  <a:lnTo>
                    <a:pt x="5575" y="1495"/>
                  </a:lnTo>
                  <a:lnTo>
                    <a:pt x="5540" y="1435"/>
                  </a:lnTo>
                  <a:lnTo>
                    <a:pt x="5504" y="1376"/>
                  </a:lnTo>
                  <a:lnTo>
                    <a:pt x="5466" y="1317"/>
                  </a:lnTo>
                  <a:lnTo>
                    <a:pt x="5427" y="1260"/>
                  </a:lnTo>
                  <a:lnTo>
                    <a:pt x="5385" y="1204"/>
                  </a:lnTo>
                  <a:lnTo>
                    <a:pt x="5344" y="1148"/>
                  </a:lnTo>
                  <a:lnTo>
                    <a:pt x="5300" y="1094"/>
                  </a:lnTo>
                  <a:lnTo>
                    <a:pt x="5255" y="1040"/>
                  </a:lnTo>
                  <a:lnTo>
                    <a:pt x="5209" y="988"/>
                  </a:lnTo>
                  <a:lnTo>
                    <a:pt x="5162" y="936"/>
                  </a:lnTo>
                  <a:lnTo>
                    <a:pt x="5114" y="886"/>
                  </a:lnTo>
                  <a:lnTo>
                    <a:pt x="5065" y="838"/>
                  </a:lnTo>
                  <a:lnTo>
                    <a:pt x="5013" y="789"/>
                  </a:lnTo>
                  <a:lnTo>
                    <a:pt x="4961" y="743"/>
                  </a:lnTo>
                  <a:lnTo>
                    <a:pt x="4908" y="697"/>
                  </a:lnTo>
                  <a:lnTo>
                    <a:pt x="4854" y="653"/>
                  </a:lnTo>
                  <a:lnTo>
                    <a:pt x="4798" y="610"/>
                  </a:lnTo>
                  <a:lnTo>
                    <a:pt x="4742" y="568"/>
                  </a:lnTo>
                  <a:lnTo>
                    <a:pt x="4683" y="528"/>
                  </a:lnTo>
                  <a:lnTo>
                    <a:pt x="4625" y="488"/>
                  </a:lnTo>
                  <a:lnTo>
                    <a:pt x="4565" y="450"/>
                  </a:lnTo>
                  <a:lnTo>
                    <a:pt x="4505" y="413"/>
                  </a:lnTo>
                  <a:lnTo>
                    <a:pt x="4443" y="379"/>
                  </a:lnTo>
                  <a:lnTo>
                    <a:pt x="4380" y="345"/>
                  </a:lnTo>
                  <a:lnTo>
                    <a:pt x="4316" y="313"/>
                  </a:lnTo>
                  <a:lnTo>
                    <a:pt x="4252" y="282"/>
                  </a:lnTo>
                  <a:lnTo>
                    <a:pt x="4187" y="252"/>
                  </a:lnTo>
                  <a:lnTo>
                    <a:pt x="4121" y="224"/>
                  </a:lnTo>
                  <a:lnTo>
                    <a:pt x="4054" y="198"/>
                  </a:lnTo>
                  <a:lnTo>
                    <a:pt x="3987" y="174"/>
                  </a:lnTo>
                  <a:lnTo>
                    <a:pt x="3917" y="150"/>
                  </a:lnTo>
                  <a:lnTo>
                    <a:pt x="3849" y="128"/>
                  </a:lnTo>
                  <a:lnTo>
                    <a:pt x="3778" y="108"/>
                  </a:lnTo>
                  <a:lnTo>
                    <a:pt x="3707" y="89"/>
                  </a:lnTo>
                  <a:lnTo>
                    <a:pt x="3637" y="73"/>
                  </a:lnTo>
                  <a:lnTo>
                    <a:pt x="3564" y="58"/>
                  </a:lnTo>
                  <a:lnTo>
                    <a:pt x="3492" y="44"/>
                  </a:lnTo>
                  <a:lnTo>
                    <a:pt x="3418" y="32"/>
                  </a:lnTo>
                  <a:lnTo>
                    <a:pt x="3344" y="22"/>
                  </a:lnTo>
                  <a:lnTo>
                    <a:pt x="3270" y="15"/>
                  </a:lnTo>
                  <a:lnTo>
                    <a:pt x="3195" y="8"/>
                  </a:lnTo>
                  <a:lnTo>
                    <a:pt x="3119" y="3"/>
                  </a:lnTo>
                  <a:lnTo>
                    <a:pt x="3043" y="1"/>
                  </a:lnTo>
                  <a:lnTo>
                    <a:pt x="2967" y="0"/>
                  </a:lnTo>
                  <a:lnTo>
                    <a:pt x="2967" y="0"/>
                  </a:lnTo>
                  <a:lnTo>
                    <a:pt x="2891" y="1"/>
                  </a:lnTo>
                  <a:lnTo>
                    <a:pt x="2814" y="3"/>
                  </a:lnTo>
                  <a:lnTo>
                    <a:pt x="2739" y="8"/>
                  </a:lnTo>
                  <a:lnTo>
                    <a:pt x="2664" y="15"/>
                  </a:lnTo>
                  <a:lnTo>
                    <a:pt x="2590" y="22"/>
                  </a:lnTo>
                  <a:lnTo>
                    <a:pt x="2516" y="32"/>
                  </a:lnTo>
                  <a:lnTo>
                    <a:pt x="2442" y="44"/>
                  </a:lnTo>
                  <a:lnTo>
                    <a:pt x="2370" y="58"/>
                  </a:lnTo>
                  <a:lnTo>
                    <a:pt x="2297" y="73"/>
                  </a:lnTo>
                  <a:lnTo>
                    <a:pt x="2226" y="89"/>
                  </a:lnTo>
                  <a:lnTo>
                    <a:pt x="2156" y="108"/>
                  </a:lnTo>
                  <a:lnTo>
                    <a:pt x="2085" y="128"/>
                  </a:lnTo>
                  <a:lnTo>
                    <a:pt x="2017" y="150"/>
                  </a:lnTo>
                  <a:lnTo>
                    <a:pt x="1947" y="174"/>
                  </a:lnTo>
                  <a:lnTo>
                    <a:pt x="1880" y="198"/>
                  </a:lnTo>
                  <a:lnTo>
                    <a:pt x="1813" y="224"/>
                  </a:lnTo>
                  <a:lnTo>
                    <a:pt x="1746" y="252"/>
                  </a:lnTo>
                  <a:lnTo>
                    <a:pt x="1681" y="282"/>
                  </a:lnTo>
                  <a:lnTo>
                    <a:pt x="1617" y="313"/>
                  </a:lnTo>
                  <a:lnTo>
                    <a:pt x="1553" y="345"/>
                  </a:lnTo>
                  <a:lnTo>
                    <a:pt x="1491" y="379"/>
                  </a:lnTo>
                  <a:lnTo>
                    <a:pt x="1429" y="413"/>
                  </a:lnTo>
                  <a:lnTo>
                    <a:pt x="1368" y="450"/>
                  </a:lnTo>
                  <a:lnTo>
                    <a:pt x="1309" y="488"/>
                  </a:lnTo>
                  <a:lnTo>
                    <a:pt x="1251" y="528"/>
                  </a:lnTo>
                  <a:lnTo>
                    <a:pt x="1192" y="568"/>
                  </a:lnTo>
                  <a:lnTo>
                    <a:pt x="1136" y="610"/>
                  </a:lnTo>
                  <a:lnTo>
                    <a:pt x="1080" y="653"/>
                  </a:lnTo>
                  <a:lnTo>
                    <a:pt x="1026" y="697"/>
                  </a:lnTo>
                  <a:lnTo>
                    <a:pt x="972" y="743"/>
                  </a:lnTo>
                  <a:lnTo>
                    <a:pt x="921" y="789"/>
                  </a:lnTo>
                  <a:lnTo>
                    <a:pt x="870" y="838"/>
                  </a:lnTo>
                  <a:lnTo>
                    <a:pt x="820" y="886"/>
                  </a:lnTo>
                  <a:lnTo>
                    <a:pt x="772" y="936"/>
                  </a:lnTo>
                  <a:lnTo>
                    <a:pt x="724" y="988"/>
                  </a:lnTo>
                  <a:lnTo>
                    <a:pt x="678" y="1040"/>
                  </a:lnTo>
                  <a:lnTo>
                    <a:pt x="634" y="1094"/>
                  </a:lnTo>
                  <a:lnTo>
                    <a:pt x="590" y="1148"/>
                  </a:lnTo>
                  <a:lnTo>
                    <a:pt x="548" y="1204"/>
                  </a:lnTo>
                  <a:lnTo>
                    <a:pt x="507" y="1260"/>
                  </a:lnTo>
                  <a:lnTo>
                    <a:pt x="468" y="1317"/>
                  </a:lnTo>
                  <a:lnTo>
                    <a:pt x="429" y="1376"/>
                  </a:lnTo>
                  <a:lnTo>
                    <a:pt x="393" y="1435"/>
                  </a:lnTo>
                  <a:lnTo>
                    <a:pt x="359" y="1495"/>
                  </a:lnTo>
                  <a:lnTo>
                    <a:pt x="325" y="1557"/>
                  </a:lnTo>
                  <a:lnTo>
                    <a:pt x="293" y="1619"/>
                  </a:lnTo>
                  <a:lnTo>
                    <a:pt x="262" y="1681"/>
                  </a:lnTo>
                  <a:lnTo>
                    <a:pt x="233" y="1745"/>
                  </a:lnTo>
                  <a:lnTo>
                    <a:pt x="206" y="1810"/>
                  </a:lnTo>
                  <a:lnTo>
                    <a:pt x="180" y="1874"/>
                  </a:lnTo>
                  <a:lnTo>
                    <a:pt x="156" y="1941"/>
                  </a:lnTo>
                  <a:lnTo>
                    <a:pt x="133" y="2007"/>
                  </a:lnTo>
                  <a:lnTo>
                    <a:pt x="112" y="2075"/>
                  </a:lnTo>
                  <a:lnTo>
                    <a:pt x="93" y="2143"/>
                  </a:lnTo>
                  <a:lnTo>
                    <a:pt x="76" y="2211"/>
                  </a:lnTo>
                  <a:lnTo>
                    <a:pt x="60" y="2282"/>
                  </a:lnTo>
                  <a:lnTo>
                    <a:pt x="46" y="2351"/>
                  </a:lnTo>
                  <a:lnTo>
                    <a:pt x="33" y="2422"/>
                  </a:lnTo>
                  <a:lnTo>
                    <a:pt x="23" y="2493"/>
                  </a:lnTo>
                  <a:lnTo>
                    <a:pt x="15" y="2564"/>
                  </a:lnTo>
                  <a:lnTo>
                    <a:pt x="9" y="2637"/>
                  </a:lnTo>
                  <a:lnTo>
                    <a:pt x="3" y="2709"/>
                  </a:lnTo>
                  <a:lnTo>
                    <a:pt x="1" y="2783"/>
                  </a:lnTo>
                  <a:lnTo>
                    <a:pt x="0" y="2856"/>
                  </a:lnTo>
                  <a:lnTo>
                    <a:pt x="0" y="2856"/>
                  </a:lnTo>
                  <a:lnTo>
                    <a:pt x="1" y="2930"/>
                  </a:lnTo>
                  <a:lnTo>
                    <a:pt x="3" y="3003"/>
                  </a:lnTo>
                  <a:lnTo>
                    <a:pt x="9" y="3075"/>
                  </a:lnTo>
                  <a:lnTo>
                    <a:pt x="15" y="3148"/>
                  </a:lnTo>
                  <a:lnTo>
                    <a:pt x="23" y="3219"/>
                  </a:lnTo>
                  <a:lnTo>
                    <a:pt x="33" y="3290"/>
                  </a:lnTo>
                  <a:lnTo>
                    <a:pt x="46" y="3361"/>
                  </a:lnTo>
                  <a:lnTo>
                    <a:pt x="60" y="3431"/>
                  </a:lnTo>
                  <a:lnTo>
                    <a:pt x="76" y="3501"/>
                  </a:lnTo>
                  <a:lnTo>
                    <a:pt x="93" y="3569"/>
                  </a:lnTo>
                  <a:lnTo>
                    <a:pt x="112" y="3637"/>
                  </a:lnTo>
                  <a:lnTo>
                    <a:pt x="133" y="3705"/>
                  </a:lnTo>
                  <a:lnTo>
                    <a:pt x="156" y="3771"/>
                  </a:lnTo>
                  <a:lnTo>
                    <a:pt x="180" y="3838"/>
                  </a:lnTo>
                  <a:lnTo>
                    <a:pt x="206" y="3902"/>
                  </a:lnTo>
                  <a:lnTo>
                    <a:pt x="233" y="3967"/>
                  </a:lnTo>
                  <a:lnTo>
                    <a:pt x="262" y="4031"/>
                  </a:lnTo>
                  <a:lnTo>
                    <a:pt x="293" y="4094"/>
                  </a:lnTo>
                  <a:lnTo>
                    <a:pt x="325" y="4155"/>
                  </a:lnTo>
                  <a:lnTo>
                    <a:pt x="359" y="4217"/>
                  </a:lnTo>
                  <a:lnTo>
                    <a:pt x="393" y="4277"/>
                  </a:lnTo>
                  <a:lnTo>
                    <a:pt x="429" y="4337"/>
                  </a:lnTo>
                  <a:lnTo>
                    <a:pt x="468" y="4395"/>
                  </a:lnTo>
                  <a:lnTo>
                    <a:pt x="507" y="4452"/>
                  </a:lnTo>
                  <a:lnTo>
                    <a:pt x="548" y="4508"/>
                  </a:lnTo>
                  <a:lnTo>
                    <a:pt x="590" y="4564"/>
                  </a:lnTo>
                  <a:lnTo>
                    <a:pt x="634" y="4618"/>
                  </a:lnTo>
                  <a:lnTo>
                    <a:pt x="678" y="4672"/>
                  </a:lnTo>
                  <a:lnTo>
                    <a:pt x="724" y="4724"/>
                  </a:lnTo>
                  <a:lnTo>
                    <a:pt x="772" y="4776"/>
                  </a:lnTo>
                  <a:lnTo>
                    <a:pt x="820" y="4826"/>
                  </a:lnTo>
                  <a:lnTo>
                    <a:pt x="870" y="4875"/>
                  </a:lnTo>
                  <a:lnTo>
                    <a:pt x="921" y="4923"/>
                  </a:lnTo>
                  <a:lnTo>
                    <a:pt x="972" y="4969"/>
                  </a:lnTo>
                  <a:lnTo>
                    <a:pt x="1026" y="5015"/>
                  </a:lnTo>
                  <a:lnTo>
                    <a:pt x="1080" y="5059"/>
                  </a:lnTo>
                  <a:lnTo>
                    <a:pt x="1136" y="5102"/>
                  </a:lnTo>
                  <a:lnTo>
                    <a:pt x="1192" y="5144"/>
                  </a:lnTo>
                  <a:lnTo>
                    <a:pt x="1251" y="5184"/>
                  </a:lnTo>
                  <a:lnTo>
                    <a:pt x="1309" y="5224"/>
                  </a:lnTo>
                  <a:lnTo>
                    <a:pt x="1368" y="5262"/>
                  </a:lnTo>
                  <a:lnTo>
                    <a:pt x="1429" y="5299"/>
                  </a:lnTo>
                  <a:lnTo>
                    <a:pt x="1491" y="5333"/>
                  </a:lnTo>
                  <a:lnTo>
                    <a:pt x="1553" y="5367"/>
                  </a:lnTo>
                  <a:lnTo>
                    <a:pt x="1617" y="5399"/>
                  </a:lnTo>
                  <a:lnTo>
                    <a:pt x="1681" y="5431"/>
                  </a:lnTo>
                  <a:lnTo>
                    <a:pt x="1746" y="5460"/>
                  </a:lnTo>
                  <a:lnTo>
                    <a:pt x="1813" y="5488"/>
                  </a:lnTo>
                  <a:lnTo>
                    <a:pt x="1880" y="5514"/>
                  </a:lnTo>
                  <a:lnTo>
                    <a:pt x="1947" y="5539"/>
                  </a:lnTo>
                  <a:lnTo>
                    <a:pt x="2017" y="5562"/>
                  </a:lnTo>
                  <a:lnTo>
                    <a:pt x="2085" y="5584"/>
                  </a:lnTo>
                  <a:lnTo>
                    <a:pt x="2156" y="5604"/>
                  </a:lnTo>
                  <a:lnTo>
                    <a:pt x="2226" y="5623"/>
                  </a:lnTo>
                  <a:lnTo>
                    <a:pt x="2297" y="5639"/>
                  </a:lnTo>
                  <a:lnTo>
                    <a:pt x="2370" y="5654"/>
                  </a:lnTo>
                  <a:lnTo>
                    <a:pt x="2442" y="5668"/>
                  </a:lnTo>
                  <a:lnTo>
                    <a:pt x="2516" y="5680"/>
                  </a:lnTo>
                  <a:lnTo>
                    <a:pt x="2590" y="5690"/>
                  </a:lnTo>
                  <a:lnTo>
                    <a:pt x="2664" y="5697"/>
                  </a:lnTo>
                  <a:lnTo>
                    <a:pt x="2739" y="5704"/>
                  </a:lnTo>
                  <a:lnTo>
                    <a:pt x="2814" y="5709"/>
                  </a:lnTo>
                  <a:lnTo>
                    <a:pt x="2891" y="5711"/>
                  </a:lnTo>
                  <a:lnTo>
                    <a:pt x="2967" y="5712"/>
                  </a:lnTo>
                  <a:close/>
                </a:path>
              </a:pathLst>
            </a:custGeom>
            <a:solidFill>
              <a:schemeClr val="bg1">
                <a:lumMod val="95000"/>
              </a:schemeClr>
            </a:solidFill>
            <a:ln w="57150">
              <a:solidFill>
                <a:srgbClr val="7BA21A"/>
              </a:solidFill>
            </a:ln>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72" name="Freeform 283">
              <a:extLst>
                <a:ext uri="{FF2B5EF4-FFF2-40B4-BE49-F238E27FC236}">
                  <a16:creationId xmlns:a16="http://schemas.microsoft.com/office/drawing/2014/main" xmlns="" id="{BDB87283-F484-B746-95DE-78375DB4D932}"/>
                </a:ext>
              </a:extLst>
            </p:cNvPr>
            <p:cNvSpPr>
              <a:spLocks/>
            </p:cNvSpPr>
            <p:nvPr/>
          </p:nvSpPr>
          <p:spPr bwMode="auto">
            <a:xfrm flipH="1">
              <a:off x="6600056" y="692261"/>
              <a:ext cx="5192436" cy="5205985"/>
            </a:xfrm>
            <a:custGeom>
              <a:avLst/>
              <a:gdLst>
                <a:gd name="T0" fmla="*/ 3195 w 5934"/>
                <a:gd name="T1" fmla="*/ 5704 h 5712"/>
                <a:gd name="T2" fmla="*/ 3564 w 5934"/>
                <a:gd name="T3" fmla="*/ 5654 h 5712"/>
                <a:gd name="T4" fmla="*/ 3917 w 5934"/>
                <a:gd name="T5" fmla="*/ 5562 h 5712"/>
                <a:gd name="T6" fmla="*/ 4252 w 5934"/>
                <a:gd name="T7" fmla="*/ 5431 h 5712"/>
                <a:gd name="T8" fmla="*/ 4565 w 5934"/>
                <a:gd name="T9" fmla="*/ 5262 h 5712"/>
                <a:gd name="T10" fmla="*/ 4854 w 5934"/>
                <a:gd name="T11" fmla="*/ 5059 h 5712"/>
                <a:gd name="T12" fmla="*/ 5114 w 5934"/>
                <a:gd name="T13" fmla="*/ 4826 h 5712"/>
                <a:gd name="T14" fmla="*/ 5344 w 5934"/>
                <a:gd name="T15" fmla="*/ 4564 h 5712"/>
                <a:gd name="T16" fmla="*/ 5540 w 5934"/>
                <a:gd name="T17" fmla="*/ 4277 h 5712"/>
                <a:gd name="T18" fmla="*/ 5701 w 5934"/>
                <a:gd name="T19" fmla="*/ 3967 h 5712"/>
                <a:gd name="T20" fmla="*/ 5822 w 5934"/>
                <a:gd name="T21" fmla="*/ 3637 h 5712"/>
                <a:gd name="T22" fmla="*/ 5900 w 5934"/>
                <a:gd name="T23" fmla="*/ 3290 h 5712"/>
                <a:gd name="T24" fmla="*/ 5933 w 5934"/>
                <a:gd name="T25" fmla="*/ 2930 h 5712"/>
                <a:gd name="T26" fmla="*/ 5925 w 5934"/>
                <a:gd name="T27" fmla="*/ 2637 h 5712"/>
                <a:gd name="T28" fmla="*/ 5873 w 5934"/>
                <a:gd name="T29" fmla="*/ 2282 h 5712"/>
                <a:gd name="T30" fmla="*/ 5778 w 5934"/>
                <a:gd name="T31" fmla="*/ 1941 h 5712"/>
                <a:gd name="T32" fmla="*/ 5641 w 5934"/>
                <a:gd name="T33" fmla="*/ 1619 h 5712"/>
                <a:gd name="T34" fmla="*/ 5466 w 5934"/>
                <a:gd name="T35" fmla="*/ 1317 h 5712"/>
                <a:gd name="T36" fmla="*/ 5255 w 5934"/>
                <a:gd name="T37" fmla="*/ 1040 h 5712"/>
                <a:gd name="T38" fmla="*/ 5013 w 5934"/>
                <a:gd name="T39" fmla="*/ 789 h 5712"/>
                <a:gd name="T40" fmla="*/ 4742 w 5934"/>
                <a:gd name="T41" fmla="*/ 568 h 5712"/>
                <a:gd name="T42" fmla="*/ 4443 w 5934"/>
                <a:gd name="T43" fmla="*/ 379 h 5712"/>
                <a:gd name="T44" fmla="*/ 4121 w 5934"/>
                <a:gd name="T45" fmla="*/ 224 h 5712"/>
                <a:gd name="T46" fmla="*/ 3778 w 5934"/>
                <a:gd name="T47" fmla="*/ 108 h 5712"/>
                <a:gd name="T48" fmla="*/ 3418 w 5934"/>
                <a:gd name="T49" fmla="*/ 32 h 5712"/>
                <a:gd name="T50" fmla="*/ 3043 w 5934"/>
                <a:gd name="T51" fmla="*/ 1 h 5712"/>
                <a:gd name="T52" fmla="*/ 2739 w 5934"/>
                <a:gd name="T53" fmla="*/ 8 h 5712"/>
                <a:gd name="T54" fmla="*/ 2370 w 5934"/>
                <a:gd name="T55" fmla="*/ 58 h 5712"/>
                <a:gd name="T56" fmla="*/ 2017 w 5934"/>
                <a:gd name="T57" fmla="*/ 150 h 5712"/>
                <a:gd name="T58" fmla="*/ 1681 w 5934"/>
                <a:gd name="T59" fmla="*/ 282 h 5712"/>
                <a:gd name="T60" fmla="*/ 1368 w 5934"/>
                <a:gd name="T61" fmla="*/ 450 h 5712"/>
                <a:gd name="T62" fmla="*/ 1080 w 5934"/>
                <a:gd name="T63" fmla="*/ 653 h 5712"/>
                <a:gd name="T64" fmla="*/ 820 w 5934"/>
                <a:gd name="T65" fmla="*/ 886 h 5712"/>
                <a:gd name="T66" fmla="*/ 590 w 5934"/>
                <a:gd name="T67" fmla="*/ 1148 h 5712"/>
                <a:gd name="T68" fmla="*/ 393 w 5934"/>
                <a:gd name="T69" fmla="*/ 1435 h 5712"/>
                <a:gd name="T70" fmla="*/ 233 w 5934"/>
                <a:gd name="T71" fmla="*/ 1745 h 5712"/>
                <a:gd name="T72" fmla="*/ 112 w 5934"/>
                <a:gd name="T73" fmla="*/ 2075 h 5712"/>
                <a:gd name="T74" fmla="*/ 33 w 5934"/>
                <a:gd name="T75" fmla="*/ 2422 h 5712"/>
                <a:gd name="T76" fmla="*/ 1 w 5934"/>
                <a:gd name="T77" fmla="*/ 2783 h 5712"/>
                <a:gd name="T78" fmla="*/ 9 w 5934"/>
                <a:gd name="T79" fmla="*/ 3075 h 5712"/>
                <a:gd name="T80" fmla="*/ 60 w 5934"/>
                <a:gd name="T81" fmla="*/ 3431 h 5712"/>
                <a:gd name="T82" fmla="*/ 156 w 5934"/>
                <a:gd name="T83" fmla="*/ 3771 h 5712"/>
                <a:gd name="T84" fmla="*/ 293 w 5934"/>
                <a:gd name="T85" fmla="*/ 4094 h 5712"/>
                <a:gd name="T86" fmla="*/ 468 w 5934"/>
                <a:gd name="T87" fmla="*/ 4395 h 5712"/>
                <a:gd name="T88" fmla="*/ 678 w 5934"/>
                <a:gd name="T89" fmla="*/ 4672 h 5712"/>
                <a:gd name="T90" fmla="*/ 921 w 5934"/>
                <a:gd name="T91" fmla="*/ 4923 h 5712"/>
                <a:gd name="T92" fmla="*/ 1192 w 5934"/>
                <a:gd name="T93" fmla="*/ 5144 h 5712"/>
                <a:gd name="T94" fmla="*/ 1491 w 5934"/>
                <a:gd name="T95" fmla="*/ 5333 h 5712"/>
                <a:gd name="T96" fmla="*/ 1813 w 5934"/>
                <a:gd name="T97" fmla="*/ 5488 h 5712"/>
                <a:gd name="T98" fmla="*/ 2156 w 5934"/>
                <a:gd name="T99" fmla="*/ 5604 h 5712"/>
                <a:gd name="T100" fmla="*/ 2516 w 5934"/>
                <a:gd name="T101" fmla="*/ 5680 h 5712"/>
                <a:gd name="T102" fmla="*/ 2891 w 5934"/>
                <a:gd name="T103" fmla="*/ 5711 h 57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34" h="5712">
                  <a:moveTo>
                    <a:pt x="2967" y="5712"/>
                  </a:moveTo>
                  <a:lnTo>
                    <a:pt x="2967" y="5712"/>
                  </a:lnTo>
                  <a:lnTo>
                    <a:pt x="3043" y="5711"/>
                  </a:lnTo>
                  <a:lnTo>
                    <a:pt x="3119" y="5709"/>
                  </a:lnTo>
                  <a:lnTo>
                    <a:pt x="3195" y="5704"/>
                  </a:lnTo>
                  <a:lnTo>
                    <a:pt x="3270" y="5697"/>
                  </a:lnTo>
                  <a:lnTo>
                    <a:pt x="3344" y="5690"/>
                  </a:lnTo>
                  <a:lnTo>
                    <a:pt x="3418" y="5680"/>
                  </a:lnTo>
                  <a:lnTo>
                    <a:pt x="3492" y="5668"/>
                  </a:lnTo>
                  <a:lnTo>
                    <a:pt x="3564" y="5654"/>
                  </a:lnTo>
                  <a:lnTo>
                    <a:pt x="3637" y="5639"/>
                  </a:lnTo>
                  <a:lnTo>
                    <a:pt x="3707" y="5623"/>
                  </a:lnTo>
                  <a:lnTo>
                    <a:pt x="3778" y="5604"/>
                  </a:lnTo>
                  <a:lnTo>
                    <a:pt x="3849" y="5584"/>
                  </a:lnTo>
                  <a:lnTo>
                    <a:pt x="3917" y="5562"/>
                  </a:lnTo>
                  <a:lnTo>
                    <a:pt x="3987" y="5539"/>
                  </a:lnTo>
                  <a:lnTo>
                    <a:pt x="4054" y="5514"/>
                  </a:lnTo>
                  <a:lnTo>
                    <a:pt x="4121" y="5488"/>
                  </a:lnTo>
                  <a:lnTo>
                    <a:pt x="4187" y="5460"/>
                  </a:lnTo>
                  <a:lnTo>
                    <a:pt x="4252" y="5431"/>
                  </a:lnTo>
                  <a:lnTo>
                    <a:pt x="4316" y="5399"/>
                  </a:lnTo>
                  <a:lnTo>
                    <a:pt x="4380" y="5367"/>
                  </a:lnTo>
                  <a:lnTo>
                    <a:pt x="4443" y="5333"/>
                  </a:lnTo>
                  <a:lnTo>
                    <a:pt x="4505" y="5299"/>
                  </a:lnTo>
                  <a:lnTo>
                    <a:pt x="4565" y="5262"/>
                  </a:lnTo>
                  <a:lnTo>
                    <a:pt x="4625" y="5224"/>
                  </a:lnTo>
                  <a:lnTo>
                    <a:pt x="4683" y="5184"/>
                  </a:lnTo>
                  <a:lnTo>
                    <a:pt x="4742" y="5144"/>
                  </a:lnTo>
                  <a:lnTo>
                    <a:pt x="4798" y="5102"/>
                  </a:lnTo>
                  <a:lnTo>
                    <a:pt x="4854" y="5059"/>
                  </a:lnTo>
                  <a:lnTo>
                    <a:pt x="4908" y="5015"/>
                  </a:lnTo>
                  <a:lnTo>
                    <a:pt x="4961" y="4969"/>
                  </a:lnTo>
                  <a:lnTo>
                    <a:pt x="5013" y="4923"/>
                  </a:lnTo>
                  <a:lnTo>
                    <a:pt x="5065" y="4875"/>
                  </a:lnTo>
                  <a:lnTo>
                    <a:pt x="5114" y="4826"/>
                  </a:lnTo>
                  <a:lnTo>
                    <a:pt x="5162" y="4776"/>
                  </a:lnTo>
                  <a:lnTo>
                    <a:pt x="5209" y="4724"/>
                  </a:lnTo>
                  <a:lnTo>
                    <a:pt x="5255" y="4672"/>
                  </a:lnTo>
                  <a:lnTo>
                    <a:pt x="5300" y="4618"/>
                  </a:lnTo>
                  <a:lnTo>
                    <a:pt x="5344" y="4564"/>
                  </a:lnTo>
                  <a:lnTo>
                    <a:pt x="5385" y="4508"/>
                  </a:lnTo>
                  <a:lnTo>
                    <a:pt x="5427" y="4452"/>
                  </a:lnTo>
                  <a:lnTo>
                    <a:pt x="5466" y="4395"/>
                  </a:lnTo>
                  <a:lnTo>
                    <a:pt x="5504" y="4337"/>
                  </a:lnTo>
                  <a:lnTo>
                    <a:pt x="5540" y="4277"/>
                  </a:lnTo>
                  <a:lnTo>
                    <a:pt x="5575" y="4217"/>
                  </a:lnTo>
                  <a:lnTo>
                    <a:pt x="5609" y="4155"/>
                  </a:lnTo>
                  <a:lnTo>
                    <a:pt x="5641" y="4094"/>
                  </a:lnTo>
                  <a:lnTo>
                    <a:pt x="5672" y="4031"/>
                  </a:lnTo>
                  <a:lnTo>
                    <a:pt x="5701" y="3967"/>
                  </a:lnTo>
                  <a:lnTo>
                    <a:pt x="5728" y="3902"/>
                  </a:lnTo>
                  <a:lnTo>
                    <a:pt x="5753" y="3838"/>
                  </a:lnTo>
                  <a:lnTo>
                    <a:pt x="5778" y="3771"/>
                  </a:lnTo>
                  <a:lnTo>
                    <a:pt x="5801" y="3705"/>
                  </a:lnTo>
                  <a:lnTo>
                    <a:pt x="5822" y="3637"/>
                  </a:lnTo>
                  <a:lnTo>
                    <a:pt x="5841" y="3569"/>
                  </a:lnTo>
                  <a:lnTo>
                    <a:pt x="5858" y="3501"/>
                  </a:lnTo>
                  <a:lnTo>
                    <a:pt x="5873" y="3431"/>
                  </a:lnTo>
                  <a:lnTo>
                    <a:pt x="5888" y="3361"/>
                  </a:lnTo>
                  <a:lnTo>
                    <a:pt x="5900" y="3290"/>
                  </a:lnTo>
                  <a:lnTo>
                    <a:pt x="5910" y="3219"/>
                  </a:lnTo>
                  <a:lnTo>
                    <a:pt x="5918" y="3148"/>
                  </a:lnTo>
                  <a:lnTo>
                    <a:pt x="5925" y="3075"/>
                  </a:lnTo>
                  <a:lnTo>
                    <a:pt x="5931" y="3003"/>
                  </a:lnTo>
                  <a:lnTo>
                    <a:pt x="5933" y="2930"/>
                  </a:lnTo>
                  <a:lnTo>
                    <a:pt x="5934" y="2856"/>
                  </a:lnTo>
                  <a:lnTo>
                    <a:pt x="5934" y="2856"/>
                  </a:lnTo>
                  <a:lnTo>
                    <a:pt x="5933" y="2783"/>
                  </a:lnTo>
                  <a:lnTo>
                    <a:pt x="5931" y="2709"/>
                  </a:lnTo>
                  <a:lnTo>
                    <a:pt x="5925" y="2637"/>
                  </a:lnTo>
                  <a:lnTo>
                    <a:pt x="5918" y="2564"/>
                  </a:lnTo>
                  <a:lnTo>
                    <a:pt x="5910" y="2493"/>
                  </a:lnTo>
                  <a:lnTo>
                    <a:pt x="5900" y="2422"/>
                  </a:lnTo>
                  <a:lnTo>
                    <a:pt x="5888" y="2351"/>
                  </a:lnTo>
                  <a:lnTo>
                    <a:pt x="5873" y="2282"/>
                  </a:lnTo>
                  <a:lnTo>
                    <a:pt x="5858" y="2211"/>
                  </a:lnTo>
                  <a:lnTo>
                    <a:pt x="5841" y="2143"/>
                  </a:lnTo>
                  <a:lnTo>
                    <a:pt x="5822" y="2075"/>
                  </a:lnTo>
                  <a:lnTo>
                    <a:pt x="5801" y="2007"/>
                  </a:lnTo>
                  <a:lnTo>
                    <a:pt x="5778" y="1941"/>
                  </a:lnTo>
                  <a:lnTo>
                    <a:pt x="5753" y="1874"/>
                  </a:lnTo>
                  <a:lnTo>
                    <a:pt x="5728" y="1810"/>
                  </a:lnTo>
                  <a:lnTo>
                    <a:pt x="5701" y="1745"/>
                  </a:lnTo>
                  <a:lnTo>
                    <a:pt x="5672" y="1681"/>
                  </a:lnTo>
                  <a:lnTo>
                    <a:pt x="5641" y="1619"/>
                  </a:lnTo>
                  <a:lnTo>
                    <a:pt x="5609" y="1557"/>
                  </a:lnTo>
                  <a:lnTo>
                    <a:pt x="5575" y="1495"/>
                  </a:lnTo>
                  <a:lnTo>
                    <a:pt x="5540" y="1435"/>
                  </a:lnTo>
                  <a:lnTo>
                    <a:pt x="5504" y="1376"/>
                  </a:lnTo>
                  <a:lnTo>
                    <a:pt x="5466" y="1317"/>
                  </a:lnTo>
                  <a:lnTo>
                    <a:pt x="5427" y="1260"/>
                  </a:lnTo>
                  <a:lnTo>
                    <a:pt x="5385" y="1204"/>
                  </a:lnTo>
                  <a:lnTo>
                    <a:pt x="5344" y="1148"/>
                  </a:lnTo>
                  <a:lnTo>
                    <a:pt x="5300" y="1094"/>
                  </a:lnTo>
                  <a:lnTo>
                    <a:pt x="5255" y="1040"/>
                  </a:lnTo>
                  <a:lnTo>
                    <a:pt x="5209" y="988"/>
                  </a:lnTo>
                  <a:lnTo>
                    <a:pt x="5162" y="936"/>
                  </a:lnTo>
                  <a:lnTo>
                    <a:pt x="5114" y="886"/>
                  </a:lnTo>
                  <a:lnTo>
                    <a:pt x="5065" y="838"/>
                  </a:lnTo>
                  <a:lnTo>
                    <a:pt x="5013" y="789"/>
                  </a:lnTo>
                  <a:lnTo>
                    <a:pt x="4961" y="743"/>
                  </a:lnTo>
                  <a:lnTo>
                    <a:pt x="4908" y="697"/>
                  </a:lnTo>
                  <a:lnTo>
                    <a:pt x="4854" y="653"/>
                  </a:lnTo>
                  <a:lnTo>
                    <a:pt x="4798" y="610"/>
                  </a:lnTo>
                  <a:lnTo>
                    <a:pt x="4742" y="568"/>
                  </a:lnTo>
                  <a:lnTo>
                    <a:pt x="4683" y="528"/>
                  </a:lnTo>
                  <a:lnTo>
                    <a:pt x="4625" y="488"/>
                  </a:lnTo>
                  <a:lnTo>
                    <a:pt x="4565" y="450"/>
                  </a:lnTo>
                  <a:lnTo>
                    <a:pt x="4505" y="413"/>
                  </a:lnTo>
                  <a:lnTo>
                    <a:pt x="4443" y="379"/>
                  </a:lnTo>
                  <a:lnTo>
                    <a:pt x="4380" y="345"/>
                  </a:lnTo>
                  <a:lnTo>
                    <a:pt x="4316" y="313"/>
                  </a:lnTo>
                  <a:lnTo>
                    <a:pt x="4252" y="282"/>
                  </a:lnTo>
                  <a:lnTo>
                    <a:pt x="4187" y="252"/>
                  </a:lnTo>
                  <a:lnTo>
                    <a:pt x="4121" y="224"/>
                  </a:lnTo>
                  <a:lnTo>
                    <a:pt x="4054" y="198"/>
                  </a:lnTo>
                  <a:lnTo>
                    <a:pt x="3987" y="174"/>
                  </a:lnTo>
                  <a:lnTo>
                    <a:pt x="3917" y="150"/>
                  </a:lnTo>
                  <a:lnTo>
                    <a:pt x="3849" y="128"/>
                  </a:lnTo>
                  <a:lnTo>
                    <a:pt x="3778" y="108"/>
                  </a:lnTo>
                  <a:lnTo>
                    <a:pt x="3707" y="89"/>
                  </a:lnTo>
                  <a:lnTo>
                    <a:pt x="3637" y="73"/>
                  </a:lnTo>
                  <a:lnTo>
                    <a:pt x="3564" y="58"/>
                  </a:lnTo>
                  <a:lnTo>
                    <a:pt x="3492" y="44"/>
                  </a:lnTo>
                  <a:lnTo>
                    <a:pt x="3418" y="32"/>
                  </a:lnTo>
                  <a:lnTo>
                    <a:pt x="3344" y="22"/>
                  </a:lnTo>
                  <a:lnTo>
                    <a:pt x="3270" y="15"/>
                  </a:lnTo>
                  <a:lnTo>
                    <a:pt x="3195" y="8"/>
                  </a:lnTo>
                  <a:lnTo>
                    <a:pt x="3119" y="3"/>
                  </a:lnTo>
                  <a:lnTo>
                    <a:pt x="3043" y="1"/>
                  </a:lnTo>
                  <a:lnTo>
                    <a:pt x="2967" y="0"/>
                  </a:lnTo>
                  <a:lnTo>
                    <a:pt x="2967" y="0"/>
                  </a:lnTo>
                  <a:lnTo>
                    <a:pt x="2891" y="1"/>
                  </a:lnTo>
                  <a:lnTo>
                    <a:pt x="2814" y="3"/>
                  </a:lnTo>
                  <a:lnTo>
                    <a:pt x="2739" y="8"/>
                  </a:lnTo>
                  <a:lnTo>
                    <a:pt x="2664" y="15"/>
                  </a:lnTo>
                  <a:lnTo>
                    <a:pt x="2590" y="22"/>
                  </a:lnTo>
                  <a:lnTo>
                    <a:pt x="2516" y="32"/>
                  </a:lnTo>
                  <a:lnTo>
                    <a:pt x="2442" y="44"/>
                  </a:lnTo>
                  <a:lnTo>
                    <a:pt x="2370" y="58"/>
                  </a:lnTo>
                  <a:lnTo>
                    <a:pt x="2297" y="73"/>
                  </a:lnTo>
                  <a:lnTo>
                    <a:pt x="2226" y="89"/>
                  </a:lnTo>
                  <a:lnTo>
                    <a:pt x="2156" y="108"/>
                  </a:lnTo>
                  <a:lnTo>
                    <a:pt x="2085" y="128"/>
                  </a:lnTo>
                  <a:lnTo>
                    <a:pt x="2017" y="150"/>
                  </a:lnTo>
                  <a:lnTo>
                    <a:pt x="1947" y="174"/>
                  </a:lnTo>
                  <a:lnTo>
                    <a:pt x="1880" y="198"/>
                  </a:lnTo>
                  <a:lnTo>
                    <a:pt x="1813" y="224"/>
                  </a:lnTo>
                  <a:lnTo>
                    <a:pt x="1746" y="252"/>
                  </a:lnTo>
                  <a:lnTo>
                    <a:pt x="1681" y="282"/>
                  </a:lnTo>
                  <a:lnTo>
                    <a:pt x="1617" y="313"/>
                  </a:lnTo>
                  <a:lnTo>
                    <a:pt x="1553" y="345"/>
                  </a:lnTo>
                  <a:lnTo>
                    <a:pt x="1491" y="379"/>
                  </a:lnTo>
                  <a:lnTo>
                    <a:pt x="1429" y="413"/>
                  </a:lnTo>
                  <a:lnTo>
                    <a:pt x="1368" y="450"/>
                  </a:lnTo>
                  <a:lnTo>
                    <a:pt x="1309" y="488"/>
                  </a:lnTo>
                  <a:lnTo>
                    <a:pt x="1251" y="528"/>
                  </a:lnTo>
                  <a:lnTo>
                    <a:pt x="1192" y="568"/>
                  </a:lnTo>
                  <a:lnTo>
                    <a:pt x="1136" y="610"/>
                  </a:lnTo>
                  <a:lnTo>
                    <a:pt x="1080" y="653"/>
                  </a:lnTo>
                  <a:lnTo>
                    <a:pt x="1026" y="697"/>
                  </a:lnTo>
                  <a:lnTo>
                    <a:pt x="972" y="743"/>
                  </a:lnTo>
                  <a:lnTo>
                    <a:pt x="921" y="789"/>
                  </a:lnTo>
                  <a:lnTo>
                    <a:pt x="870" y="838"/>
                  </a:lnTo>
                  <a:lnTo>
                    <a:pt x="820" y="886"/>
                  </a:lnTo>
                  <a:lnTo>
                    <a:pt x="772" y="936"/>
                  </a:lnTo>
                  <a:lnTo>
                    <a:pt x="724" y="988"/>
                  </a:lnTo>
                  <a:lnTo>
                    <a:pt x="678" y="1040"/>
                  </a:lnTo>
                  <a:lnTo>
                    <a:pt x="634" y="1094"/>
                  </a:lnTo>
                  <a:lnTo>
                    <a:pt x="590" y="1148"/>
                  </a:lnTo>
                  <a:lnTo>
                    <a:pt x="548" y="1204"/>
                  </a:lnTo>
                  <a:lnTo>
                    <a:pt x="507" y="1260"/>
                  </a:lnTo>
                  <a:lnTo>
                    <a:pt x="468" y="1317"/>
                  </a:lnTo>
                  <a:lnTo>
                    <a:pt x="429" y="1376"/>
                  </a:lnTo>
                  <a:lnTo>
                    <a:pt x="393" y="1435"/>
                  </a:lnTo>
                  <a:lnTo>
                    <a:pt x="359" y="1495"/>
                  </a:lnTo>
                  <a:lnTo>
                    <a:pt x="325" y="1557"/>
                  </a:lnTo>
                  <a:lnTo>
                    <a:pt x="293" y="1619"/>
                  </a:lnTo>
                  <a:lnTo>
                    <a:pt x="262" y="1681"/>
                  </a:lnTo>
                  <a:lnTo>
                    <a:pt x="233" y="1745"/>
                  </a:lnTo>
                  <a:lnTo>
                    <a:pt x="206" y="1810"/>
                  </a:lnTo>
                  <a:lnTo>
                    <a:pt x="180" y="1874"/>
                  </a:lnTo>
                  <a:lnTo>
                    <a:pt x="156" y="1941"/>
                  </a:lnTo>
                  <a:lnTo>
                    <a:pt x="133" y="2007"/>
                  </a:lnTo>
                  <a:lnTo>
                    <a:pt x="112" y="2075"/>
                  </a:lnTo>
                  <a:lnTo>
                    <a:pt x="93" y="2143"/>
                  </a:lnTo>
                  <a:lnTo>
                    <a:pt x="76" y="2211"/>
                  </a:lnTo>
                  <a:lnTo>
                    <a:pt x="60" y="2282"/>
                  </a:lnTo>
                  <a:lnTo>
                    <a:pt x="46" y="2351"/>
                  </a:lnTo>
                  <a:lnTo>
                    <a:pt x="33" y="2422"/>
                  </a:lnTo>
                  <a:lnTo>
                    <a:pt x="23" y="2493"/>
                  </a:lnTo>
                  <a:lnTo>
                    <a:pt x="15" y="2564"/>
                  </a:lnTo>
                  <a:lnTo>
                    <a:pt x="9" y="2637"/>
                  </a:lnTo>
                  <a:lnTo>
                    <a:pt x="3" y="2709"/>
                  </a:lnTo>
                  <a:lnTo>
                    <a:pt x="1" y="2783"/>
                  </a:lnTo>
                  <a:lnTo>
                    <a:pt x="0" y="2856"/>
                  </a:lnTo>
                  <a:lnTo>
                    <a:pt x="0" y="2856"/>
                  </a:lnTo>
                  <a:lnTo>
                    <a:pt x="1" y="2930"/>
                  </a:lnTo>
                  <a:lnTo>
                    <a:pt x="3" y="3003"/>
                  </a:lnTo>
                  <a:lnTo>
                    <a:pt x="9" y="3075"/>
                  </a:lnTo>
                  <a:lnTo>
                    <a:pt x="15" y="3148"/>
                  </a:lnTo>
                  <a:lnTo>
                    <a:pt x="23" y="3219"/>
                  </a:lnTo>
                  <a:lnTo>
                    <a:pt x="33" y="3290"/>
                  </a:lnTo>
                  <a:lnTo>
                    <a:pt x="46" y="3361"/>
                  </a:lnTo>
                  <a:lnTo>
                    <a:pt x="60" y="3431"/>
                  </a:lnTo>
                  <a:lnTo>
                    <a:pt x="76" y="3501"/>
                  </a:lnTo>
                  <a:lnTo>
                    <a:pt x="93" y="3569"/>
                  </a:lnTo>
                  <a:lnTo>
                    <a:pt x="112" y="3637"/>
                  </a:lnTo>
                  <a:lnTo>
                    <a:pt x="133" y="3705"/>
                  </a:lnTo>
                  <a:lnTo>
                    <a:pt x="156" y="3771"/>
                  </a:lnTo>
                  <a:lnTo>
                    <a:pt x="180" y="3838"/>
                  </a:lnTo>
                  <a:lnTo>
                    <a:pt x="206" y="3902"/>
                  </a:lnTo>
                  <a:lnTo>
                    <a:pt x="233" y="3967"/>
                  </a:lnTo>
                  <a:lnTo>
                    <a:pt x="262" y="4031"/>
                  </a:lnTo>
                  <a:lnTo>
                    <a:pt x="293" y="4094"/>
                  </a:lnTo>
                  <a:lnTo>
                    <a:pt x="325" y="4155"/>
                  </a:lnTo>
                  <a:lnTo>
                    <a:pt x="359" y="4217"/>
                  </a:lnTo>
                  <a:lnTo>
                    <a:pt x="393" y="4277"/>
                  </a:lnTo>
                  <a:lnTo>
                    <a:pt x="429" y="4337"/>
                  </a:lnTo>
                  <a:lnTo>
                    <a:pt x="468" y="4395"/>
                  </a:lnTo>
                  <a:lnTo>
                    <a:pt x="507" y="4452"/>
                  </a:lnTo>
                  <a:lnTo>
                    <a:pt x="548" y="4508"/>
                  </a:lnTo>
                  <a:lnTo>
                    <a:pt x="590" y="4564"/>
                  </a:lnTo>
                  <a:lnTo>
                    <a:pt x="634" y="4618"/>
                  </a:lnTo>
                  <a:lnTo>
                    <a:pt x="678" y="4672"/>
                  </a:lnTo>
                  <a:lnTo>
                    <a:pt x="724" y="4724"/>
                  </a:lnTo>
                  <a:lnTo>
                    <a:pt x="772" y="4776"/>
                  </a:lnTo>
                  <a:lnTo>
                    <a:pt x="820" y="4826"/>
                  </a:lnTo>
                  <a:lnTo>
                    <a:pt x="870" y="4875"/>
                  </a:lnTo>
                  <a:lnTo>
                    <a:pt x="921" y="4923"/>
                  </a:lnTo>
                  <a:lnTo>
                    <a:pt x="972" y="4969"/>
                  </a:lnTo>
                  <a:lnTo>
                    <a:pt x="1026" y="5015"/>
                  </a:lnTo>
                  <a:lnTo>
                    <a:pt x="1080" y="5059"/>
                  </a:lnTo>
                  <a:lnTo>
                    <a:pt x="1136" y="5102"/>
                  </a:lnTo>
                  <a:lnTo>
                    <a:pt x="1192" y="5144"/>
                  </a:lnTo>
                  <a:lnTo>
                    <a:pt x="1251" y="5184"/>
                  </a:lnTo>
                  <a:lnTo>
                    <a:pt x="1309" y="5224"/>
                  </a:lnTo>
                  <a:lnTo>
                    <a:pt x="1368" y="5262"/>
                  </a:lnTo>
                  <a:lnTo>
                    <a:pt x="1429" y="5299"/>
                  </a:lnTo>
                  <a:lnTo>
                    <a:pt x="1491" y="5333"/>
                  </a:lnTo>
                  <a:lnTo>
                    <a:pt x="1553" y="5367"/>
                  </a:lnTo>
                  <a:lnTo>
                    <a:pt x="1617" y="5399"/>
                  </a:lnTo>
                  <a:lnTo>
                    <a:pt x="1681" y="5431"/>
                  </a:lnTo>
                  <a:lnTo>
                    <a:pt x="1746" y="5460"/>
                  </a:lnTo>
                  <a:lnTo>
                    <a:pt x="1813" y="5488"/>
                  </a:lnTo>
                  <a:lnTo>
                    <a:pt x="1880" y="5514"/>
                  </a:lnTo>
                  <a:lnTo>
                    <a:pt x="1947" y="5539"/>
                  </a:lnTo>
                  <a:lnTo>
                    <a:pt x="2017" y="5562"/>
                  </a:lnTo>
                  <a:lnTo>
                    <a:pt x="2085" y="5584"/>
                  </a:lnTo>
                  <a:lnTo>
                    <a:pt x="2156" y="5604"/>
                  </a:lnTo>
                  <a:lnTo>
                    <a:pt x="2226" y="5623"/>
                  </a:lnTo>
                  <a:lnTo>
                    <a:pt x="2297" y="5639"/>
                  </a:lnTo>
                  <a:lnTo>
                    <a:pt x="2370" y="5654"/>
                  </a:lnTo>
                  <a:lnTo>
                    <a:pt x="2442" y="5668"/>
                  </a:lnTo>
                  <a:lnTo>
                    <a:pt x="2516" y="5680"/>
                  </a:lnTo>
                  <a:lnTo>
                    <a:pt x="2590" y="5690"/>
                  </a:lnTo>
                  <a:lnTo>
                    <a:pt x="2664" y="5697"/>
                  </a:lnTo>
                  <a:lnTo>
                    <a:pt x="2739" y="5704"/>
                  </a:lnTo>
                  <a:lnTo>
                    <a:pt x="2814" y="5709"/>
                  </a:lnTo>
                  <a:lnTo>
                    <a:pt x="2891" y="5711"/>
                  </a:lnTo>
                  <a:lnTo>
                    <a:pt x="2967" y="5712"/>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73" name="Freeform 284">
              <a:extLst>
                <a:ext uri="{FF2B5EF4-FFF2-40B4-BE49-F238E27FC236}">
                  <a16:creationId xmlns:a16="http://schemas.microsoft.com/office/drawing/2014/main" xmlns="" id="{CF5EB401-F81A-1D46-981A-C4B4CB4EBD6D}"/>
                </a:ext>
              </a:extLst>
            </p:cNvPr>
            <p:cNvSpPr>
              <a:spLocks/>
            </p:cNvSpPr>
            <p:nvPr/>
          </p:nvSpPr>
          <p:spPr bwMode="auto">
            <a:xfrm flipH="1">
              <a:off x="6610556" y="705021"/>
              <a:ext cx="5166185" cy="5180464"/>
            </a:xfrm>
            <a:custGeom>
              <a:avLst/>
              <a:gdLst>
                <a:gd name="T0" fmla="*/ 3179 w 5905"/>
                <a:gd name="T1" fmla="*/ 5676 h 5684"/>
                <a:gd name="T2" fmla="*/ 3547 w 5905"/>
                <a:gd name="T3" fmla="*/ 5626 h 5684"/>
                <a:gd name="T4" fmla="*/ 3899 w 5905"/>
                <a:gd name="T5" fmla="*/ 5534 h 5684"/>
                <a:gd name="T6" fmla="*/ 4232 w 5905"/>
                <a:gd name="T7" fmla="*/ 5404 h 5684"/>
                <a:gd name="T8" fmla="*/ 4542 w 5905"/>
                <a:gd name="T9" fmla="*/ 5236 h 5684"/>
                <a:gd name="T10" fmla="*/ 4830 w 5905"/>
                <a:gd name="T11" fmla="*/ 5034 h 5684"/>
                <a:gd name="T12" fmla="*/ 5089 w 5905"/>
                <a:gd name="T13" fmla="*/ 4802 h 5684"/>
                <a:gd name="T14" fmla="*/ 5318 w 5905"/>
                <a:gd name="T15" fmla="*/ 4542 h 5684"/>
                <a:gd name="T16" fmla="*/ 5514 w 5905"/>
                <a:gd name="T17" fmla="*/ 4256 h 5684"/>
                <a:gd name="T18" fmla="*/ 5673 w 5905"/>
                <a:gd name="T19" fmla="*/ 3947 h 5684"/>
                <a:gd name="T20" fmla="*/ 5793 w 5905"/>
                <a:gd name="T21" fmla="*/ 3620 h 5684"/>
                <a:gd name="T22" fmla="*/ 5871 w 5905"/>
                <a:gd name="T23" fmla="*/ 3274 h 5684"/>
                <a:gd name="T24" fmla="*/ 5904 w 5905"/>
                <a:gd name="T25" fmla="*/ 2916 h 5684"/>
                <a:gd name="T26" fmla="*/ 5896 w 5905"/>
                <a:gd name="T27" fmla="*/ 2624 h 5684"/>
                <a:gd name="T28" fmla="*/ 5845 w 5905"/>
                <a:gd name="T29" fmla="*/ 2270 h 5684"/>
                <a:gd name="T30" fmla="*/ 5750 w 5905"/>
                <a:gd name="T31" fmla="*/ 1932 h 5684"/>
                <a:gd name="T32" fmla="*/ 5614 w 5905"/>
                <a:gd name="T33" fmla="*/ 1611 h 5684"/>
                <a:gd name="T34" fmla="*/ 5440 w 5905"/>
                <a:gd name="T35" fmla="*/ 1312 h 5684"/>
                <a:gd name="T36" fmla="*/ 5230 w 5905"/>
                <a:gd name="T37" fmla="*/ 1035 h 5684"/>
                <a:gd name="T38" fmla="*/ 4989 w 5905"/>
                <a:gd name="T39" fmla="*/ 786 h 5684"/>
                <a:gd name="T40" fmla="*/ 4719 w 5905"/>
                <a:gd name="T41" fmla="*/ 566 h 5684"/>
                <a:gd name="T42" fmla="*/ 4421 w 5905"/>
                <a:gd name="T43" fmla="*/ 377 h 5684"/>
                <a:gd name="T44" fmla="*/ 4100 w 5905"/>
                <a:gd name="T45" fmla="*/ 223 h 5684"/>
                <a:gd name="T46" fmla="*/ 3761 w 5905"/>
                <a:gd name="T47" fmla="*/ 108 h 5684"/>
                <a:gd name="T48" fmla="*/ 3402 w 5905"/>
                <a:gd name="T49" fmla="*/ 33 h 5684"/>
                <a:gd name="T50" fmla="*/ 3029 w 5905"/>
                <a:gd name="T51" fmla="*/ 1 h 5684"/>
                <a:gd name="T52" fmla="*/ 2726 w 5905"/>
                <a:gd name="T53" fmla="*/ 8 h 5684"/>
                <a:gd name="T54" fmla="*/ 2358 w 5905"/>
                <a:gd name="T55" fmla="*/ 58 h 5684"/>
                <a:gd name="T56" fmla="*/ 2007 w 5905"/>
                <a:gd name="T57" fmla="*/ 150 h 5684"/>
                <a:gd name="T58" fmla="*/ 1674 w 5905"/>
                <a:gd name="T59" fmla="*/ 281 h 5684"/>
                <a:gd name="T60" fmla="*/ 1363 w 5905"/>
                <a:gd name="T61" fmla="*/ 448 h 5684"/>
                <a:gd name="T62" fmla="*/ 1076 w 5905"/>
                <a:gd name="T63" fmla="*/ 650 h 5684"/>
                <a:gd name="T64" fmla="*/ 817 w 5905"/>
                <a:gd name="T65" fmla="*/ 882 h 5684"/>
                <a:gd name="T66" fmla="*/ 588 w 5905"/>
                <a:gd name="T67" fmla="*/ 1142 h 5684"/>
                <a:gd name="T68" fmla="*/ 392 w 5905"/>
                <a:gd name="T69" fmla="*/ 1428 h 5684"/>
                <a:gd name="T70" fmla="*/ 233 w 5905"/>
                <a:gd name="T71" fmla="*/ 1737 h 5684"/>
                <a:gd name="T72" fmla="*/ 112 w 5905"/>
                <a:gd name="T73" fmla="*/ 2065 h 5684"/>
                <a:gd name="T74" fmla="*/ 35 w 5905"/>
                <a:gd name="T75" fmla="*/ 2410 h 5684"/>
                <a:gd name="T76" fmla="*/ 1 w 5905"/>
                <a:gd name="T77" fmla="*/ 2769 h 5684"/>
                <a:gd name="T78" fmla="*/ 9 w 5905"/>
                <a:gd name="T79" fmla="*/ 3060 h 5684"/>
                <a:gd name="T80" fmla="*/ 61 w 5905"/>
                <a:gd name="T81" fmla="*/ 3414 h 5684"/>
                <a:gd name="T82" fmla="*/ 156 w 5905"/>
                <a:gd name="T83" fmla="*/ 3752 h 5684"/>
                <a:gd name="T84" fmla="*/ 292 w 5905"/>
                <a:gd name="T85" fmla="*/ 4073 h 5684"/>
                <a:gd name="T86" fmla="*/ 466 w 5905"/>
                <a:gd name="T87" fmla="*/ 4372 h 5684"/>
                <a:gd name="T88" fmla="*/ 676 w 5905"/>
                <a:gd name="T89" fmla="*/ 4649 h 5684"/>
                <a:gd name="T90" fmla="*/ 917 w 5905"/>
                <a:gd name="T91" fmla="*/ 4898 h 5684"/>
                <a:gd name="T92" fmla="*/ 1187 w 5905"/>
                <a:gd name="T93" fmla="*/ 5118 h 5684"/>
                <a:gd name="T94" fmla="*/ 1484 w 5905"/>
                <a:gd name="T95" fmla="*/ 5307 h 5684"/>
                <a:gd name="T96" fmla="*/ 1805 w 5905"/>
                <a:gd name="T97" fmla="*/ 5461 h 5684"/>
                <a:gd name="T98" fmla="*/ 2145 w 5905"/>
                <a:gd name="T99" fmla="*/ 5576 h 5684"/>
                <a:gd name="T100" fmla="*/ 2504 w 5905"/>
                <a:gd name="T101" fmla="*/ 5651 h 5684"/>
                <a:gd name="T102" fmla="*/ 2877 w 5905"/>
                <a:gd name="T103" fmla="*/ 5683 h 56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05" h="5684">
                  <a:moveTo>
                    <a:pt x="2953" y="5684"/>
                  </a:moveTo>
                  <a:lnTo>
                    <a:pt x="2953" y="5684"/>
                  </a:lnTo>
                  <a:lnTo>
                    <a:pt x="3029" y="5683"/>
                  </a:lnTo>
                  <a:lnTo>
                    <a:pt x="3104" y="5680"/>
                  </a:lnTo>
                  <a:lnTo>
                    <a:pt x="3179" y="5676"/>
                  </a:lnTo>
                  <a:lnTo>
                    <a:pt x="3255" y="5669"/>
                  </a:lnTo>
                  <a:lnTo>
                    <a:pt x="3329" y="5662"/>
                  </a:lnTo>
                  <a:lnTo>
                    <a:pt x="3402" y="5651"/>
                  </a:lnTo>
                  <a:lnTo>
                    <a:pt x="3475" y="5640"/>
                  </a:lnTo>
                  <a:lnTo>
                    <a:pt x="3547" y="5626"/>
                  </a:lnTo>
                  <a:lnTo>
                    <a:pt x="3619" y="5611"/>
                  </a:lnTo>
                  <a:lnTo>
                    <a:pt x="3690" y="5595"/>
                  </a:lnTo>
                  <a:lnTo>
                    <a:pt x="3761" y="5576"/>
                  </a:lnTo>
                  <a:lnTo>
                    <a:pt x="3830" y="5556"/>
                  </a:lnTo>
                  <a:lnTo>
                    <a:pt x="3899" y="5534"/>
                  </a:lnTo>
                  <a:lnTo>
                    <a:pt x="3967" y="5512"/>
                  </a:lnTo>
                  <a:lnTo>
                    <a:pt x="4034" y="5487"/>
                  </a:lnTo>
                  <a:lnTo>
                    <a:pt x="4100" y="5461"/>
                  </a:lnTo>
                  <a:lnTo>
                    <a:pt x="4167" y="5433"/>
                  </a:lnTo>
                  <a:lnTo>
                    <a:pt x="4232" y="5404"/>
                  </a:lnTo>
                  <a:lnTo>
                    <a:pt x="4296" y="5372"/>
                  </a:lnTo>
                  <a:lnTo>
                    <a:pt x="4358" y="5341"/>
                  </a:lnTo>
                  <a:lnTo>
                    <a:pt x="4421" y="5307"/>
                  </a:lnTo>
                  <a:lnTo>
                    <a:pt x="4483" y="5272"/>
                  </a:lnTo>
                  <a:lnTo>
                    <a:pt x="4542" y="5236"/>
                  </a:lnTo>
                  <a:lnTo>
                    <a:pt x="4602" y="5198"/>
                  </a:lnTo>
                  <a:lnTo>
                    <a:pt x="4660" y="5159"/>
                  </a:lnTo>
                  <a:lnTo>
                    <a:pt x="4719" y="5118"/>
                  </a:lnTo>
                  <a:lnTo>
                    <a:pt x="4775" y="5077"/>
                  </a:lnTo>
                  <a:lnTo>
                    <a:pt x="4830" y="5034"/>
                  </a:lnTo>
                  <a:lnTo>
                    <a:pt x="4883" y="4990"/>
                  </a:lnTo>
                  <a:lnTo>
                    <a:pt x="4937" y="4945"/>
                  </a:lnTo>
                  <a:lnTo>
                    <a:pt x="4989" y="4898"/>
                  </a:lnTo>
                  <a:lnTo>
                    <a:pt x="5039" y="4851"/>
                  </a:lnTo>
                  <a:lnTo>
                    <a:pt x="5089" y="4802"/>
                  </a:lnTo>
                  <a:lnTo>
                    <a:pt x="5137" y="4752"/>
                  </a:lnTo>
                  <a:lnTo>
                    <a:pt x="5184" y="4701"/>
                  </a:lnTo>
                  <a:lnTo>
                    <a:pt x="5230" y="4649"/>
                  </a:lnTo>
                  <a:lnTo>
                    <a:pt x="5275" y="4596"/>
                  </a:lnTo>
                  <a:lnTo>
                    <a:pt x="5318" y="4542"/>
                  </a:lnTo>
                  <a:lnTo>
                    <a:pt x="5360" y="4487"/>
                  </a:lnTo>
                  <a:lnTo>
                    <a:pt x="5401" y="4429"/>
                  </a:lnTo>
                  <a:lnTo>
                    <a:pt x="5440" y="4372"/>
                  </a:lnTo>
                  <a:lnTo>
                    <a:pt x="5477" y="4315"/>
                  </a:lnTo>
                  <a:lnTo>
                    <a:pt x="5514" y="4256"/>
                  </a:lnTo>
                  <a:lnTo>
                    <a:pt x="5549" y="4195"/>
                  </a:lnTo>
                  <a:lnTo>
                    <a:pt x="5581" y="4135"/>
                  </a:lnTo>
                  <a:lnTo>
                    <a:pt x="5614" y="4073"/>
                  </a:lnTo>
                  <a:lnTo>
                    <a:pt x="5644" y="4011"/>
                  </a:lnTo>
                  <a:lnTo>
                    <a:pt x="5673" y="3947"/>
                  </a:lnTo>
                  <a:lnTo>
                    <a:pt x="5700" y="3883"/>
                  </a:lnTo>
                  <a:lnTo>
                    <a:pt x="5726" y="3818"/>
                  </a:lnTo>
                  <a:lnTo>
                    <a:pt x="5750" y="3752"/>
                  </a:lnTo>
                  <a:lnTo>
                    <a:pt x="5772" y="3687"/>
                  </a:lnTo>
                  <a:lnTo>
                    <a:pt x="5793" y="3620"/>
                  </a:lnTo>
                  <a:lnTo>
                    <a:pt x="5812" y="3552"/>
                  </a:lnTo>
                  <a:lnTo>
                    <a:pt x="5829" y="3484"/>
                  </a:lnTo>
                  <a:lnTo>
                    <a:pt x="5845" y="3414"/>
                  </a:lnTo>
                  <a:lnTo>
                    <a:pt x="5859" y="3344"/>
                  </a:lnTo>
                  <a:lnTo>
                    <a:pt x="5871" y="3274"/>
                  </a:lnTo>
                  <a:lnTo>
                    <a:pt x="5882" y="3204"/>
                  </a:lnTo>
                  <a:lnTo>
                    <a:pt x="5890" y="3133"/>
                  </a:lnTo>
                  <a:lnTo>
                    <a:pt x="5896" y="3060"/>
                  </a:lnTo>
                  <a:lnTo>
                    <a:pt x="5901" y="2988"/>
                  </a:lnTo>
                  <a:lnTo>
                    <a:pt x="5904" y="2916"/>
                  </a:lnTo>
                  <a:lnTo>
                    <a:pt x="5905" y="2842"/>
                  </a:lnTo>
                  <a:lnTo>
                    <a:pt x="5905" y="2842"/>
                  </a:lnTo>
                  <a:lnTo>
                    <a:pt x="5904" y="2769"/>
                  </a:lnTo>
                  <a:lnTo>
                    <a:pt x="5901" y="2696"/>
                  </a:lnTo>
                  <a:lnTo>
                    <a:pt x="5896" y="2624"/>
                  </a:lnTo>
                  <a:lnTo>
                    <a:pt x="5890" y="2552"/>
                  </a:lnTo>
                  <a:lnTo>
                    <a:pt x="5882" y="2480"/>
                  </a:lnTo>
                  <a:lnTo>
                    <a:pt x="5871" y="2410"/>
                  </a:lnTo>
                  <a:lnTo>
                    <a:pt x="5859" y="2340"/>
                  </a:lnTo>
                  <a:lnTo>
                    <a:pt x="5845" y="2270"/>
                  </a:lnTo>
                  <a:lnTo>
                    <a:pt x="5829" y="2201"/>
                  </a:lnTo>
                  <a:lnTo>
                    <a:pt x="5812" y="2133"/>
                  </a:lnTo>
                  <a:lnTo>
                    <a:pt x="5793" y="2065"/>
                  </a:lnTo>
                  <a:lnTo>
                    <a:pt x="5772" y="1998"/>
                  </a:lnTo>
                  <a:lnTo>
                    <a:pt x="5750" y="1932"/>
                  </a:lnTo>
                  <a:lnTo>
                    <a:pt x="5726" y="1866"/>
                  </a:lnTo>
                  <a:lnTo>
                    <a:pt x="5700" y="1801"/>
                  </a:lnTo>
                  <a:lnTo>
                    <a:pt x="5673" y="1737"/>
                  </a:lnTo>
                  <a:lnTo>
                    <a:pt x="5644" y="1674"/>
                  </a:lnTo>
                  <a:lnTo>
                    <a:pt x="5614" y="1611"/>
                  </a:lnTo>
                  <a:lnTo>
                    <a:pt x="5581" y="1549"/>
                  </a:lnTo>
                  <a:lnTo>
                    <a:pt x="5549" y="1489"/>
                  </a:lnTo>
                  <a:lnTo>
                    <a:pt x="5514" y="1428"/>
                  </a:lnTo>
                  <a:lnTo>
                    <a:pt x="5477" y="1369"/>
                  </a:lnTo>
                  <a:lnTo>
                    <a:pt x="5440" y="1312"/>
                  </a:lnTo>
                  <a:lnTo>
                    <a:pt x="5401" y="1255"/>
                  </a:lnTo>
                  <a:lnTo>
                    <a:pt x="5360" y="1198"/>
                  </a:lnTo>
                  <a:lnTo>
                    <a:pt x="5318" y="1142"/>
                  </a:lnTo>
                  <a:lnTo>
                    <a:pt x="5275" y="1088"/>
                  </a:lnTo>
                  <a:lnTo>
                    <a:pt x="5230" y="1035"/>
                  </a:lnTo>
                  <a:lnTo>
                    <a:pt x="5184" y="984"/>
                  </a:lnTo>
                  <a:lnTo>
                    <a:pt x="5137" y="932"/>
                  </a:lnTo>
                  <a:lnTo>
                    <a:pt x="5089" y="882"/>
                  </a:lnTo>
                  <a:lnTo>
                    <a:pt x="5039" y="833"/>
                  </a:lnTo>
                  <a:lnTo>
                    <a:pt x="4989" y="786"/>
                  </a:lnTo>
                  <a:lnTo>
                    <a:pt x="4937" y="740"/>
                  </a:lnTo>
                  <a:lnTo>
                    <a:pt x="4883" y="694"/>
                  </a:lnTo>
                  <a:lnTo>
                    <a:pt x="4830" y="650"/>
                  </a:lnTo>
                  <a:lnTo>
                    <a:pt x="4775" y="607"/>
                  </a:lnTo>
                  <a:lnTo>
                    <a:pt x="4719" y="566"/>
                  </a:lnTo>
                  <a:lnTo>
                    <a:pt x="4660" y="525"/>
                  </a:lnTo>
                  <a:lnTo>
                    <a:pt x="4602" y="486"/>
                  </a:lnTo>
                  <a:lnTo>
                    <a:pt x="4542" y="448"/>
                  </a:lnTo>
                  <a:lnTo>
                    <a:pt x="4483" y="412"/>
                  </a:lnTo>
                  <a:lnTo>
                    <a:pt x="4421" y="377"/>
                  </a:lnTo>
                  <a:lnTo>
                    <a:pt x="4358" y="343"/>
                  </a:lnTo>
                  <a:lnTo>
                    <a:pt x="4296" y="312"/>
                  </a:lnTo>
                  <a:lnTo>
                    <a:pt x="4232" y="281"/>
                  </a:lnTo>
                  <a:lnTo>
                    <a:pt x="4167" y="251"/>
                  </a:lnTo>
                  <a:lnTo>
                    <a:pt x="4100" y="223"/>
                  </a:lnTo>
                  <a:lnTo>
                    <a:pt x="4034" y="197"/>
                  </a:lnTo>
                  <a:lnTo>
                    <a:pt x="3967" y="173"/>
                  </a:lnTo>
                  <a:lnTo>
                    <a:pt x="3899" y="150"/>
                  </a:lnTo>
                  <a:lnTo>
                    <a:pt x="3830" y="128"/>
                  </a:lnTo>
                  <a:lnTo>
                    <a:pt x="3761" y="108"/>
                  </a:lnTo>
                  <a:lnTo>
                    <a:pt x="3690" y="89"/>
                  </a:lnTo>
                  <a:lnTo>
                    <a:pt x="3619" y="73"/>
                  </a:lnTo>
                  <a:lnTo>
                    <a:pt x="3547" y="58"/>
                  </a:lnTo>
                  <a:lnTo>
                    <a:pt x="3475" y="44"/>
                  </a:lnTo>
                  <a:lnTo>
                    <a:pt x="3402" y="33"/>
                  </a:lnTo>
                  <a:lnTo>
                    <a:pt x="3329" y="22"/>
                  </a:lnTo>
                  <a:lnTo>
                    <a:pt x="3255" y="15"/>
                  </a:lnTo>
                  <a:lnTo>
                    <a:pt x="3179" y="8"/>
                  </a:lnTo>
                  <a:lnTo>
                    <a:pt x="3104" y="4"/>
                  </a:lnTo>
                  <a:lnTo>
                    <a:pt x="3029" y="1"/>
                  </a:lnTo>
                  <a:lnTo>
                    <a:pt x="2953" y="0"/>
                  </a:lnTo>
                  <a:lnTo>
                    <a:pt x="2953" y="0"/>
                  </a:lnTo>
                  <a:lnTo>
                    <a:pt x="2877" y="1"/>
                  </a:lnTo>
                  <a:lnTo>
                    <a:pt x="2801" y="4"/>
                  </a:lnTo>
                  <a:lnTo>
                    <a:pt x="2726" y="8"/>
                  </a:lnTo>
                  <a:lnTo>
                    <a:pt x="2651" y="15"/>
                  </a:lnTo>
                  <a:lnTo>
                    <a:pt x="2577" y="22"/>
                  </a:lnTo>
                  <a:lnTo>
                    <a:pt x="2504" y="33"/>
                  </a:lnTo>
                  <a:lnTo>
                    <a:pt x="2431" y="44"/>
                  </a:lnTo>
                  <a:lnTo>
                    <a:pt x="2358" y="58"/>
                  </a:lnTo>
                  <a:lnTo>
                    <a:pt x="2287" y="73"/>
                  </a:lnTo>
                  <a:lnTo>
                    <a:pt x="2216" y="89"/>
                  </a:lnTo>
                  <a:lnTo>
                    <a:pt x="2145" y="108"/>
                  </a:lnTo>
                  <a:lnTo>
                    <a:pt x="2076" y="128"/>
                  </a:lnTo>
                  <a:lnTo>
                    <a:pt x="2007" y="150"/>
                  </a:lnTo>
                  <a:lnTo>
                    <a:pt x="1939" y="173"/>
                  </a:lnTo>
                  <a:lnTo>
                    <a:pt x="1871" y="197"/>
                  </a:lnTo>
                  <a:lnTo>
                    <a:pt x="1805" y="223"/>
                  </a:lnTo>
                  <a:lnTo>
                    <a:pt x="1739" y="251"/>
                  </a:lnTo>
                  <a:lnTo>
                    <a:pt x="1674" y="281"/>
                  </a:lnTo>
                  <a:lnTo>
                    <a:pt x="1610" y="312"/>
                  </a:lnTo>
                  <a:lnTo>
                    <a:pt x="1547" y="343"/>
                  </a:lnTo>
                  <a:lnTo>
                    <a:pt x="1484" y="377"/>
                  </a:lnTo>
                  <a:lnTo>
                    <a:pt x="1423" y="412"/>
                  </a:lnTo>
                  <a:lnTo>
                    <a:pt x="1363" y="448"/>
                  </a:lnTo>
                  <a:lnTo>
                    <a:pt x="1304" y="486"/>
                  </a:lnTo>
                  <a:lnTo>
                    <a:pt x="1245" y="525"/>
                  </a:lnTo>
                  <a:lnTo>
                    <a:pt x="1187" y="566"/>
                  </a:lnTo>
                  <a:lnTo>
                    <a:pt x="1131" y="607"/>
                  </a:lnTo>
                  <a:lnTo>
                    <a:pt x="1076" y="650"/>
                  </a:lnTo>
                  <a:lnTo>
                    <a:pt x="1022" y="694"/>
                  </a:lnTo>
                  <a:lnTo>
                    <a:pt x="968" y="740"/>
                  </a:lnTo>
                  <a:lnTo>
                    <a:pt x="917" y="786"/>
                  </a:lnTo>
                  <a:lnTo>
                    <a:pt x="866" y="833"/>
                  </a:lnTo>
                  <a:lnTo>
                    <a:pt x="817" y="882"/>
                  </a:lnTo>
                  <a:lnTo>
                    <a:pt x="769" y="932"/>
                  </a:lnTo>
                  <a:lnTo>
                    <a:pt x="722" y="984"/>
                  </a:lnTo>
                  <a:lnTo>
                    <a:pt x="676" y="1035"/>
                  </a:lnTo>
                  <a:lnTo>
                    <a:pt x="631" y="1088"/>
                  </a:lnTo>
                  <a:lnTo>
                    <a:pt x="588" y="1142"/>
                  </a:lnTo>
                  <a:lnTo>
                    <a:pt x="545" y="1198"/>
                  </a:lnTo>
                  <a:lnTo>
                    <a:pt x="505" y="1255"/>
                  </a:lnTo>
                  <a:lnTo>
                    <a:pt x="466" y="1312"/>
                  </a:lnTo>
                  <a:lnTo>
                    <a:pt x="429" y="1369"/>
                  </a:lnTo>
                  <a:lnTo>
                    <a:pt x="392" y="1428"/>
                  </a:lnTo>
                  <a:lnTo>
                    <a:pt x="357" y="1489"/>
                  </a:lnTo>
                  <a:lnTo>
                    <a:pt x="325" y="1549"/>
                  </a:lnTo>
                  <a:lnTo>
                    <a:pt x="292" y="1611"/>
                  </a:lnTo>
                  <a:lnTo>
                    <a:pt x="262" y="1674"/>
                  </a:lnTo>
                  <a:lnTo>
                    <a:pt x="233" y="1737"/>
                  </a:lnTo>
                  <a:lnTo>
                    <a:pt x="206" y="1801"/>
                  </a:lnTo>
                  <a:lnTo>
                    <a:pt x="180" y="1866"/>
                  </a:lnTo>
                  <a:lnTo>
                    <a:pt x="156" y="1932"/>
                  </a:lnTo>
                  <a:lnTo>
                    <a:pt x="134" y="1998"/>
                  </a:lnTo>
                  <a:lnTo>
                    <a:pt x="112" y="2065"/>
                  </a:lnTo>
                  <a:lnTo>
                    <a:pt x="93" y="2133"/>
                  </a:lnTo>
                  <a:lnTo>
                    <a:pt x="77" y="2201"/>
                  </a:lnTo>
                  <a:lnTo>
                    <a:pt x="61" y="2270"/>
                  </a:lnTo>
                  <a:lnTo>
                    <a:pt x="46" y="2340"/>
                  </a:lnTo>
                  <a:lnTo>
                    <a:pt x="35" y="2410"/>
                  </a:lnTo>
                  <a:lnTo>
                    <a:pt x="24" y="2480"/>
                  </a:lnTo>
                  <a:lnTo>
                    <a:pt x="16" y="2552"/>
                  </a:lnTo>
                  <a:lnTo>
                    <a:pt x="9" y="2624"/>
                  </a:lnTo>
                  <a:lnTo>
                    <a:pt x="5" y="2696"/>
                  </a:lnTo>
                  <a:lnTo>
                    <a:pt x="1" y="2769"/>
                  </a:lnTo>
                  <a:lnTo>
                    <a:pt x="0" y="2842"/>
                  </a:lnTo>
                  <a:lnTo>
                    <a:pt x="0" y="2842"/>
                  </a:lnTo>
                  <a:lnTo>
                    <a:pt x="1" y="2916"/>
                  </a:lnTo>
                  <a:lnTo>
                    <a:pt x="5" y="2988"/>
                  </a:lnTo>
                  <a:lnTo>
                    <a:pt x="9" y="3060"/>
                  </a:lnTo>
                  <a:lnTo>
                    <a:pt x="16" y="3133"/>
                  </a:lnTo>
                  <a:lnTo>
                    <a:pt x="24" y="3204"/>
                  </a:lnTo>
                  <a:lnTo>
                    <a:pt x="35" y="3274"/>
                  </a:lnTo>
                  <a:lnTo>
                    <a:pt x="46" y="3344"/>
                  </a:lnTo>
                  <a:lnTo>
                    <a:pt x="61" y="3414"/>
                  </a:lnTo>
                  <a:lnTo>
                    <a:pt x="77" y="3484"/>
                  </a:lnTo>
                  <a:lnTo>
                    <a:pt x="93" y="3552"/>
                  </a:lnTo>
                  <a:lnTo>
                    <a:pt x="112" y="3620"/>
                  </a:lnTo>
                  <a:lnTo>
                    <a:pt x="134" y="3687"/>
                  </a:lnTo>
                  <a:lnTo>
                    <a:pt x="156" y="3752"/>
                  </a:lnTo>
                  <a:lnTo>
                    <a:pt x="180" y="3818"/>
                  </a:lnTo>
                  <a:lnTo>
                    <a:pt x="206" y="3883"/>
                  </a:lnTo>
                  <a:lnTo>
                    <a:pt x="233" y="3947"/>
                  </a:lnTo>
                  <a:lnTo>
                    <a:pt x="262" y="4011"/>
                  </a:lnTo>
                  <a:lnTo>
                    <a:pt x="292" y="4073"/>
                  </a:lnTo>
                  <a:lnTo>
                    <a:pt x="325" y="4135"/>
                  </a:lnTo>
                  <a:lnTo>
                    <a:pt x="357" y="4195"/>
                  </a:lnTo>
                  <a:lnTo>
                    <a:pt x="392" y="4256"/>
                  </a:lnTo>
                  <a:lnTo>
                    <a:pt x="429" y="4315"/>
                  </a:lnTo>
                  <a:lnTo>
                    <a:pt x="466" y="4372"/>
                  </a:lnTo>
                  <a:lnTo>
                    <a:pt x="505" y="4429"/>
                  </a:lnTo>
                  <a:lnTo>
                    <a:pt x="545" y="4487"/>
                  </a:lnTo>
                  <a:lnTo>
                    <a:pt x="588" y="4542"/>
                  </a:lnTo>
                  <a:lnTo>
                    <a:pt x="631" y="4596"/>
                  </a:lnTo>
                  <a:lnTo>
                    <a:pt x="676" y="4649"/>
                  </a:lnTo>
                  <a:lnTo>
                    <a:pt x="722" y="4701"/>
                  </a:lnTo>
                  <a:lnTo>
                    <a:pt x="769" y="4752"/>
                  </a:lnTo>
                  <a:lnTo>
                    <a:pt x="817" y="4802"/>
                  </a:lnTo>
                  <a:lnTo>
                    <a:pt x="866" y="4851"/>
                  </a:lnTo>
                  <a:lnTo>
                    <a:pt x="917" y="4898"/>
                  </a:lnTo>
                  <a:lnTo>
                    <a:pt x="968" y="4945"/>
                  </a:lnTo>
                  <a:lnTo>
                    <a:pt x="1022" y="4990"/>
                  </a:lnTo>
                  <a:lnTo>
                    <a:pt x="1076" y="5034"/>
                  </a:lnTo>
                  <a:lnTo>
                    <a:pt x="1131" y="5077"/>
                  </a:lnTo>
                  <a:lnTo>
                    <a:pt x="1187" y="5118"/>
                  </a:lnTo>
                  <a:lnTo>
                    <a:pt x="1245" y="5159"/>
                  </a:lnTo>
                  <a:lnTo>
                    <a:pt x="1304" y="5198"/>
                  </a:lnTo>
                  <a:lnTo>
                    <a:pt x="1363" y="5236"/>
                  </a:lnTo>
                  <a:lnTo>
                    <a:pt x="1423" y="5272"/>
                  </a:lnTo>
                  <a:lnTo>
                    <a:pt x="1484" y="5307"/>
                  </a:lnTo>
                  <a:lnTo>
                    <a:pt x="1547" y="5341"/>
                  </a:lnTo>
                  <a:lnTo>
                    <a:pt x="1610" y="5372"/>
                  </a:lnTo>
                  <a:lnTo>
                    <a:pt x="1674" y="5404"/>
                  </a:lnTo>
                  <a:lnTo>
                    <a:pt x="1739" y="5433"/>
                  </a:lnTo>
                  <a:lnTo>
                    <a:pt x="1805" y="5461"/>
                  </a:lnTo>
                  <a:lnTo>
                    <a:pt x="1871" y="5487"/>
                  </a:lnTo>
                  <a:lnTo>
                    <a:pt x="1939" y="5512"/>
                  </a:lnTo>
                  <a:lnTo>
                    <a:pt x="2007" y="5534"/>
                  </a:lnTo>
                  <a:lnTo>
                    <a:pt x="2076" y="5556"/>
                  </a:lnTo>
                  <a:lnTo>
                    <a:pt x="2145" y="5576"/>
                  </a:lnTo>
                  <a:lnTo>
                    <a:pt x="2216" y="5595"/>
                  </a:lnTo>
                  <a:lnTo>
                    <a:pt x="2287" y="5611"/>
                  </a:lnTo>
                  <a:lnTo>
                    <a:pt x="2358" y="5626"/>
                  </a:lnTo>
                  <a:lnTo>
                    <a:pt x="2431" y="5640"/>
                  </a:lnTo>
                  <a:lnTo>
                    <a:pt x="2504" y="5651"/>
                  </a:lnTo>
                  <a:lnTo>
                    <a:pt x="2577" y="5662"/>
                  </a:lnTo>
                  <a:lnTo>
                    <a:pt x="2651" y="5669"/>
                  </a:lnTo>
                  <a:lnTo>
                    <a:pt x="2726" y="5676"/>
                  </a:lnTo>
                  <a:lnTo>
                    <a:pt x="2801" y="5680"/>
                  </a:lnTo>
                  <a:lnTo>
                    <a:pt x="2877" y="5683"/>
                  </a:lnTo>
                  <a:lnTo>
                    <a:pt x="2953" y="5684"/>
                  </a:lnTo>
                  <a:close/>
                </a:path>
              </a:pathLst>
            </a:custGeom>
            <a:solidFill>
              <a:srgbClr val="BCBCB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74" name="Freeform 285">
              <a:extLst>
                <a:ext uri="{FF2B5EF4-FFF2-40B4-BE49-F238E27FC236}">
                  <a16:creationId xmlns:a16="http://schemas.microsoft.com/office/drawing/2014/main" xmlns="" id="{AE33F798-5671-6849-9DC1-3CFC7E934C97}"/>
                </a:ext>
              </a:extLst>
            </p:cNvPr>
            <p:cNvSpPr>
              <a:spLocks/>
            </p:cNvSpPr>
            <p:nvPr/>
          </p:nvSpPr>
          <p:spPr bwMode="auto">
            <a:xfrm flipH="1">
              <a:off x="6610556" y="705021"/>
              <a:ext cx="5166185" cy="5180464"/>
            </a:xfrm>
            <a:custGeom>
              <a:avLst/>
              <a:gdLst>
                <a:gd name="T0" fmla="*/ 3179 w 5905"/>
                <a:gd name="T1" fmla="*/ 5676 h 5684"/>
                <a:gd name="T2" fmla="*/ 3547 w 5905"/>
                <a:gd name="T3" fmla="*/ 5626 h 5684"/>
                <a:gd name="T4" fmla="*/ 3899 w 5905"/>
                <a:gd name="T5" fmla="*/ 5534 h 5684"/>
                <a:gd name="T6" fmla="*/ 4232 w 5905"/>
                <a:gd name="T7" fmla="*/ 5404 h 5684"/>
                <a:gd name="T8" fmla="*/ 4542 w 5905"/>
                <a:gd name="T9" fmla="*/ 5236 h 5684"/>
                <a:gd name="T10" fmla="*/ 4830 w 5905"/>
                <a:gd name="T11" fmla="*/ 5034 h 5684"/>
                <a:gd name="T12" fmla="*/ 5089 w 5905"/>
                <a:gd name="T13" fmla="*/ 4802 h 5684"/>
                <a:gd name="T14" fmla="*/ 5318 w 5905"/>
                <a:gd name="T15" fmla="*/ 4542 h 5684"/>
                <a:gd name="T16" fmla="*/ 5514 w 5905"/>
                <a:gd name="T17" fmla="*/ 4256 h 5684"/>
                <a:gd name="T18" fmla="*/ 5673 w 5905"/>
                <a:gd name="T19" fmla="*/ 3947 h 5684"/>
                <a:gd name="T20" fmla="*/ 5793 w 5905"/>
                <a:gd name="T21" fmla="*/ 3620 h 5684"/>
                <a:gd name="T22" fmla="*/ 5871 w 5905"/>
                <a:gd name="T23" fmla="*/ 3274 h 5684"/>
                <a:gd name="T24" fmla="*/ 5904 w 5905"/>
                <a:gd name="T25" fmla="*/ 2916 h 5684"/>
                <a:gd name="T26" fmla="*/ 5896 w 5905"/>
                <a:gd name="T27" fmla="*/ 2624 h 5684"/>
                <a:gd name="T28" fmla="*/ 5845 w 5905"/>
                <a:gd name="T29" fmla="*/ 2270 h 5684"/>
                <a:gd name="T30" fmla="*/ 5750 w 5905"/>
                <a:gd name="T31" fmla="*/ 1932 h 5684"/>
                <a:gd name="T32" fmla="*/ 5614 w 5905"/>
                <a:gd name="T33" fmla="*/ 1611 h 5684"/>
                <a:gd name="T34" fmla="*/ 5440 w 5905"/>
                <a:gd name="T35" fmla="*/ 1312 h 5684"/>
                <a:gd name="T36" fmla="*/ 5230 w 5905"/>
                <a:gd name="T37" fmla="*/ 1035 h 5684"/>
                <a:gd name="T38" fmla="*/ 4989 w 5905"/>
                <a:gd name="T39" fmla="*/ 786 h 5684"/>
                <a:gd name="T40" fmla="*/ 4719 w 5905"/>
                <a:gd name="T41" fmla="*/ 566 h 5684"/>
                <a:gd name="T42" fmla="*/ 4421 w 5905"/>
                <a:gd name="T43" fmla="*/ 377 h 5684"/>
                <a:gd name="T44" fmla="*/ 4100 w 5905"/>
                <a:gd name="T45" fmla="*/ 223 h 5684"/>
                <a:gd name="T46" fmla="*/ 3761 w 5905"/>
                <a:gd name="T47" fmla="*/ 108 h 5684"/>
                <a:gd name="T48" fmla="*/ 3402 w 5905"/>
                <a:gd name="T49" fmla="*/ 33 h 5684"/>
                <a:gd name="T50" fmla="*/ 3029 w 5905"/>
                <a:gd name="T51" fmla="*/ 1 h 5684"/>
                <a:gd name="T52" fmla="*/ 2726 w 5905"/>
                <a:gd name="T53" fmla="*/ 8 h 5684"/>
                <a:gd name="T54" fmla="*/ 2358 w 5905"/>
                <a:gd name="T55" fmla="*/ 58 h 5684"/>
                <a:gd name="T56" fmla="*/ 2007 w 5905"/>
                <a:gd name="T57" fmla="*/ 150 h 5684"/>
                <a:gd name="T58" fmla="*/ 1674 w 5905"/>
                <a:gd name="T59" fmla="*/ 281 h 5684"/>
                <a:gd name="T60" fmla="*/ 1363 w 5905"/>
                <a:gd name="T61" fmla="*/ 448 h 5684"/>
                <a:gd name="T62" fmla="*/ 1076 w 5905"/>
                <a:gd name="T63" fmla="*/ 650 h 5684"/>
                <a:gd name="T64" fmla="*/ 817 w 5905"/>
                <a:gd name="T65" fmla="*/ 882 h 5684"/>
                <a:gd name="T66" fmla="*/ 588 w 5905"/>
                <a:gd name="T67" fmla="*/ 1142 h 5684"/>
                <a:gd name="T68" fmla="*/ 392 w 5905"/>
                <a:gd name="T69" fmla="*/ 1428 h 5684"/>
                <a:gd name="T70" fmla="*/ 233 w 5905"/>
                <a:gd name="T71" fmla="*/ 1737 h 5684"/>
                <a:gd name="T72" fmla="*/ 112 w 5905"/>
                <a:gd name="T73" fmla="*/ 2065 h 5684"/>
                <a:gd name="T74" fmla="*/ 35 w 5905"/>
                <a:gd name="T75" fmla="*/ 2410 h 5684"/>
                <a:gd name="T76" fmla="*/ 1 w 5905"/>
                <a:gd name="T77" fmla="*/ 2769 h 5684"/>
                <a:gd name="T78" fmla="*/ 9 w 5905"/>
                <a:gd name="T79" fmla="*/ 3060 h 5684"/>
                <a:gd name="T80" fmla="*/ 61 w 5905"/>
                <a:gd name="T81" fmla="*/ 3414 h 5684"/>
                <a:gd name="T82" fmla="*/ 156 w 5905"/>
                <a:gd name="T83" fmla="*/ 3752 h 5684"/>
                <a:gd name="T84" fmla="*/ 292 w 5905"/>
                <a:gd name="T85" fmla="*/ 4073 h 5684"/>
                <a:gd name="T86" fmla="*/ 466 w 5905"/>
                <a:gd name="T87" fmla="*/ 4372 h 5684"/>
                <a:gd name="T88" fmla="*/ 676 w 5905"/>
                <a:gd name="T89" fmla="*/ 4649 h 5684"/>
                <a:gd name="T90" fmla="*/ 917 w 5905"/>
                <a:gd name="T91" fmla="*/ 4898 h 5684"/>
                <a:gd name="T92" fmla="*/ 1187 w 5905"/>
                <a:gd name="T93" fmla="*/ 5118 h 5684"/>
                <a:gd name="T94" fmla="*/ 1484 w 5905"/>
                <a:gd name="T95" fmla="*/ 5307 h 5684"/>
                <a:gd name="T96" fmla="*/ 1805 w 5905"/>
                <a:gd name="T97" fmla="*/ 5461 h 5684"/>
                <a:gd name="T98" fmla="*/ 2145 w 5905"/>
                <a:gd name="T99" fmla="*/ 5576 h 5684"/>
                <a:gd name="T100" fmla="*/ 2504 w 5905"/>
                <a:gd name="T101" fmla="*/ 5651 h 5684"/>
                <a:gd name="T102" fmla="*/ 2877 w 5905"/>
                <a:gd name="T103" fmla="*/ 5683 h 56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05" h="5684">
                  <a:moveTo>
                    <a:pt x="2953" y="5684"/>
                  </a:moveTo>
                  <a:lnTo>
                    <a:pt x="2953" y="5684"/>
                  </a:lnTo>
                  <a:lnTo>
                    <a:pt x="3029" y="5683"/>
                  </a:lnTo>
                  <a:lnTo>
                    <a:pt x="3104" y="5680"/>
                  </a:lnTo>
                  <a:lnTo>
                    <a:pt x="3179" y="5676"/>
                  </a:lnTo>
                  <a:lnTo>
                    <a:pt x="3255" y="5669"/>
                  </a:lnTo>
                  <a:lnTo>
                    <a:pt x="3329" y="5662"/>
                  </a:lnTo>
                  <a:lnTo>
                    <a:pt x="3402" y="5651"/>
                  </a:lnTo>
                  <a:lnTo>
                    <a:pt x="3475" y="5640"/>
                  </a:lnTo>
                  <a:lnTo>
                    <a:pt x="3547" y="5626"/>
                  </a:lnTo>
                  <a:lnTo>
                    <a:pt x="3619" y="5611"/>
                  </a:lnTo>
                  <a:lnTo>
                    <a:pt x="3690" y="5595"/>
                  </a:lnTo>
                  <a:lnTo>
                    <a:pt x="3761" y="5576"/>
                  </a:lnTo>
                  <a:lnTo>
                    <a:pt x="3830" y="5556"/>
                  </a:lnTo>
                  <a:lnTo>
                    <a:pt x="3899" y="5534"/>
                  </a:lnTo>
                  <a:lnTo>
                    <a:pt x="3967" y="5512"/>
                  </a:lnTo>
                  <a:lnTo>
                    <a:pt x="4034" y="5487"/>
                  </a:lnTo>
                  <a:lnTo>
                    <a:pt x="4100" y="5461"/>
                  </a:lnTo>
                  <a:lnTo>
                    <a:pt x="4167" y="5433"/>
                  </a:lnTo>
                  <a:lnTo>
                    <a:pt x="4232" y="5404"/>
                  </a:lnTo>
                  <a:lnTo>
                    <a:pt x="4296" y="5372"/>
                  </a:lnTo>
                  <a:lnTo>
                    <a:pt x="4358" y="5341"/>
                  </a:lnTo>
                  <a:lnTo>
                    <a:pt x="4421" y="5307"/>
                  </a:lnTo>
                  <a:lnTo>
                    <a:pt x="4483" y="5272"/>
                  </a:lnTo>
                  <a:lnTo>
                    <a:pt x="4542" y="5236"/>
                  </a:lnTo>
                  <a:lnTo>
                    <a:pt x="4602" y="5198"/>
                  </a:lnTo>
                  <a:lnTo>
                    <a:pt x="4660" y="5159"/>
                  </a:lnTo>
                  <a:lnTo>
                    <a:pt x="4719" y="5118"/>
                  </a:lnTo>
                  <a:lnTo>
                    <a:pt x="4775" y="5077"/>
                  </a:lnTo>
                  <a:lnTo>
                    <a:pt x="4830" y="5034"/>
                  </a:lnTo>
                  <a:lnTo>
                    <a:pt x="4883" y="4990"/>
                  </a:lnTo>
                  <a:lnTo>
                    <a:pt x="4937" y="4945"/>
                  </a:lnTo>
                  <a:lnTo>
                    <a:pt x="4989" y="4898"/>
                  </a:lnTo>
                  <a:lnTo>
                    <a:pt x="5039" y="4851"/>
                  </a:lnTo>
                  <a:lnTo>
                    <a:pt x="5089" y="4802"/>
                  </a:lnTo>
                  <a:lnTo>
                    <a:pt x="5137" y="4752"/>
                  </a:lnTo>
                  <a:lnTo>
                    <a:pt x="5184" y="4701"/>
                  </a:lnTo>
                  <a:lnTo>
                    <a:pt x="5230" y="4649"/>
                  </a:lnTo>
                  <a:lnTo>
                    <a:pt x="5275" y="4596"/>
                  </a:lnTo>
                  <a:lnTo>
                    <a:pt x="5318" y="4542"/>
                  </a:lnTo>
                  <a:lnTo>
                    <a:pt x="5360" y="4487"/>
                  </a:lnTo>
                  <a:lnTo>
                    <a:pt x="5401" y="4429"/>
                  </a:lnTo>
                  <a:lnTo>
                    <a:pt x="5440" y="4372"/>
                  </a:lnTo>
                  <a:lnTo>
                    <a:pt x="5477" y="4315"/>
                  </a:lnTo>
                  <a:lnTo>
                    <a:pt x="5514" y="4256"/>
                  </a:lnTo>
                  <a:lnTo>
                    <a:pt x="5549" y="4195"/>
                  </a:lnTo>
                  <a:lnTo>
                    <a:pt x="5581" y="4135"/>
                  </a:lnTo>
                  <a:lnTo>
                    <a:pt x="5614" y="4073"/>
                  </a:lnTo>
                  <a:lnTo>
                    <a:pt x="5644" y="4011"/>
                  </a:lnTo>
                  <a:lnTo>
                    <a:pt x="5673" y="3947"/>
                  </a:lnTo>
                  <a:lnTo>
                    <a:pt x="5700" y="3883"/>
                  </a:lnTo>
                  <a:lnTo>
                    <a:pt x="5726" y="3818"/>
                  </a:lnTo>
                  <a:lnTo>
                    <a:pt x="5750" y="3752"/>
                  </a:lnTo>
                  <a:lnTo>
                    <a:pt x="5772" y="3687"/>
                  </a:lnTo>
                  <a:lnTo>
                    <a:pt x="5793" y="3620"/>
                  </a:lnTo>
                  <a:lnTo>
                    <a:pt x="5812" y="3552"/>
                  </a:lnTo>
                  <a:lnTo>
                    <a:pt x="5829" y="3484"/>
                  </a:lnTo>
                  <a:lnTo>
                    <a:pt x="5845" y="3414"/>
                  </a:lnTo>
                  <a:lnTo>
                    <a:pt x="5859" y="3344"/>
                  </a:lnTo>
                  <a:lnTo>
                    <a:pt x="5871" y="3274"/>
                  </a:lnTo>
                  <a:lnTo>
                    <a:pt x="5882" y="3204"/>
                  </a:lnTo>
                  <a:lnTo>
                    <a:pt x="5890" y="3133"/>
                  </a:lnTo>
                  <a:lnTo>
                    <a:pt x="5896" y="3060"/>
                  </a:lnTo>
                  <a:lnTo>
                    <a:pt x="5901" y="2988"/>
                  </a:lnTo>
                  <a:lnTo>
                    <a:pt x="5904" y="2916"/>
                  </a:lnTo>
                  <a:lnTo>
                    <a:pt x="5905" y="2842"/>
                  </a:lnTo>
                  <a:lnTo>
                    <a:pt x="5905" y="2842"/>
                  </a:lnTo>
                  <a:lnTo>
                    <a:pt x="5904" y="2769"/>
                  </a:lnTo>
                  <a:lnTo>
                    <a:pt x="5901" y="2696"/>
                  </a:lnTo>
                  <a:lnTo>
                    <a:pt x="5896" y="2624"/>
                  </a:lnTo>
                  <a:lnTo>
                    <a:pt x="5890" y="2552"/>
                  </a:lnTo>
                  <a:lnTo>
                    <a:pt x="5882" y="2480"/>
                  </a:lnTo>
                  <a:lnTo>
                    <a:pt x="5871" y="2410"/>
                  </a:lnTo>
                  <a:lnTo>
                    <a:pt x="5859" y="2340"/>
                  </a:lnTo>
                  <a:lnTo>
                    <a:pt x="5845" y="2270"/>
                  </a:lnTo>
                  <a:lnTo>
                    <a:pt x="5829" y="2201"/>
                  </a:lnTo>
                  <a:lnTo>
                    <a:pt x="5812" y="2133"/>
                  </a:lnTo>
                  <a:lnTo>
                    <a:pt x="5793" y="2065"/>
                  </a:lnTo>
                  <a:lnTo>
                    <a:pt x="5772" y="1998"/>
                  </a:lnTo>
                  <a:lnTo>
                    <a:pt x="5750" y="1932"/>
                  </a:lnTo>
                  <a:lnTo>
                    <a:pt x="5726" y="1866"/>
                  </a:lnTo>
                  <a:lnTo>
                    <a:pt x="5700" y="1801"/>
                  </a:lnTo>
                  <a:lnTo>
                    <a:pt x="5673" y="1737"/>
                  </a:lnTo>
                  <a:lnTo>
                    <a:pt x="5644" y="1674"/>
                  </a:lnTo>
                  <a:lnTo>
                    <a:pt x="5614" y="1611"/>
                  </a:lnTo>
                  <a:lnTo>
                    <a:pt x="5581" y="1549"/>
                  </a:lnTo>
                  <a:lnTo>
                    <a:pt x="5549" y="1489"/>
                  </a:lnTo>
                  <a:lnTo>
                    <a:pt x="5514" y="1428"/>
                  </a:lnTo>
                  <a:lnTo>
                    <a:pt x="5477" y="1369"/>
                  </a:lnTo>
                  <a:lnTo>
                    <a:pt x="5440" y="1312"/>
                  </a:lnTo>
                  <a:lnTo>
                    <a:pt x="5401" y="1255"/>
                  </a:lnTo>
                  <a:lnTo>
                    <a:pt x="5360" y="1198"/>
                  </a:lnTo>
                  <a:lnTo>
                    <a:pt x="5318" y="1142"/>
                  </a:lnTo>
                  <a:lnTo>
                    <a:pt x="5275" y="1088"/>
                  </a:lnTo>
                  <a:lnTo>
                    <a:pt x="5230" y="1035"/>
                  </a:lnTo>
                  <a:lnTo>
                    <a:pt x="5184" y="984"/>
                  </a:lnTo>
                  <a:lnTo>
                    <a:pt x="5137" y="932"/>
                  </a:lnTo>
                  <a:lnTo>
                    <a:pt x="5089" y="882"/>
                  </a:lnTo>
                  <a:lnTo>
                    <a:pt x="5039" y="833"/>
                  </a:lnTo>
                  <a:lnTo>
                    <a:pt x="4989" y="786"/>
                  </a:lnTo>
                  <a:lnTo>
                    <a:pt x="4937" y="740"/>
                  </a:lnTo>
                  <a:lnTo>
                    <a:pt x="4883" y="694"/>
                  </a:lnTo>
                  <a:lnTo>
                    <a:pt x="4830" y="650"/>
                  </a:lnTo>
                  <a:lnTo>
                    <a:pt x="4775" y="607"/>
                  </a:lnTo>
                  <a:lnTo>
                    <a:pt x="4719" y="566"/>
                  </a:lnTo>
                  <a:lnTo>
                    <a:pt x="4660" y="525"/>
                  </a:lnTo>
                  <a:lnTo>
                    <a:pt x="4602" y="486"/>
                  </a:lnTo>
                  <a:lnTo>
                    <a:pt x="4542" y="448"/>
                  </a:lnTo>
                  <a:lnTo>
                    <a:pt x="4483" y="412"/>
                  </a:lnTo>
                  <a:lnTo>
                    <a:pt x="4421" y="377"/>
                  </a:lnTo>
                  <a:lnTo>
                    <a:pt x="4358" y="343"/>
                  </a:lnTo>
                  <a:lnTo>
                    <a:pt x="4296" y="312"/>
                  </a:lnTo>
                  <a:lnTo>
                    <a:pt x="4232" y="281"/>
                  </a:lnTo>
                  <a:lnTo>
                    <a:pt x="4167" y="251"/>
                  </a:lnTo>
                  <a:lnTo>
                    <a:pt x="4100" y="223"/>
                  </a:lnTo>
                  <a:lnTo>
                    <a:pt x="4034" y="197"/>
                  </a:lnTo>
                  <a:lnTo>
                    <a:pt x="3967" y="173"/>
                  </a:lnTo>
                  <a:lnTo>
                    <a:pt x="3899" y="150"/>
                  </a:lnTo>
                  <a:lnTo>
                    <a:pt x="3830" y="128"/>
                  </a:lnTo>
                  <a:lnTo>
                    <a:pt x="3761" y="108"/>
                  </a:lnTo>
                  <a:lnTo>
                    <a:pt x="3690" y="89"/>
                  </a:lnTo>
                  <a:lnTo>
                    <a:pt x="3619" y="73"/>
                  </a:lnTo>
                  <a:lnTo>
                    <a:pt x="3547" y="58"/>
                  </a:lnTo>
                  <a:lnTo>
                    <a:pt x="3475" y="44"/>
                  </a:lnTo>
                  <a:lnTo>
                    <a:pt x="3402" y="33"/>
                  </a:lnTo>
                  <a:lnTo>
                    <a:pt x="3329" y="22"/>
                  </a:lnTo>
                  <a:lnTo>
                    <a:pt x="3255" y="15"/>
                  </a:lnTo>
                  <a:lnTo>
                    <a:pt x="3179" y="8"/>
                  </a:lnTo>
                  <a:lnTo>
                    <a:pt x="3104" y="4"/>
                  </a:lnTo>
                  <a:lnTo>
                    <a:pt x="3029" y="1"/>
                  </a:lnTo>
                  <a:lnTo>
                    <a:pt x="2953" y="0"/>
                  </a:lnTo>
                  <a:lnTo>
                    <a:pt x="2953" y="0"/>
                  </a:lnTo>
                  <a:lnTo>
                    <a:pt x="2877" y="1"/>
                  </a:lnTo>
                  <a:lnTo>
                    <a:pt x="2801" y="4"/>
                  </a:lnTo>
                  <a:lnTo>
                    <a:pt x="2726" y="8"/>
                  </a:lnTo>
                  <a:lnTo>
                    <a:pt x="2651" y="15"/>
                  </a:lnTo>
                  <a:lnTo>
                    <a:pt x="2577" y="22"/>
                  </a:lnTo>
                  <a:lnTo>
                    <a:pt x="2504" y="33"/>
                  </a:lnTo>
                  <a:lnTo>
                    <a:pt x="2431" y="44"/>
                  </a:lnTo>
                  <a:lnTo>
                    <a:pt x="2358" y="58"/>
                  </a:lnTo>
                  <a:lnTo>
                    <a:pt x="2287" y="73"/>
                  </a:lnTo>
                  <a:lnTo>
                    <a:pt x="2216" y="89"/>
                  </a:lnTo>
                  <a:lnTo>
                    <a:pt x="2145" y="108"/>
                  </a:lnTo>
                  <a:lnTo>
                    <a:pt x="2076" y="128"/>
                  </a:lnTo>
                  <a:lnTo>
                    <a:pt x="2007" y="150"/>
                  </a:lnTo>
                  <a:lnTo>
                    <a:pt x="1939" y="173"/>
                  </a:lnTo>
                  <a:lnTo>
                    <a:pt x="1871" y="197"/>
                  </a:lnTo>
                  <a:lnTo>
                    <a:pt x="1805" y="223"/>
                  </a:lnTo>
                  <a:lnTo>
                    <a:pt x="1739" y="251"/>
                  </a:lnTo>
                  <a:lnTo>
                    <a:pt x="1674" y="281"/>
                  </a:lnTo>
                  <a:lnTo>
                    <a:pt x="1610" y="312"/>
                  </a:lnTo>
                  <a:lnTo>
                    <a:pt x="1547" y="343"/>
                  </a:lnTo>
                  <a:lnTo>
                    <a:pt x="1484" y="377"/>
                  </a:lnTo>
                  <a:lnTo>
                    <a:pt x="1423" y="412"/>
                  </a:lnTo>
                  <a:lnTo>
                    <a:pt x="1363" y="448"/>
                  </a:lnTo>
                  <a:lnTo>
                    <a:pt x="1304" y="486"/>
                  </a:lnTo>
                  <a:lnTo>
                    <a:pt x="1245" y="525"/>
                  </a:lnTo>
                  <a:lnTo>
                    <a:pt x="1187" y="566"/>
                  </a:lnTo>
                  <a:lnTo>
                    <a:pt x="1131" y="607"/>
                  </a:lnTo>
                  <a:lnTo>
                    <a:pt x="1076" y="650"/>
                  </a:lnTo>
                  <a:lnTo>
                    <a:pt x="1022" y="694"/>
                  </a:lnTo>
                  <a:lnTo>
                    <a:pt x="968" y="740"/>
                  </a:lnTo>
                  <a:lnTo>
                    <a:pt x="917" y="786"/>
                  </a:lnTo>
                  <a:lnTo>
                    <a:pt x="866" y="833"/>
                  </a:lnTo>
                  <a:lnTo>
                    <a:pt x="817" y="882"/>
                  </a:lnTo>
                  <a:lnTo>
                    <a:pt x="769" y="932"/>
                  </a:lnTo>
                  <a:lnTo>
                    <a:pt x="722" y="984"/>
                  </a:lnTo>
                  <a:lnTo>
                    <a:pt x="676" y="1035"/>
                  </a:lnTo>
                  <a:lnTo>
                    <a:pt x="631" y="1088"/>
                  </a:lnTo>
                  <a:lnTo>
                    <a:pt x="588" y="1142"/>
                  </a:lnTo>
                  <a:lnTo>
                    <a:pt x="545" y="1198"/>
                  </a:lnTo>
                  <a:lnTo>
                    <a:pt x="505" y="1255"/>
                  </a:lnTo>
                  <a:lnTo>
                    <a:pt x="466" y="1312"/>
                  </a:lnTo>
                  <a:lnTo>
                    <a:pt x="429" y="1369"/>
                  </a:lnTo>
                  <a:lnTo>
                    <a:pt x="392" y="1428"/>
                  </a:lnTo>
                  <a:lnTo>
                    <a:pt x="357" y="1489"/>
                  </a:lnTo>
                  <a:lnTo>
                    <a:pt x="325" y="1549"/>
                  </a:lnTo>
                  <a:lnTo>
                    <a:pt x="292" y="1611"/>
                  </a:lnTo>
                  <a:lnTo>
                    <a:pt x="262" y="1674"/>
                  </a:lnTo>
                  <a:lnTo>
                    <a:pt x="233" y="1737"/>
                  </a:lnTo>
                  <a:lnTo>
                    <a:pt x="206" y="1801"/>
                  </a:lnTo>
                  <a:lnTo>
                    <a:pt x="180" y="1866"/>
                  </a:lnTo>
                  <a:lnTo>
                    <a:pt x="156" y="1932"/>
                  </a:lnTo>
                  <a:lnTo>
                    <a:pt x="134" y="1998"/>
                  </a:lnTo>
                  <a:lnTo>
                    <a:pt x="112" y="2065"/>
                  </a:lnTo>
                  <a:lnTo>
                    <a:pt x="93" y="2133"/>
                  </a:lnTo>
                  <a:lnTo>
                    <a:pt x="77" y="2201"/>
                  </a:lnTo>
                  <a:lnTo>
                    <a:pt x="61" y="2270"/>
                  </a:lnTo>
                  <a:lnTo>
                    <a:pt x="46" y="2340"/>
                  </a:lnTo>
                  <a:lnTo>
                    <a:pt x="35" y="2410"/>
                  </a:lnTo>
                  <a:lnTo>
                    <a:pt x="24" y="2480"/>
                  </a:lnTo>
                  <a:lnTo>
                    <a:pt x="16" y="2552"/>
                  </a:lnTo>
                  <a:lnTo>
                    <a:pt x="9" y="2624"/>
                  </a:lnTo>
                  <a:lnTo>
                    <a:pt x="5" y="2696"/>
                  </a:lnTo>
                  <a:lnTo>
                    <a:pt x="1" y="2769"/>
                  </a:lnTo>
                  <a:lnTo>
                    <a:pt x="0" y="2842"/>
                  </a:lnTo>
                  <a:lnTo>
                    <a:pt x="0" y="2842"/>
                  </a:lnTo>
                  <a:lnTo>
                    <a:pt x="1" y="2916"/>
                  </a:lnTo>
                  <a:lnTo>
                    <a:pt x="5" y="2988"/>
                  </a:lnTo>
                  <a:lnTo>
                    <a:pt x="9" y="3060"/>
                  </a:lnTo>
                  <a:lnTo>
                    <a:pt x="16" y="3133"/>
                  </a:lnTo>
                  <a:lnTo>
                    <a:pt x="24" y="3204"/>
                  </a:lnTo>
                  <a:lnTo>
                    <a:pt x="35" y="3274"/>
                  </a:lnTo>
                  <a:lnTo>
                    <a:pt x="46" y="3344"/>
                  </a:lnTo>
                  <a:lnTo>
                    <a:pt x="61" y="3414"/>
                  </a:lnTo>
                  <a:lnTo>
                    <a:pt x="77" y="3484"/>
                  </a:lnTo>
                  <a:lnTo>
                    <a:pt x="93" y="3552"/>
                  </a:lnTo>
                  <a:lnTo>
                    <a:pt x="112" y="3620"/>
                  </a:lnTo>
                  <a:lnTo>
                    <a:pt x="134" y="3687"/>
                  </a:lnTo>
                  <a:lnTo>
                    <a:pt x="156" y="3752"/>
                  </a:lnTo>
                  <a:lnTo>
                    <a:pt x="180" y="3818"/>
                  </a:lnTo>
                  <a:lnTo>
                    <a:pt x="206" y="3883"/>
                  </a:lnTo>
                  <a:lnTo>
                    <a:pt x="233" y="3947"/>
                  </a:lnTo>
                  <a:lnTo>
                    <a:pt x="262" y="4011"/>
                  </a:lnTo>
                  <a:lnTo>
                    <a:pt x="292" y="4073"/>
                  </a:lnTo>
                  <a:lnTo>
                    <a:pt x="325" y="4135"/>
                  </a:lnTo>
                  <a:lnTo>
                    <a:pt x="357" y="4195"/>
                  </a:lnTo>
                  <a:lnTo>
                    <a:pt x="392" y="4256"/>
                  </a:lnTo>
                  <a:lnTo>
                    <a:pt x="429" y="4315"/>
                  </a:lnTo>
                  <a:lnTo>
                    <a:pt x="466" y="4372"/>
                  </a:lnTo>
                  <a:lnTo>
                    <a:pt x="505" y="4429"/>
                  </a:lnTo>
                  <a:lnTo>
                    <a:pt x="545" y="4487"/>
                  </a:lnTo>
                  <a:lnTo>
                    <a:pt x="588" y="4542"/>
                  </a:lnTo>
                  <a:lnTo>
                    <a:pt x="631" y="4596"/>
                  </a:lnTo>
                  <a:lnTo>
                    <a:pt x="676" y="4649"/>
                  </a:lnTo>
                  <a:lnTo>
                    <a:pt x="722" y="4701"/>
                  </a:lnTo>
                  <a:lnTo>
                    <a:pt x="769" y="4752"/>
                  </a:lnTo>
                  <a:lnTo>
                    <a:pt x="817" y="4802"/>
                  </a:lnTo>
                  <a:lnTo>
                    <a:pt x="866" y="4851"/>
                  </a:lnTo>
                  <a:lnTo>
                    <a:pt x="917" y="4898"/>
                  </a:lnTo>
                  <a:lnTo>
                    <a:pt x="968" y="4945"/>
                  </a:lnTo>
                  <a:lnTo>
                    <a:pt x="1022" y="4990"/>
                  </a:lnTo>
                  <a:lnTo>
                    <a:pt x="1076" y="5034"/>
                  </a:lnTo>
                  <a:lnTo>
                    <a:pt x="1131" y="5077"/>
                  </a:lnTo>
                  <a:lnTo>
                    <a:pt x="1187" y="5118"/>
                  </a:lnTo>
                  <a:lnTo>
                    <a:pt x="1245" y="5159"/>
                  </a:lnTo>
                  <a:lnTo>
                    <a:pt x="1304" y="5198"/>
                  </a:lnTo>
                  <a:lnTo>
                    <a:pt x="1363" y="5236"/>
                  </a:lnTo>
                  <a:lnTo>
                    <a:pt x="1423" y="5272"/>
                  </a:lnTo>
                  <a:lnTo>
                    <a:pt x="1484" y="5307"/>
                  </a:lnTo>
                  <a:lnTo>
                    <a:pt x="1547" y="5341"/>
                  </a:lnTo>
                  <a:lnTo>
                    <a:pt x="1610" y="5372"/>
                  </a:lnTo>
                  <a:lnTo>
                    <a:pt x="1674" y="5404"/>
                  </a:lnTo>
                  <a:lnTo>
                    <a:pt x="1739" y="5433"/>
                  </a:lnTo>
                  <a:lnTo>
                    <a:pt x="1805" y="5461"/>
                  </a:lnTo>
                  <a:lnTo>
                    <a:pt x="1871" y="5487"/>
                  </a:lnTo>
                  <a:lnTo>
                    <a:pt x="1939" y="5512"/>
                  </a:lnTo>
                  <a:lnTo>
                    <a:pt x="2007" y="5534"/>
                  </a:lnTo>
                  <a:lnTo>
                    <a:pt x="2076" y="5556"/>
                  </a:lnTo>
                  <a:lnTo>
                    <a:pt x="2145" y="5576"/>
                  </a:lnTo>
                  <a:lnTo>
                    <a:pt x="2216" y="5595"/>
                  </a:lnTo>
                  <a:lnTo>
                    <a:pt x="2287" y="5611"/>
                  </a:lnTo>
                  <a:lnTo>
                    <a:pt x="2358" y="5626"/>
                  </a:lnTo>
                  <a:lnTo>
                    <a:pt x="2431" y="5640"/>
                  </a:lnTo>
                  <a:lnTo>
                    <a:pt x="2504" y="5651"/>
                  </a:lnTo>
                  <a:lnTo>
                    <a:pt x="2577" y="5662"/>
                  </a:lnTo>
                  <a:lnTo>
                    <a:pt x="2651" y="5669"/>
                  </a:lnTo>
                  <a:lnTo>
                    <a:pt x="2726" y="5676"/>
                  </a:lnTo>
                  <a:lnTo>
                    <a:pt x="2801" y="5680"/>
                  </a:lnTo>
                  <a:lnTo>
                    <a:pt x="2877" y="5683"/>
                  </a:lnTo>
                  <a:lnTo>
                    <a:pt x="2953" y="568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75" name="Freeform 288">
              <a:extLst>
                <a:ext uri="{FF2B5EF4-FFF2-40B4-BE49-F238E27FC236}">
                  <a16:creationId xmlns:a16="http://schemas.microsoft.com/office/drawing/2014/main" xmlns="" id="{E36B4465-5FC2-624D-99A7-C4E5B07ACC48}"/>
                </a:ext>
              </a:extLst>
            </p:cNvPr>
            <p:cNvSpPr>
              <a:spLocks/>
            </p:cNvSpPr>
            <p:nvPr/>
          </p:nvSpPr>
          <p:spPr bwMode="auto">
            <a:xfrm flipH="1">
              <a:off x="6888816" y="979354"/>
              <a:ext cx="4614915" cy="4625416"/>
            </a:xfrm>
            <a:custGeom>
              <a:avLst/>
              <a:gdLst>
                <a:gd name="T0" fmla="*/ 2837 w 5270"/>
                <a:gd name="T1" fmla="*/ 5066 h 5074"/>
                <a:gd name="T2" fmla="*/ 3165 w 5270"/>
                <a:gd name="T3" fmla="*/ 5022 h 5074"/>
                <a:gd name="T4" fmla="*/ 3480 w 5270"/>
                <a:gd name="T5" fmla="*/ 4940 h 5074"/>
                <a:gd name="T6" fmla="*/ 3777 w 5270"/>
                <a:gd name="T7" fmla="*/ 4823 h 5074"/>
                <a:gd name="T8" fmla="*/ 4054 w 5270"/>
                <a:gd name="T9" fmla="*/ 4673 h 5074"/>
                <a:gd name="T10" fmla="*/ 4310 w 5270"/>
                <a:gd name="T11" fmla="*/ 4494 h 5074"/>
                <a:gd name="T12" fmla="*/ 4542 w 5270"/>
                <a:gd name="T13" fmla="*/ 4286 h 5074"/>
                <a:gd name="T14" fmla="*/ 4746 w 5270"/>
                <a:gd name="T15" fmla="*/ 4054 h 5074"/>
                <a:gd name="T16" fmla="*/ 4920 w 5270"/>
                <a:gd name="T17" fmla="*/ 3798 h 5074"/>
                <a:gd name="T18" fmla="*/ 5062 w 5270"/>
                <a:gd name="T19" fmla="*/ 3524 h 5074"/>
                <a:gd name="T20" fmla="*/ 5170 w 5270"/>
                <a:gd name="T21" fmla="*/ 3230 h 5074"/>
                <a:gd name="T22" fmla="*/ 5240 w 5270"/>
                <a:gd name="T23" fmla="*/ 2923 h 5074"/>
                <a:gd name="T24" fmla="*/ 5269 w 5270"/>
                <a:gd name="T25" fmla="*/ 2603 h 5074"/>
                <a:gd name="T26" fmla="*/ 5262 w 5270"/>
                <a:gd name="T27" fmla="*/ 2343 h 5074"/>
                <a:gd name="T28" fmla="*/ 5216 w 5270"/>
                <a:gd name="T29" fmla="*/ 2026 h 5074"/>
                <a:gd name="T30" fmla="*/ 5131 w 5270"/>
                <a:gd name="T31" fmla="*/ 1724 h 5074"/>
                <a:gd name="T32" fmla="*/ 5010 w 5270"/>
                <a:gd name="T33" fmla="*/ 1439 h 5074"/>
                <a:gd name="T34" fmla="*/ 4854 w 5270"/>
                <a:gd name="T35" fmla="*/ 1171 h 5074"/>
                <a:gd name="T36" fmla="*/ 4668 w 5270"/>
                <a:gd name="T37" fmla="*/ 925 h 5074"/>
                <a:gd name="T38" fmla="*/ 4452 w 5270"/>
                <a:gd name="T39" fmla="*/ 701 h 5074"/>
                <a:gd name="T40" fmla="*/ 4211 w 5270"/>
                <a:gd name="T41" fmla="*/ 505 h 5074"/>
                <a:gd name="T42" fmla="*/ 3945 w 5270"/>
                <a:gd name="T43" fmla="*/ 337 h 5074"/>
                <a:gd name="T44" fmla="*/ 3660 w 5270"/>
                <a:gd name="T45" fmla="*/ 200 h 5074"/>
                <a:gd name="T46" fmla="*/ 3355 w 5270"/>
                <a:gd name="T47" fmla="*/ 97 h 5074"/>
                <a:gd name="T48" fmla="*/ 3035 w 5270"/>
                <a:gd name="T49" fmla="*/ 30 h 5074"/>
                <a:gd name="T50" fmla="*/ 2703 w 5270"/>
                <a:gd name="T51" fmla="*/ 1 h 5074"/>
                <a:gd name="T52" fmla="*/ 2433 w 5270"/>
                <a:gd name="T53" fmla="*/ 8 h 5074"/>
                <a:gd name="T54" fmla="*/ 2104 w 5270"/>
                <a:gd name="T55" fmla="*/ 52 h 5074"/>
                <a:gd name="T56" fmla="*/ 1790 w 5270"/>
                <a:gd name="T57" fmla="*/ 134 h 5074"/>
                <a:gd name="T58" fmla="*/ 1494 w 5270"/>
                <a:gd name="T59" fmla="*/ 251 h 5074"/>
                <a:gd name="T60" fmla="*/ 1216 w 5270"/>
                <a:gd name="T61" fmla="*/ 401 h 5074"/>
                <a:gd name="T62" fmla="*/ 960 w 5270"/>
                <a:gd name="T63" fmla="*/ 580 h 5074"/>
                <a:gd name="T64" fmla="*/ 728 w 5270"/>
                <a:gd name="T65" fmla="*/ 788 h 5074"/>
                <a:gd name="T66" fmla="*/ 524 w 5270"/>
                <a:gd name="T67" fmla="*/ 1020 h 5074"/>
                <a:gd name="T68" fmla="*/ 350 w 5270"/>
                <a:gd name="T69" fmla="*/ 1276 h 5074"/>
                <a:gd name="T70" fmla="*/ 207 w 5270"/>
                <a:gd name="T71" fmla="*/ 1551 h 5074"/>
                <a:gd name="T72" fmla="*/ 100 w 5270"/>
                <a:gd name="T73" fmla="*/ 1844 h 5074"/>
                <a:gd name="T74" fmla="*/ 30 w 5270"/>
                <a:gd name="T75" fmla="*/ 2152 h 5074"/>
                <a:gd name="T76" fmla="*/ 1 w 5270"/>
                <a:gd name="T77" fmla="*/ 2471 h 5074"/>
                <a:gd name="T78" fmla="*/ 8 w 5270"/>
                <a:gd name="T79" fmla="*/ 2733 h 5074"/>
                <a:gd name="T80" fmla="*/ 54 w 5270"/>
                <a:gd name="T81" fmla="*/ 3048 h 5074"/>
                <a:gd name="T82" fmla="*/ 139 w 5270"/>
                <a:gd name="T83" fmla="*/ 3350 h 5074"/>
                <a:gd name="T84" fmla="*/ 260 w 5270"/>
                <a:gd name="T85" fmla="*/ 3636 h 5074"/>
                <a:gd name="T86" fmla="*/ 416 w 5270"/>
                <a:gd name="T87" fmla="*/ 3903 h 5074"/>
                <a:gd name="T88" fmla="*/ 602 w 5270"/>
                <a:gd name="T89" fmla="*/ 4149 h 5074"/>
                <a:gd name="T90" fmla="*/ 818 w 5270"/>
                <a:gd name="T91" fmla="*/ 4373 h 5074"/>
                <a:gd name="T92" fmla="*/ 1059 w 5270"/>
                <a:gd name="T93" fmla="*/ 4569 h 5074"/>
                <a:gd name="T94" fmla="*/ 1325 w 5270"/>
                <a:gd name="T95" fmla="*/ 4737 h 5074"/>
                <a:gd name="T96" fmla="*/ 1611 w 5270"/>
                <a:gd name="T97" fmla="*/ 4874 h 5074"/>
                <a:gd name="T98" fmla="*/ 1915 w 5270"/>
                <a:gd name="T99" fmla="*/ 4978 h 5074"/>
                <a:gd name="T100" fmla="*/ 2234 w 5270"/>
                <a:gd name="T101" fmla="*/ 5045 h 5074"/>
                <a:gd name="T102" fmla="*/ 2566 w 5270"/>
                <a:gd name="T103" fmla="*/ 5073 h 50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270" h="5074">
                  <a:moveTo>
                    <a:pt x="2635" y="5074"/>
                  </a:moveTo>
                  <a:lnTo>
                    <a:pt x="2635" y="5074"/>
                  </a:lnTo>
                  <a:lnTo>
                    <a:pt x="2703" y="5073"/>
                  </a:lnTo>
                  <a:lnTo>
                    <a:pt x="2771" y="5070"/>
                  </a:lnTo>
                  <a:lnTo>
                    <a:pt x="2837" y="5066"/>
                  </a:lnTo>
                  <a:lnTo>
                    <a:pt x="2904" y="5061"/>
                  </a:lnTo>
                  <a:lnTo>
                    <a:pt x="2970" y="5053"/>
                  </a:lnTo>
                  <a:lnTo>
                    <a:pt x="3035" y="5045"/>
                  </a:lnTo>
                  <a:lnTo>
                    <a:pt x="3100" y="5034"/>
                  </a:lnTo>
                  <a:lnTo>
                    <a:pt x="3165" y="5022"/>
                  </a:lnTo>
                  <a:lnTo>
                    <a:pt x="3229" y="5009"/>
                  </a:lnTo>
                  <a:lnTo>
                    <a:pt x="3292" y="4994"/>
                  </a:lnTo>
                  <a:lnTo>
                    <a:pt x="3355" y="4978"/>
                  </a:lnTo>
                  <a:lnTo>
                    <a:pt x="3418" y="4959"/>
                  </a:lnTo>
                  <a:lnTo>
                    <a:pt x="3480" y="4940"/>
                  </a:lnTo>
                  <a:lnTo>
                    <a:pt x="3540" y="4919"/>
                  </a:lnTo>
                  <a:lnTo>
                    <a:pt x="3601" y="4898"/>
                  </a:lnTo>
                  <a:lnTo>
                    <a:pt x="3660" y="4874"/>
                  </a:lnTo>
                  <a:lnTo>
                    <a:pt x="3719" y="4849"/>
                  </a:lnTo>
                  <a:lnTo>
                    <a:pt x="3777" y="4823"/>
                  </a:lnTo>
                  <a:lnTo>
                    <a:pt x="3834" y="4796"/>
                  </a:lnTo>
                  <a:lnTo>
                    <a:pt x="3890" y="4767"/>
                  </a:lnTo>
                  <a:lnTo>
                    <a:pt x="3945" y="4737"/>
                  </a:lnTo>
                  <a:lnTo>
                    <a:pt x="4000" y="4707"/>
                  </a:lnTo>
                  <a:lnTo>
                    <a:pt x="4054" y="4673"/>
                  </a:lnTo>
                  <a:lnTo>
                    <a:pt x="4107" y="4640"/>
                  </a:lnTo>
                  <a:lnTo>
                    <a:pt x="4159" y="4605"/>
                  </a:lnTo>
                  <a:lnTo>
                    <a:pt x="4211" y="4569"/>
                  </a:lnTo>
                  <a:lnTo>
                    <a:pt x="4260" y="4532"/>
                  </a:lnTo>
                  <a:lnTo>
                    <a:pt x="4310" y="4494"/>
                  </a:lnTo>
                  <a:lnTo>
                    <a:pt x="4358" y="4455"/>
                  </a:lnTo>
                  <a:lnTo>
                    <a:pt x="4406" y="4414"/>
                  </a:lnTo>
                  <a:lnTo>
                    <a:pt x="4452" y="4373"/>
                  </a:lnTo>
                  <a:lnTo>
                    <a:pt x="4497" y="4330"/>
                  </a:lnTo>
                  <a:lnTo>
                    <a:pt x="4542" y="4286"/>
                  </a:lnTo>
                  <a:lnTo>
                    <a:pt x="4585" y="4242"/>
                  </a:lnTo>
                  <a:lnTo>
                    <a:pt x="4627" y="4196"/>
                  </a:lnTo>
                  <a:lnTo>
                    <a:pt x="4668" y="4149"/>
                  </a:lnTo>
                  <a:lnTo>
                    <a:pt x="4707" y="4102"/>
                  </a:lnTo>
                  <a:lnTo>
                    <a:pt x="4746" y="4054"/>
                  </a:lnTo>
                  <a:lnTo>
                    <a:pt x="4783" y="4005"/>
                  </a:lnTo>
                  <a:lnTo>
                    <a:pt x="4819" y="3954"/>
                  </a:lnTo>
                  <a:lnTo>
                    <a:pt x="4854" y="3903"/>
                  </a:lnTo>
                  <a:lnTo>
                    <a:pt x="4889" y="3851"/>
                  </a:lnTo>
                  <a:lnTo>
                    <a:pt x="4920" y="3798"/>
                  </a:lnTo>
                  <a:lnTo>
                    <a:pt x="4951" y="3745"/>
                  </a:lnTo>
                  <a:lnTo>
                    <a:pt x="4982" y="3691"/>
                  </a:lnTo>
                  <a:lnTo>
                    <a:pt x="5010" y="3636"/>
                  </a:lnTo>
                  <a:lnTo>
                    <a:pt x="5037" y="3580"/>
                  </a:lnTo>
                  <a:lnTo>
                    <a:pt x="5062" y="3524"/>
                  </a:lnTo>
                  <a:lnTo>
                    <a:pt x="5087" y="3467"/>
                  </a:lnTo>
                  <a:lnTo>
                    <a:pt x="5110" y="3409"/>
                  </a:lnTo>
                  <a:lnTo>
                    <a:pt x="5131" y="3350"/>
                  </a:lnTo>
                  <a:lnTo>
                    <a:pt x="5151" y="3291"/>
                  </a:lnTo>
                  <a:lnTo>
                    <a:pt x="5170" y="3230"/>
                  </a:lnTo>
                  <a:lnTo>
                    <a:pt x="5187" y="3170"/>
                  </a:lnTo>
                  <a:lnTo>
                    <a:pt x="5203" y="3109"/>
                  </a:lnTo>
                  <a:lnTo>
                    <a:pt x="5216" y="3048"/>
                  </a:lnTo>
                  <a:lnTo>
                    <a:pt x="5228" y="2985"/>
                  </a:lnTo>
                  <a:lnTo>
                    <a:pt x="5240" y="2923"/>
                  </a:lnTo>
                  <a:lnTo>
                    <a:pt x="5249" y="2860"/>
                  </a:lnTo>
                  <a:lnTo>
                    <a:pt x="5257" y="2796"/>
                  </a:lnTo>
                  <a:lnTo>
                    <a:pt x="5262" y="2733"/>
                  </a:lnTo>
                  <a:lnTo>
                    <a:pt x="5267" y="2668"/>
                  </a:lnTo>
                  <a:lnTo>
                    <a:pt x="5269" y="2603"/>
                  </a:lnTo>
                  <a:lnTo>
                    <a:pt x="5270" y="2537"/>
                  </a:lnTo>
                  <a:lnTo>
                    <a:pt x="5270" y="2537"/>
                  </a:lnTo>
                  <a:lnTo>
                    <a:pt x="5269" y="2471"/>
                  </a:lnTo>
                  <a:lnTo>
                    <a:pt x="5267" y="2406"/>
                  </a:lnTo>
                  <a:lnTo>
                    <a:pt x="5262" y="2343"/>
                  </a:lnTo>
                  <a:lnTo>
                    <a:pt x="5257" y="2278"/>
                  </a:lnTo>
                  <a:lnTo>
                    <a:pt x="5249" y="2214"/>
                  </a:lnTo>
                  <a:lnTo>
                    <a:pt x="5240" y="2152"/>
                  </a:lnTo>
                  <a:lnTo>
                    <a:pt x="5228" y="2089"/>
                  </a:lnTo>
                  <a:lnTo>
                    <a:pt x="5216" y="2026"/>
                  </a:lnTo>
                  <a:lnTo>
                    <a:pt x="5203" y="1965"/>
                  </a:lnTo>
                  <a:lnTo>
                    <a:pt x="5187" y="1904"/>
                  </a:lnTo>
                  <a:lnTo>
                    <a:pt x="5170" y="1844"/>
                  </a:lnTo>
                  <a:lnTo>
                    <a:pt x="5151" y="1783"/>
                  </a:lnTo>
                  <a:lnTo>
                    <a:pt x="5131" y="1724"/>
                  </a:lnTo>
                  <a:lnTo>
                    <a:pt x="5110" y="1666"/>
                  </a:lnTo>
                  <a:lnTo>
                    <a:pt x="5087" y="1608"/>
                  </a:lnTo>
                  <a:lnTo>
                    <a:pt x="5062" y="1551"/>
                  </a:lnTo>
                  <a:lnTo>
                    <a:pt x="5037" y="1494"/>
                  </a:lnTo>
                  <a:lnTo>
                    <a:pt x="5010" y="1439"/>
                  </a:lnTo>
                  <a:lnTo>
                    <a:pt x="4982" y="1384"/>
                  </a:lnTo>
                  <a:lnTo>
                    <a:pt x="4951" y="1329"/>
                  </a:lnTo>
                  <a:lnTo>
                    <a:pt x="4920" y="1276"/>
                  </a:lnTo>
                  <a:lnTo>
                    <a:pt x="4889" y="1223"/>
                  </a:lnTo>
                  <a:lnTo>
                    <a:pt x="4854" y="1171"/>
                  </a:lnTo>
                  <a:lnTo>
                    <a:pt x="4819" y="1120"/>
                  </a:lnTo>
                  <a:lnTo>
                    <a:pt x="4783" y="1070"/>
                  </a:lnTo>
                  <a:lnTo>
                    <a:pt x="4746" y="1020"/>
                  </a:lnTo>
                  <a:lnTo>
                    <a:pt x="4707" y="972"/>
                  </a:lnTo>
                  <a:lnTo>
                    <a:pt x="4668" y="925"/>
                  </a:lnTo>
                  <a:lnTo>
                    <a:pt x="4627" y="878"/>
                  </a:lnTo>
                  <a:lnTo>
                    <a:pt x="4585" y="832"/>
                  </a:lnTo>
                  <a:lnTo>
                    <a:pt x="4542" y="788"/>
                  </a:lnTo>
                  <a:lnTo>
                    <a:pt x="4497" y="744"/>
                  </a:lnTo>
                  <a:lnTo>
                    <a:pt x="4452" y="701"/>
                  </a:lnTo>
                  <a:lnTo>
                    <a:pt x="4406" y="660"/>
                  </a:lnTo>
                  <a:lnTo>
                    <a:pt x="4358" y="620"/>
                  </a:lnTo>
                  <a:lnTo>
                    <a:pt x="4310" y="580"/>
                  </a:lnTo>
                  <a:lnTo>
                    <a:pt x="4260" y="543"/>
                  </a:lnTo>
                  <a:lnTo>
                    <a:pt x="4211" y="505"/>
                  </a:lnTo>
                  <a:lnTo>
                    <a:pt x="4159" y="469"/>
                  </a:lnTo>
                  <a:lnTo>
                    <a:pt x="4107" y="435"/>
                  </a:lnTo>
                  <a:lnTo>
                    <a:pt x="4054" y="401"/>
                  </a:lnTo>
                  <a:lnTo>
                    <a:pt x="4000" y="369"/>
                  </a:lnTo>
                  <a:lnTo>
                    <a:pt x="3945" y="337"/>
                  </a:lnTo>
                  <a:lnTo>
                    <a:pt x="3890" y="307"/>
                  </a:lnTo>
                  <a:lnTo>
                    <a:pt x="3834" y="278"/>
                  </a:lnTo>
                  <a:lnTo>
                    <a:pt x="3777" y="251"/>
                  </a:lnTo>
                  <a:lnTo>
                    <a:pt x="3719" y="225"/>
                  </a:lnTo>
                  <a:lnTo>
                    <a:pt x="3660" y="200"/>
                  </a:lnTo>
                  <a:lnTo>
                    <a:pt x="3601" y="176"/>
                  </a:lnTo>
                  <a:lnTo>
                    <a:pt x="3540" y="155"/>
                  </a:lnTo>
                  <a:lnTo>
                    <a:pt x="3480" y="134"/>
                  </a:lnTo>
                  <a:lnTo>
                    <a:pt x="3418" y="115"/>
                  </a:lnTo>
                  <a:lnTo>
                    <a:pt x="3355" y="97"/>
                  </a:lnTo>
                  <a:lnTo>
                    <a:pt x="3292" y="80"/>
                  </a:lnTo>
                  <a:lnTo>
                    <a:pt x="3229" y="65"/>
                  </a:lnTo>
                  <a:lnTo>
                    <a:pt x="3165" y="52"/>
                  </a:lnTo>
                  <a:lnTo>
                    <a:pt x="3100" y="40"/>
                  </a:lnTo>
                  <a:lnTo>
                    <a:pt x="3035" y="30"/>
                  </a:lnTo>
                  <a:lnTo>
                    <a:pt x="2970" y="21"/>
                  </a:lnTo>
                  <a:lnTo>
                    <a:pt x="2904" y="13"/>
                  </a:lnTo>
                  <a:lnTo>
                    <a:pt x="2837" y="8"/>
                  </a:lnTo>
                  <a:lnTo>
                    <a:pt x="2771" y="4"/>
                  </a:lnTo>
                  <a:lnTo>
                    <a:pt x="2703" y="1"/>
                  </a:lnTo>
                  <a:lnTo>
                    <a:pt x="2635" y="0"/>
                  </a:lnTo>
                  <a:lnTo>
                    <a:pt x="2635" y="0"/>
                  </a:lnTo>
                  <a:lnTo>
                    <a:pt x="2566" y="1"/>
                  </a:lnTo>
                  <a:lnTo>
                    <a:pt x="2499" y="4"/>
                  </a:lnTo>
                  <a:lnTo>
                    <a:pt x="2433" y="8"/>
                  </a:lnTo>
                  <a:lnTo>
                    <a:pt x="2366" y="13"/>
                  </a:lnTo>
                  <a:lnTo>
                    <a:pt x="2299" y="21"/>
                  </a:lnTo>
                  <a:lnTo>
                    <a:pt x="2234" y="30"/>
                  </a:lnTo>
                  <a:lnTo>
                    <a:pt x="2169" y="40"/>
                  </a:lnTo>
                  <a:lnTo>
                    <a:pt x="2104" y="52"/>
                  </a:lnTo>
                  <a:lnTo>
                    <a:pt x="2040" y="65"/>
                  </a:lnTo>
                  <a:lnTo>
                    <a:pt x="1978" y="80"/>
                  </a:lnTo>
                  <a:lnTo>
                    <a:pt x="1915" y="97"/>
                  </a:lnTo>
                  <a:lnTo>
                    <a:pt x="1852" y="115"/>
                  </a:lnTo>
                  <a:lnTo>
                    <a:pt x="1790" y="134"/>
                  </a:lnTo>
                  <a:lnTo>
                    <a:pt x="1730" y="155"/>
                  </a:lnTo>
                  <a:lnTo>
                    <a:pt x="1670" y="176"/>
                  </a:lnTo>
                  <a:lnTo>
                    <a:pt x="1611" y="200"/>
                  </a:lnTo>
                  <a:lnTo>
                    <a:pt x="1551" y="225"/>
                  </a:lnTo>
                  <a:lnTo>
                    <a:pt x="1494" y="251"/>
                  </a:lnTo>
                  <a:lnTo>
                    <a:pt x="1437" y="278"/>
                  </a:lnTo>
                  <a:lnTo>
                    <a:pt x="1380" y="307"/>
                  </a:lnTo>
                  <a:lnTo>
                    <a:pt x="1325" y="337"/>
                  </a:lnTo>
                  <a:lnTo>
                    <a:pt x="1270" y="369"/>
                  </a:lnTo>
                  <a:lnTo>
                    <a:pt x="1216" y="401"/>
                  </a:lnTo>
                  <a:lnTo>
                    <a:pt x="1163" y="435"/>
                  </a:lnTo>
                  <a:lnTo>
                    <a:pt x="1110" y="469"/>
                  </a:lnTo>
                  <a:lnTo>
                    <a:pt x="1059" y="505"/>
                  </a:lnTo>
                  <a:lnTo>
                    <a:pt x="1009" y="543"/>
                  </a:lnTo>
                  <a:lnTo>
                    <a:pt x="960" y="580"/>
                  </a:lnTo>
                  <a:lnTo>
                    <a:pt x="912" y="620"/>
                  </a:lnTo>
                  <a:lnTo>
                    <a:pt x="864" y="660"/>
                  </a:lnTo>
                  <a:lnTo>
                    <a:pt x="818" y="701"/>
                  </a:lnTo>
                  <a:lnTo>
                    <a:pt x="773" y="744"/>
                  </a:lnTo>
                  <a:lnTo>
                    <a:pt x="728" y="788"/>
                  </a:lnTo>
                  <a:lnTo>
                    <a:pt x="685" y="832"/>
                  </a:lnTo>
                  <a:lnTo>
                    <a:pt x="644" y="878"/>
                  </a:lnTo>
                  <a:lnTo>
                    <a:pt x="602" y="925"/>
                  </a:lnTo>
                  <a:lnTo>
                    <a:pt x="563" y="972"/>
                  </a:lnTo>
                  <a:lnTo>
                    <a:pt x="524" y="1020"/>
                  </a:lnTo>
                  <a:lnTo>
                    <a:pt x="487" y="1070"/>
                  </a:lnTo>
                  <a:lnTo>
                    <a:pt x="451" y="1120"/>
                  </a:lnTo>
                  <a:lnTo>
                    <a:pt x="416" y="1171"/>
                  </a:lnTo>
                  <a:lnTo>
                    <a:pt x="382" y="1223"/>
                  </a:lnTo>
                  <a:lnTo>
                    <a:pt x="350" y="1276"/>
                  </a:lnTo>
                  <a:lnTo>
                    <a:pt x="318" y="1329"/>
                  </a:lnTo>
                  <a:lnTo>
                    <a:pt x="288" y="1384"/>
                  </a:lnTo>
                  <a:lnTo>
                    <a:pt x="260" y="1439"/>
                  </a:lnTo>
                  <a:lnTo>
                    <a:pt x="233" y="1494"/>
                  </a:lnTo>
                  <a:lnTo>
                    <a:pt x="207" y="1551"/>
                  </a:lnTo>
                  <a:lnTo>
                    <a:pt x="183" y="1608"/>
                  </a:lnTo>
                  <a:lnTo>
                    <a:pt x="160" y="1666"/>
                  </a:lnTo>
                  <a:lnTo>
                    <a:pt x="139" y="1724"/>
                  </a:lnTo>
                  <a:lnTo>
                    <a:pt x="119" y="1783"/>
                  </a:lnTo>
                  <a:lnTo>
                    <a:pt x="100" y="1844"/>
                  </a:lnTo>
                  <a:lnTo>
                    <a:pt x="83" y="1904"/>
                  </a:lnTo>
                  <a:lnTo>
                    <a:pt x="67" y="1965"/>
                  </a:lnTo>
                  <a:lnTo>
                    <a:pt x="54" y="2026"/>
                  </a:lnTo>
                  <a:lnTo>
                    <a:pt x="41" y="2089"/>
                  </a:lnTo>
                  <a:lnTo>
                    <a:pt x="30" y="2152"/>
                  </a:lnTo>
                  <a:lnTo>
                    <a:pt x="21" y="2214"/>
                  </a:lnTo>
                  <a:lnTo>
                    <a:pt x="13" y="2278"/>
                  </a:lnTo>
                  <a:lnTo>
                    <a:pt x="8" y="2343"/>
                  </a:lnTo>
                  <a:lnTo>
                    <a:pt x="3" y="2406"/>
                  </a:lnTo>
                  <a:lnTo>
                    <a:pt x="1" y="2471"/>
                  </a:lnTo>
                  <a:lnTo>
                    <a:pt x="0" y="2537"/>
                  </a:lnTo>
                  <a:lnTo>
                    <a:pt x="0" y="2537"/>
                  </a:lnTo>
                  <a:lnTo>
                    <a:pt x="1" y="2603"/>
                  </a:lnTo>
                  <a:lnTo>
                    <a:pt x="3" y="2668"/>
                  </a:lnTo>
                  <a:lnTo>
                    <a:pt x="8" y="2733"/>
                  </a:lnTo>
                  <a:lnTo>
                    <a:pt x="13" y="2796"/>
                  </a:lnTo>
                  <a:lnTo>
                    <a:pt x="21" y="2860"/>
                  </a:lnTo>
                  <a:lnTo>
                    <a:pt x="30" y="2923"/>
                  </a:lnTo>
                  <a:lnTo>
                    <a:pt x="41" y="2985"/>
                  </a:lnTo>
                  <a:lnTo>
                    <a:pt x="54" y="3048"/>
                  </a:lnTo>
                  <a:lnTo>
                    <a:pt x="67" y="3109"/>
                  </a:lnTo>
                  <a:lnTo>
                    <a:pt x="83" y="3170"/>
                  </a:lnTo>
                  <a:lnTo>
                    <a:pt x="100" y="3230"/>
                  </a:lnTo>
                  <a:lnTo>
                    <a:pt x="119" y="3291"/>
                  </a:lnTo>
                  <a:lnTo>
                    <a:pt x="139" y="3350"/>
                  </a:lnTo>
                  <a:lnTo>
                    <a:pt x="160" y="3409"/>
                  </a:lnTo>
                  <a:lnTo>
                    <a:pt x="183" y="3467"/>
                  </a:lnTo>
                  <a:lnTo>
                    <a:pt x="207" y="3524"/>
                  </a:lnTo>
                  <a:lnTo>
                    <a:pt x="233" y="3580"/>
                  </a:lnTo>
                  <a:lnTo>
                    <a:pt x="260" y="3636"/>
                  </a:lnTo>
                  <a:lnTo>
                    <a:pt x="288" y="3691"/>
                  </a:lnTo>
                  <a:lnTo>
                    <a:pt x="318" y="3745"/>
                  </a:lnTo>
                  <a:lnTo>
                    <a:pt x="350" y="3798"/>
                  </a:lnTo>
                  <a:lnTo>
                    <a:pt x="382" y="3851"/>
                  </a:lnTo>
                  <a:lnTo>
                    <a:pt x="416" y="3903"/>
                  </a:lnTo>
                  <a:lnTo>
                    <a:pt x="451" y="3954"/>
                  </a:lnTo>
                  <a:lnTo>
                    <a:pt x="487" y="4005"/>
                  </a:lnTo>
                  <a:lnTo>
                    <a:pt x="524" y="4054"/>
                  </a:lnTo>
                  <a:lnTo>
                    <a:pt x="563" y="4102"/>
                  </a:lnTo>
                  <a:lnTo>
                    <a:pt x="602" y="4149"/>
                  </a:lnTo>
                  <a:lnTo>
                    <a:pt x="644" y="4196"/>
                  </a:lnTo>
                  <a:lnTo>
                    <a:pt x="685" y="4242"/>
                  </a:lnTo>
                  <a:lnTo>
                    <a:pt x="728" y="4286"/>
                  </a:lnTo>
                  <a:lnTo>
                    <a:pt x="773" y="4330"/>
                  </a:lnTo>
                  <a:lnTo>
                    <a:pt x="818" y="4373"/>
                  </a:lnTo>
                  <a:lnTo>
                    <a:pt x="864" y="4414"/>
                  </a:lnTo>
                  <a:lnTo>
                    <a:pt x="912" y="4455"/>
                  </a:lnTo>
                  <a:lnTo>
                    <a:pt x="960" y="4494"/>
                  </a:lnTo>
                  <a:lnTo>
                    <a:pt x="1009" y="4532"/>
                  </a:lnTo>
                  <a:lnTo>
                    <a:pt x="1059" y="4569"/>
                  </a:lnTo>
                  <a:lnTo>
                    <a:pt x="1110" y="4605"/>
                  </a:lnTo>
                  <a:lnTo>
                    <a:pt x="1163" y="4640"/>
                  </a:lnTo>
                  <a:lnTo>
                    <a:pt x="1216" y="4673"/>
                  </a:lnTo>
                  <a:lnTo>
                    <a:pt x="1270" y="4707"/>
                  </a:lnTo>
                  <a:lnTo>
                    <a:pt x="1325" y="4737"/>
                  </a:lnTo>
                  <a:lnTo>
                    <a:pt x="1380" y="4767"/>
                  </a:lnTo>
                  <a:lnTo>
                    <a:pt x="1437" y="4796"/>
                  </a:lnTo>
                  <a:lnTo>
                    <a:pt x="1494" y="4823"/>
                  </a:lnTo>
                  <a:lnTo>
                    <a:pt x="1551" y="4849"/>
                  </a:lnTo>
                  <a:lnTo>
                    <a:pt x="1611" y="4874"/>
                  </a:lnTo>
                  <a:lnTo>
                    <a:pt x="1670" y="4898"/>
                  </a:lnTo>
                  <a:lnTo>
                    <a:pt x="1730" y="4919"/>
                  </a:lnTo>
                  <a:lnTo>
                    <a:pt x="1790" y="4940"/>
                  </a:lnTo>
                  <a:lnTo>
                    <a:pt x="1852" y="4959"/>
                  </a:lnTo>
                  <a:lnTo>
                    <a:pt x="1915" y="4978"/>
                  </a:lnTo>
                  <a:lnTo>
                    <a:pt x="1978" y="4994"/>
                  </a:lnTo>
                  <a:lnTo>
                    <a:pt x="2040" y="5009"/>
                  </a:lnTo>
                  <a:lnTo>
                    <a:pt x="2104" y="5022"/>
                  </a:lnTo>
                  <a:lnTo>
                    <a:pt x="2169" y="5034"/>
                  </a:lnTo>
                  <a:lnTo>
                    <a:pt x="2234" y="5045"/>
                  </a:lnTo>
                  <a:lnTo>
                    <a:pt x="2299" y="5053"/>
                  </a:lnTo>
                  <a:lnTo>
                    <a:pt x="2366" y="5061"/>
                  </a:lnTo>
                  <a:lnTo>
                    <a:pt x="2433" y="5066"/>
                  </a:lnTo>
                  <a:lnTo>
                    <a:pt x="2499" y="5070"/>
                  </a:lnTo>
                  <a:lnTo>
                    <a:pt x="2566" y="5073"/>
                  </a:lnTo>
                  <a:lnTo>
                    <a:pt x="2635" y="5074"/>
                  </a:lnTo>
                  <a:close/>
                </a:path>
              </a:pathLst>
            </a:custGeom>
            <a:solidFill>
              <a:schemeClr val="bg1">
                <a:lumMod val="9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76" name="Freeform 289">
              <a:extLst>
                <a:ext uri="{FF2B5EF4-FFF2-40B4-BE49-F238E27FC236}">
                  <a16:creationId xmlns:a16="http://schemas.microsoft.com/office/drawing/2014/main" xmlns="" id="{D31E8E53-75B5-8141-9073-5AC0E0CB80EE}"/>
                </a:ext>
              </a:extLst>
            </p:cNvPr>
            <p:cNvSpPr>
              <a:spLocks/>
            </p:cNvSpPr>
            <p:nvPr/>
          </p:nvSpPr>
          <p:spPr bwMode="auto">
            <a:xfrm flipH="1">
              <a:off x="6888816" y="979354"/>
              <a:ext cx="4614915" cy="4625416"/>
            </a:xfrm>
            <a:custGeom>
              <a:avLst/>
              <a:gdLst>
                <a:gd name="T0" fmla="*/ 2837 w 5270"/>
                <a:gd name="T1" fmla="*/ 5066 h 5074"/>
                <a:gd name="T2" fmla="*/ 3165 w 5270"/>
                <a:gd name="T3" fmla="*/ 5022 h 5074"/>
                <a:gd name="T4" fmla="*/ 3480 w 5270"/>
                <a:gd name="T5" fmla="*/ 4940 h 5074"/>
                <a:gd name="T6" fmla="*/ 3777 w 5270"/>
                <a:gd name="T7" fmla="*/ 4823 h 5074"/>
                <a:gd name="T8" fmla="*/ 4054 w 5270"/>
                <a:gd name="T9" fmla="*/ 4673 h 5074"/>
                <a:gd name="T10" fmla="*/ 4310 w 5270"/>
                <a:gd name="T11" fmla="*/ 4494 h 5074"/>
                <a:gd name="T12" fmla="*/ 4542 w 5270"/>
                <a:gd name="T13" fmla="*/ 4286 h 5074"/>
                <a:gd name="T14" fmla="*/ 4746 w 5270"/>
                <a:gd name="T15" fmla="*/ 4054 h 5074"/>
                <a:gd name="T16" fmla="*/ 4920 w 5270"/>
                <a:gd name="T17" fmla="*/ 3798 h 5074"/>
                <a:gd name="T18" fmla="*/ 5062 w 5270"/>
                <a:gd name="T19" fmla="*/ 3524 h 5074"/>
                <a:gd name="T20" fmla="*/ 5170 w 5270"/>
                <a:gd name="T21" fmla="*/ 3230 h 5074"/>
                <a:gd name="T22" fmla="*/ 5240 w 5270"/>
                <a:gd name="T23" fmla="*/ 2923 h 5074"/>
                <a:gd name="T24" fmla="*/ 5269 w 5270"/>
                <a:gd name="T25" fmla="*/ 2603 h 5074"/>
                <a:gd name="T26" fmla="*/ 5262 w 5270"/>
                <a:gd name="T27" fmla="*/ 2343 h 5074"/>
                <a:gd name="T28" fmla="*/ 5216 w 5270"/>
                <a:gd name="T29" fmla="*/ 2026 h 5074"/>
                <a:gd name="T30" fmla="*/ 5131 w 5270"/>
                <a:gd name="T31" fmla="*/ 1724 h 5074"/>
                <a:gd name="T32" fmla="*/ 5010 w 5270"/>
                <a:gd name="T33" fmla="*/ 1439 h 5074"/>
                <a:gd name="T34" fmla="*/ 4854 w 5270"/>
                <a:gd name="T35" fmla="*/ 1171 h 5074"/>
                <a:gd name="T36" fmla="*/ 4668 w 5270"/>
                <a:gd name="T37" fmla="*/ 925 h 5074"/>
                <a:gd name="T38" fmla="*/ 4452 w 5270"/>
                <a:gd name="T39" fmla="*/ 701 h 5074"/>
                <a:gd name="T40" fmla="*/ 4211 w 5270"/>
                <a:gd name="T41" fmla="*/ 505 h 5074"/>
                <a:gd name="T42" fmla="*/ 3945 w 5270"/>
                <a:gd name="T43" fmla="*/ 337 h 5074"/>
                <a:gd name="T44" fmla="*/ 3660 w 5270"/>
                <a:gd name="T45" fmla="*/ 200 h 5074"/>
                <a:gd name="T46" fmla="*/ 3355 w 5270"/>
                <a:gd name="T47" fmla="*/ 97 h 5074"/>
                <a:gd name="T48" fmla="*/ 3035 w 5270"/>
                <a:gd name="T49" fmla="*/ 30 h 5074"/>
                <a:gd name="T50" fmla="*/ 2703 w 5270"/>
                <a:gd name="T51" fmla="*/ 1 h 5074"/>
                <a:gd name="T52" fmla="*/ 2433 w 5270"/>
                <a:gd name="T53" fmla="*/ 8 h 5074"/>
                <a:gd name="T54" fmla="*/ 2104 w 5270"/>
                <a:gd name="T55" fmla="*/ 52 h 5074"/>
                <a:gd name="T56" fmla="*/ 1790 w 5270"/>
                <a:gd name="T57" fmla="*/ 134 h 5074"/>
                <a:gd name="T58" fmla="*/ 1494 w 5270"/>
                <a:gd name="T59" fmla="*/ 251 h 5074"/>
                <a:gd name="T60" fmla="*/ 1216 w 5270"/>
                <a:gd name="T61" fmla="*/ 401 h 5074"/>
                <a:gd name="T62" fmla="*/ 960 w 5270"/>
                <a:gd name="T63" fmla="*/ 580 h 5074"/>
                <a:gd name="T64" fmla="*/ 728 w 5270"/>
                <a:gd name="T65" fmla="*/ 788 h 5074"/>
                <a:gd name="T66" fmla="*/ 524 w 5270"/>
                <a:gd name="T67" fmla="*/ 1020 h 5074"/>
                <a:gd name="T68" fmla="*/ 350 w 5270"/>
                <a:gd name="T69" fmla="*/ 1276 h 5074"/>
                <a:gd name="T70" fmla="*/ 207 w 5270"/>
                <a:gd name="T71" fmla="*/ 1551 h 5074"/>
                <a:gd name="T72" fmla="*/ 100 w 5270"/>
                <a:gd name="T73" fmla="*/ 1844 h 5074"/>
                <a:gd name="T74" fmla="*/ 30 w 5270"/>
                <a:gd name="T75" fmla="*/ 2152 h 5074"/>
                <a:gd name="T76" fmla="*/ 1 w 5270"/>
                <a:gd name="T77" fmla="*/ 2471 h 5074"/>
                <a:gd name="T78" fmla="*/ 8 w 5270"/>
                <a:gd name="T79" fmla="*/ 2733 h 5074"/>
                <a:gd name="T80" fmla="*/ 54 w 5270"/>
                <a:gd name="T81" fmla="*/ 3048 h 5074"/>
                <a:gd name="T82" fmla="*/ 139 w 5270"/>
                <a:gd name="T83" fmla="*/ 3350 h 5074"/>
                <a:gd name="T84" fmla="*/ 260 w 5270"/>
                <a:gd name="T85" fmla="*/ 3636 h 5074"/>
                <a:gd name="T86" fmla="*/ 416 w 5270"/>
                <a:gd name="T87" fmla="*/ 3903 h 5074"/>
                <a:gd name="T88" fmla="*/ 602 w 5270"/>
                <a:gd name="T89" fmla="*/ 4149 h 5074"/>
                <a:gd name="T90" fmla="*/ 818 w 5270"/>
                <a:gd name="T91" fmla="*/ 4373 h 5074"/>
                <a:gd name="T92" fmla="*/ 1059 w 5270"/>
                <a:gd name="T93" fmla="*/ 4569 h 5074"/>
                <a:gd name="T94" fmla="*/ 1325 w 5270"/>
                <a:gd name="T95" fmla="*/ 4737 h 5074"/>
                <a:gd name="T96" fmla="*/ 1611 w 5270"/>
                <a:gd name="T97" fmla="*/ 4874 h 5074"/>
                <a:gd name="T98" fmla="*/ 1915 w 5270"/>
                <a:gd name="T99" fmla="*/ 4978 h 5074"/>
                <a:gd name="T100" fmla="*/ 2234 w 5270"/>
                <a:gd name="T101" fmla="*/ 5045 h 5074"/>
                <a:gd name="T102" fmla="*/ 2566 w 5270"/>
                <a:gd name="T103" fmla="*/ 5073 h 50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270" h="5074">
                  <a:moveTo>
                    <a:pt x="2635" y="5074"/>
                  </a:moveTo>
                  <a:lnTo>
                    <a:pt x="2635" y="5074"/>
                  </a:lnTo>
                  <a:lnTo>
                    <a:pt x="2703" y="5073"/>
                  </a:lnTo>
                  <a:lnTo>
                    <a:pt x="2771" y="5070"/>
                  </a:lnTo>
                  <a:lnTo>
                    <a:pt x="2837" y="5066"/>
                  </a:lnTo>
                  <a:lnTo>
                    <a:pt x="2904" y="5061"/>
                  </a:lnTo>
                  <a:lnTo>
                    <a:pt x="2970" y="5053"/>
                  </a:lnTo>
                  <a:lnTo>
                    <a:pt x="3035" y="5045"/>
                  </a:lnTo>
                  <a:lnTo>
                    <a:pt x="3100" y="5034"/>
                  </a:lnTo>
                  <a:lnTo>
                    <a:pt x="3165" y="5022"/>
                  </a:lnTo>
                  <a:lnTo>
                    <a:pt x="3229" y="5009"/>
                  </a:lnTo>
                  <a:lnTo>
                    <a:pt x="3292" y="4994"/>
                  </a:lnTo>
                  <a:lnTo>
                    <a:pt x="3355" y="4978"/>
                  </a:lnTo>
                  <a:lnTo>
                    <a:pt x="3418" y="4959"/>
                  </a:lnTo>
                  <a:lnTo>
                    <a:pt x="3480" y="4940"/>
                  </a:lnTo>
                  <a:lnTo>
                    <a:pt x="3540" y="4919"/>
                  </a:lnTo>
                  <a:lnTo>
                    <a:pt x="3601" y="4898"/>
                  </a:lnTo>
                  <a:lnTo>
                    <a:pt x="3660" y="4874"/>
                  </a:lnTo>
                  <a:lnTo>
                    <a:pt x="3719" y="4849"/>
                  </a:lnTo>
                  <a:lnTo>
                    <a:pt x="3777" y="4823"/>
                  </a:lnTo>
                  <a:lnTo>
                    <a:pt x="3834" y="4796"/>
                  </a:lnTo>
                  <a:lnTo>
                    <a:pt x="3890" y="4767"/>
                  </a:lnTo>
                  <a:lnTo>
                    <a:pt x="3945" y="4737"/>
                  </a:lnTo>
                  <a:lnTo>
                    <a:pt x="4000" y="4707"/>
                  </a:lnTo>
                  <a:lnTo>
                    <a:pt x="4054" y="4673"/>
                  </a:lnTo>
                  <a:lnTo>
                    <a:pt x="4107" y="4640"/>
                  </a:lnTo>
                  <a:lnTo>
                    <a:pt x="4159" y="4605"/>
                  </a:lnTo>
                  <a:lnTo>
                    <a:pt x="4211" y="4569"/>
                  </a:lnTo>
                  <a:lnTo>
                    <a:pt x="4260" y="4532"/>
                  </a:lnTo>
                  <a:lnTo>
                    <a:pt x="4310" y="4494"/>
                  </a:lnTo>
                  <a:lnTo>
                    <a:pt x="4358" y="4455"/>
                  </a:lnTo>
                  <a:lnTo>
                    <a:pt x="4406" y="4414"/>
                  </a:lnTo>
                  <a:lnTo>
                    <a:pt x="4452" y="4373"/>
                  </a:lnTo>
                  <a:lnTo>
                    <a:pt x="4497" y="4330"/>
                  </a:lnTo>
                  <a:lnTo>
                    <a:pt x="4542" y="4286"/>
                  </a:lnTo>
                  <a:lnTo>
                    <a:pt x="4585" y="4242"/>
                  </a:lnTo>
                  <a:lnTo>
                    <a:pt x="4627" y="4196"/>
                  </a:lnTo>
                  <a:lnTo>
                    <a:pt x="4668" y="4149"/>
                  </a:lnTo>
                  <a:lnTo>
                    <a:pt x="4707" y="4102"/>
                  </a:lnTo>
                  <a:lnTo>
                    <a:pt x="4746" y="4054"/>
                  </a:lnTo>
                  <a:lnTo>
                    <a:pt x="4783" y="4005"/>
                  </a:lnTo>
                  <a:lnTo>
                    <a:pt x="4819" y="3954"/>
                  </a:lnTo>
                  <a:lnTo>
                    <a:pt x="4854" y="3903"/>
                  </a:lnTo>
                  <a:lnTo>
                    <a:pt x="4889" y="3851"/>
                  </a:lnTo>
                  <a:lnTo>
                    <a:pt x="4920" y="3798"/>
                  </a:lnTo>
                  <a:lnTo>
                    <a:pt x="4951" y="3745"/>
                  </a:lnTo>
                  <a:lnTo>
                    <a:pt x="4982" y="3691"/>
                  </a:lnTo>
                  <a:lnTo>
                    <a:pt x="5010" y="3636"/>
                  </a:lnTo>
                  <a:lnTo>
                    <a:pt x="5037" y="3580"/>
                  </a:lnTo>
                  <a:lnTo>
                    <a:pt x="5062" y="3524"/>
                  </a:lnTo>
                  <a:lnTo>
                    <a:pt x="5087" y="3467"/>
                  </a:lnTo>
                  <a:lnTo>
                    <a:pt x="5110" y="3409"/>
                  </a:lnTo>
                  <a:lnTo>
                    <a:pt x="5131" y="3350"/>
                  </a:lnTo>
                  <a:lnTo>
                    <a:pt x="5151" y="3291"/>
                  </a:lnTo>
                  <a:lnTo>
                    <a:pt x="5170" y="3230"/>
                  </a:lnTo>
                  <a:lnTo>
                    <a:pt x="5187" y="3170"/>
                  </a:lnTo>
                  <a:lnTo>
                    <a:pt x="5203" y="3109"/>
                  </a:lnTo>
                  <a:lnTo>
                    <a:pt x="5216" y="3048"/>
                  </a:lnTo>
                  <a:lnTo>
                    <a:pt x="5228" y="2985"/>
                  </a:lnTo>
                  <a:lnTo>
                    <a:pt x="5240" y="2923"/>
                  </a:lnTo>
                  <a:lnTo>
                    <a:pt x="5249" y="2860"/>
                  </a:lnTo>
                  <a:lnTo>
                    <a:pt x="5257" y="2796"/>
                  </a:lnTo>
                  <a:lnTo>
                    <a:pt x="5262" y="2733"/>
                  </a:lnTo>
                  <a:lnTo>
                    <a:pt x="5267" y="2668"/>
                  </a:lnTo>
                  <a:lnTo>
                    <a:pt x="5269" y="2603"/>
                  </a:lnTo>
                  <a:lnTo>
                    <a:pt x="5270" y="2537"/>
                  </a:lnTo>
                  <a:lnTo>
                    <a:pt x="5270" y="2537"/>
                  </a:lnTo>
                  <a:lnTo>
                    <a:pt x="5269" y="2471"/>
                  </a:lnTo>
                  <a:lnTo>
                    <a:pt x="5267" y="2406"/>
                  </a:lnTo>
                  <a:lnTo>
                    <a:pt x="5262" y="2343"/>
                  </a:lnTo>
                  <a:lnTo>
                    <a:pt x="5257" y="2278"/>
                  </a:lnTo>
                  <a:lnTo>
                    <a:pt x="5249" y="2214"/>
                  </a:lnTo>
                  <a:lnTo>
                    <a:pt x="5240" y="2152"/>
                  </a:lnTo>
                  <a:lnTo>
                    <a:pt x="5228" y="2089"/>
                  </a:lnTo>
                  <a:lnTo>
                    <a:pt x="5216" y="2026"/>
                  </a:lnTo>
                  <a:lnTo>
                    <a:pt x="5203" y="1965"/>
                  </a:lnTo>
                  <a:lnTo>
                    <a:pt x="5187" y="1904"/>
                  </a:lnTo>
                  <a:lnTo>
                    <a:pt x="5170" y="1844"/>
                  </a:lnTo>
                  <a:lnTo>
                    <a:pt x="5151" y="1783"/>
                  </a:lnTo>
                  <a:lnTo>
                    <a:pt x="5131" y="1724"/>
                  </a:lnTo>
                  <a:lnTo>
                    <a:pt x="5110" y="1666"/>
                  </a:lnTo>
                  <a:lnTo>
                    <a:pt x="5087" y="1608"/>
                  </a:lnTo>
                  <a:lnTo>
                    <a:pt x="5062" y="1551"/>
                  </a:lnTo>
                  <a:lnTo>
                    <a:pt x="5037" y="1494"/>
                  </a:lnTo>
                  <a:lnTo>
                    <a:pt x="5010" y="1439"/>
                  </a:lnTo>
                  <a:lnTo>
                    <a:pt x="4982" y="1384"/>
                  </a:lnTo>
                  <a:lnTo>
                    <a:pt x="4951" y="1329"/>
                  </a:lnTo>
                  <a:lnTo>
                    <a:pt x="4920" y="1276"/>
                  </a:lnTo>
                  <a:lnTo>
                    <a:pt x="4889" y="1223"/>
                  </a:lnTo>
                  <a:lnTo>
                    <a:pt x="4854" y="1171"/>
                  </a:lnTo>
                  <a:lnTo>
                    <a:pt x="4819" y="1120"/>
                  </a:lnTo>
                  <a:lnTo>
                    <a:pt x="4783" y="1070"/>
                  </a:lnTo>
                  <a:lnTo>
                    <a:pt x="4746" y="1020"/>
                  </a:lnTo>
                  <a:lnTo>
                    <a:pt x="4707" y="972"/>
                  </a:lnTo>
                  <a:lnTo>
                    <a:pt x="4668" y="925"/>
                  </a:lnTo>
                  <a:lnTo>
                    <a:pt x="4627" y="878"/>
                  </a:lnTo>
                  <a:lnTo>
                    <a:pt x="4585" y="832"/>
                  </a:lnTo>
                  <a:lnTo>
                    <a:pt x="4542" y="788"/>
                  </a:lnTo>
                  <a:lnTo>
                    <a:pt x="4497" y="744"/>
                  </a:lnTo>
                  <a:lnTo>
                    <a:pt x="4452" y="701"/>
                  </a:lnTo>
                  <a:lnTo>
                    <a:pt x="4406" y="660"/>
                  </a:lnTo>
                  <a:lnTo>
                    <a:pt x="4358" y="620"/>
                  </a:lnTo>
                  <a:lnTo>
                    <a:pt x="4310" y="580"/>
                  </a:lnTo>
                  <a:lnTo>
                    <a:pt x="4260" y="543"/>
                  </a:lnTo>
                  <a:lnTo>
                    <a:pt x="4211" y="505"/>
                  </a:lnTo>
                  <a:lnTo>
                    <a:pt x="4159" y="469"/>
                  </a:lnTo>
                  <a:lnTo>
                    <a:pt x="4107" y="435"/>
                  </a:lnTo>
                  <a:lnTo>
                    <a:pt x="4054" y="401"/>
                  </a:lnTo>
                  <a:lnTo>
                    <a:pt x="4000" y="369"/>
                  </a:lnTo>
                  <a:lnTo>
                    <a:pt x="3945" y="337"/>
                  </a:lnTo>
                  <a:lnTo>
                    <a:pt x="3890" y="307"/>
                  </a:lnTo>
                  <a:lnTo>
                    <a:pt x="3834" y="278"/>
                  </a:lnTo>
                  <a:lnTo>
                    <a:pt x="3777" y="251"/>
                  </a:lnTo>
                  <a:lnTo>
                    <a:pt x="3719" y="225"/>
                  </a:lnTo>
                  <a:lnTo>
                    <a:pt x="3660" y="200"/>
                  </a:lnTo>
                  <a:lnTo>
                    <a:pt x="3601" y="176"/>
                  </a:lnTo>
                  <a:lnTo>
                    <a:pt x="3540" y="155"/>
                  </a:lnTo>
                  <a:lnTo>
                    <a:pt x="3480" y="134"/>
                  </a:lnTo>
                  <a:lnTo>
                    <a:pt x="3418" y="115"/>
                  </a:lnTo>
                  <a:lnTo>
                    <a:pt x="3355" y="97"/>
                  </a:lnTo>
                  <a:lnTo>
                    <a:pt x="3292" y="80"/>
                  </a:lnTo>
                  <a:lnTo>
                    <a:pt x="3229" y="65"/>
                  </a:lnTo>
                  <a:lnTo>
                    <a:pt x="3165" y="52"/>
                  </a:lnTo>
                  <a:lnTo>
                    <a:pt x="3100" y="40"/>
                  </a:lnTo>
                  <a:lnTo>
                    <a:pt x="3035" y="30"/>
                  </a:lnTo>
                  <a:lnTo>
                    <a:pt x="2970" y="21"/>
                  </a:lnTo>
                  <a:lnTo>
                    <a:pt x="2904" y="13"/>
                  </a:lnTo>
                  <a:lnTo>
                    <a:pt x="2837" y="8"/>
                  </a:lnTo>
                  <a:lnTo>
                    <a:pt x="2771" y="4"/>
                  </a:lnTo>
                  <a:lnTo>
                    <a:pt x="2703" y="1"/>
                  </a:lnTo>
                  <a:lnTo>
                    <a:pt x="2635" y="0"/>
                  </a:lnTo>
                  <a:lnTo>
                    <a:pt x="2635" y="0"/>
                  </a:lnTo>
                  <a:lnTo>
                    <a:pt x="2566" y="1"/>
                  </a:lnTo>
                  <a:lnTo>
                    <a:pt x="2499" y="4"/>
                  </a:lnTo>
                  <a:lnTo>
                    <a:pt x="2433" y="8"/>
                  </a:lnTo>
                  <a:lnTo>
                    <a:pt x="2366" y="13"/>
                  </a:lnTo>
                  <a:lnTo>
                    <a:pt x="2299" y="21"/>
                  </a:lnTo>
                  <a:lnTo>
                    <a:pt x="2234" y="30"/>
                  </a:lnTo>
                  <a:lnTo>
                    <a:pt x="2169" y="40"/>
                  </a:lnTo>
                  <a:lnTo>
                    <a:pt x="2104" y="52"/>
                  </a:lnTo>
                  <a:lnTo>
                    <a:pt x="2040" y="65"/>
                  </a:lnTo>
                  <a:lnTo>
                    <a:pt x="1978" y="80"/>
                  </a:lnTo>
                  <a:lnTo>
                    <a:pt x="1915" y="97"/>
                  </a:lnTo>
                  <a:lnTo>
                    <a:pt x="1852" y="115"/>
                  </a:lnTo>
                  <a:lnTo>
                    <a:pt x="1790" y="134"/>
                  </a:lnTo>
                  <a:lnTo>
                    <a:pt x="1730" y="155"/>
                  </a:lnTo>
                  <a:lnTo>
                    <a:pt x="1670" y="176"/>
                  </a:lnTo>
                  <a:lnTo>
                    <a:pt x="1611" y="200"/>
                  </a:lnTo>
                  <a:lnTo>
                    <a:pt x="1551" y="225"/>
                  </a:lnTo>
                  <a:lnTo>
                    <a:pt x="1494" y="251"/>
                  </a:lnTo>
                  <a:lnTo>
                    <a:pt x="1437" y="278"/>
                  </a:lnTo>
                  <a:lnTo>
                    <a:pt x="1380" y="307"/>
                  </a:lnTo>
                  <a:lnTo>
                    <a:pt x="1325" y="337"/>
                  </a:lnTo>
                  <a:lnTo>
                    <a:pt x="1270" y="369"/>
                  </a:lnTo>
                  <a:lnTo>
                    <a:pt x="1216" y="401"/>
                  </a:lnTo>
                  <a:lnTo>
                    <a:pt x="1163" y="435"/>
                  </a:lnTo>
                  <a:lnTo>
                    <a:pt x="1110" y="469"/>
                  </a:lnTo>
                  <a:lnTo>
                    <a:pt x="1059" y="505"/>
                  </a:lnTo>
                  <a:lnTo>
                    <a:pt x="1009" y="543"/>
                  </a:lnTo>
                  <a:lnTo>
                    <a:pt x="960" y="580"/>
                  </a:lnTo>
                  <a:lnTo>
                    <a:pt x="912" y="620"/>
                  </a:lnTo>
                  <a:lnTo>
                    <a:pt x="864" y="660"/>
                  </a:lnTo>
                  <a:lnTo>
                    <a:pt x="818" y="701"/>
                  </a:lnTo>
                  <a:lnTo>
                    <a:pt x="773" y="744"/>
                  </a:lnTo>
                  <a:lnTo>
                    <a:pt x="728" y="788"/>
                  </a:lnTo>
                  <a:lnTo>
                    <a:pt x="685" y="832"/>
                  </a:lnTo>
                  <a:lnTo>
                    <a:pt x="644" y="878"/>
                  </a:lnTo>
                  <a:lnTo>
                    <a:pt x="602" y="925"/>
                  </a:lnTo>
                  <a:lnTo>
                    <a:pt x="563" y="972"/>
                  </a:lnTo>
                  <a:lnTo>
                    <a:pt x="524" y="1020"/>
                  </a:lnTo>
                  <a:lnTo>
                    <a:pt x="487" y="1070"/>
                  </a:lnTo>
                  <a:lnTo>
                    <a:pt x="451" y="1120"/>
                  </a:lnTo>
                  <a:lnTo>
                    <a:pt x="416" y="1171"/>
                  </a:lnTo>
                  <a:lnTo>
                    <a:pt x="382" y="1223"/>
                  </a:lnTo>
                  <a:lnTo>
                    <a:pt x="350" y="1276"/>
                  </a:lnTo>
                  <a:lnTo>
                    <a:pt x="318" y="1329"/>
                  </a:lnTo>
                  <a:lnTo>
                    <a:pt x="288" y="1384"/>
                  </a:lnTo>
                  <a:lnTo>
                    <a:pt x="260" y="1439"/>
                  </a:lnTo>
                  <a:lnTo>
                    <a:pt x="233" y="1494"/>
                  </a:lnTo>
                  <a:lnTo>
                    <a:pt x="207" y="1551"/>
                  </a:lnTo>
                  <a:lnTo>
                    <a:pt x="183" y="1608"/>
                  </a:lnTo>
                  <a:lnTo>
                    <a:pt x="160" y="1666"/>
                  </a:lnTo>
                  <a:lnTo>
                    <a:pt x="139" y="1724"/>
                  </a:lnTo>
                  <a:lnTo>
                    <a:pt x="119" y="1783"/>
                  </a:lnTo>
                  <a:lnTo>
                    <a:pt x="100" y="1844"/>
                  </a:lnTo>
                  <a:lnTo>
                    <a:pt x="83" y="1904"/>
                  </a:lnTo>
                  <a:lnTo>
                    <a:pt x="67" y="1965"/>
                  </a:lnTo>
                  <a:lnTo>
                    <a:pt x="54" y="2026"/>
                  </a:lnTo>
                  <a:lnTo>
                    <a:pt x="41" y="2089"/>
                  </a:lnTo>
                  <a:lnTo>
                    <a:pt x="30" y="2152"/>
                  </a:lnTo>
                  <a:lnTo>
                    <a:pt x="21" y="2214"/>
                  </a:lnTo>
                  <a:lnTo>
                    <a:pt x="13" y="2278"/>
                  </a:lnTo>
                  <a:lnTo>
                    <a:pt x="8" y="2343"/>
                  </a:lnTo>
                  <a:lnTo>
                    <a:pt x="3" y="2406"/>
                  </a:lnTo>
                  <a:lnTo>
                    <a:pt x="1" y="2471"/>
                  </a:lnTo>
                  <a:lnTo>
                    <a:pt x="0" y="2537"/>
                  </a:lnTo>
                  <a:lnTo>
                    <a:pt x="0" y="2537"/>
                  </a:lnTo>
                  <a:lnTo>
                    <a:pt x="1" y="2603"/>
                  </a:lnTo>
                  <a:lnTo>
                    <a:pt x="3" y="2668"/>
                  </a:lnTo>
                  <a:lnTo>
                    <a:pt x="8" y="2733"/>
                  </a:lnTo>
                  <a:lnTo>
                    <a:pt x="13" y="2796"/>
                  </a:lnTo>
                  <a:lnTo>
                    <a:pt x="21" y="2860"/>
                  </a:lnTo>
                  <a:lnTo>
                    <a:pt x="30" y="2923"/>
                  </a:lnTo>
                  <a:lnTo>
                    <a:pt x="41" y="2985"/>
                  </a:lnTo>
                  <a:lnTo>
                    <a:pt x="54" y="3048"/>
                  </a:lnTo>
                  <a:lnTo>
                    <a:pt x="67" y="3109"/>
                  </a:lnTo>
                  <a:lnTo>
                    <a:pt x="83" y="3170"/>
                  </a:lnTo>
                  <a:lnTo>
                    <a:pt x="100" y="3230"/>
                  </a:lnTo>
                  <a:lnTo>
                    <a:pt x="119" y="3291"/>
                  </a:lnTo>
                  <a:lnTo>
                    <a:pt x="139" y="3350"/>
                  </a:lnTo>
                  <a:lnTo>
                    <a:pt x="160" y="3409"/>
                  </a:lnTo>
                  <a:lnTo>
                    <a:pt x="183" y="3467"/>
                  </a:lnTo>
                  <a:lnTo>
                    <a:pt x="207" y="3524"/>
                  </a:lnTo>
                  <a:lnTo>
                    <a:pt x="233" y="3580"/>
                  </a:lnTo>
                  <a:lnTo>
                    <a:pt x="260" y="3636"/>
                  </a:lnTo>
                  <a:lnTo>
                    <a:pt x="288" y="3691"/>
                  </a:lnTo>
                  <a:lnTo>
                    <a:pt x="318" y="3745"/>
                  </a:lnTo>
                  <a:lnTo>
                    <a:pt x="350" y="3798"/>
                  </a:lnTo>
                  <a:lnTo>
                    <a:pt x="382" y="3851"/>
                  </a:lnTo>
                  <a:lnTo>
                    <a:pt x="416" y="3903"/>
                  </a:lnTo>
                  <a:lnTo>
                    <a:pt x="451" y="3954"/>
                  </a:lnTo>
                  <a:lnTo>
                    <a:pt x="487" y="4005"/>
                  </a:lnTo>
                  <a:lnTo>
                    <a:pt x="524" y="4054"/>
                  </a:lnTo>
                  <a:lnTo>
                    <a:pt x="563" y="4102"/>
                  </a:lnTo>
                  <a:lnTo>
                    <a:pt x="602" y="4149"/>
                  </a:lnTo>
                  <a:lnTo>
                    <a:pt x="644" y="4196"/>
                  </a:lnTo>
                  <a:lnTo>
                    <a:pt x="685" y="4242"/>
                  </a:lnTo>
                  <a:lnTo>
                    <a:pt x="728" y="4286"/>
                  </a:lnTo>
                  <a:lnTo>
                    <a:pt x="773" y="4330"/>
                  </a:lnTo>
                  <a:lnTo>
                    <a:pt x="818" y="4373"/>
                  </a:lnTo>
                  <a:lnTo>
                    <a:pt x="864" y="4414"/>
                  </a:lnTo>
                  <a:lnTo>
                    <a:pt x="912" y="4455"/>
                  </a:lnTo>
                  <a:lnTo>
                    <a:pt x="960" y="4494"/>
                  </a:lnTo>
                  <a:lnTo>
                    <a:pt x="1009" y="4532"/>
                  </a:lnTo>
                  <a:lnTo>
                    <a:pt x="1059" y="4569"/>
                  </a:lnTo>
                  <a:lnTo>
                    <a:pt x="1110" y="4605"/>
                  </a:lnTo>
                  <a:lnTo>
                    <a:pt x="1163" y="4640"/>
                  </a:lnTo>
                  <a:lnTo>
                    <a:pt x="1216" y="4673"/>
                  </a:lnTo>
                  <a:lnTo>
                    <a:pt x="1270" y="4707"/>
                  </a:lnTo>
                  <a:lnTo>
                    <a:pt x="1325" y="4737"/>
                  </a:lnTo>
                  <a:lnTo>
                    <a:pt x="1380" y="4767"/>
                  </a:lnTo>
                  <a:lnTo>
                    <a:pt x="1437" y="4796"/>
                  </a:lnTo>
                  <a:lnTo>
                    <a:pt x="1494" y="4823"/>
                  </a:lnTo>
                  <a:lnTo>
                    <a:pt x="1551" y="4849"/>
                  </a:lnTo>
                  <a:lnTo>
                    <a:pt x="1611" y="4874"/>
                  </a:lnTo>
                  <a:lnTo>
                    <a:pt x="1670" y="4898"/>
                  </a:lnTo>
                  <a:lnTo>
                    <a:pt x="1730" y="4919"/>
                  </a:lnTo>
                  <a:lnTo>
                    <a:pt x="1790" y="4940"/>
                  </a:lnTo>
                  <a:lnTo>
                    <a:pt x="1852" y="4959"/>
                  </a:lnTo>
                  <a:lnTo>
                    <a:pt x="1915" y="4978"/>
                  </a:lnTo>
                  <a:lnTo>
                    <a:pt x="1978" y="4994"/>
                  </a:lnTo>
                  <a:lnTo>
                    <a:pt x="2040" y="5009"/>
                  </a:lnTo>
                  <a:lnTo>
                    <a:pt x="2104" y="5022"/>
                  </a:lnTo>
                  <a:lnTo>
                    <a:pt x="2169" y="5034"/>
                  </a:lnTo>
                  <a:lnTo>
                    <a:pt x="2234" y="5045"/>
                  </a:lnTo>
                  <a:lnTo>
                    <a:pt x="2299" y="5053"/>
                  </a:lnTo>
                  <a:lnTo>
                    <a:pt x="2366" y="5061"/>
                  </a:lnTo>
                  <a:lnTo>
                    <a:pt x="2433" y="5066"/>
                  </a:lnTo>
                  <a:lnTo>
                    <a:pt x="2499" y="5070"/>
                  </a:lnTo>
                  <a:lnTo>
                    <a:pt x="2566" y="5073"/>
                  </a:lnTo>
                  <a:lnTo>
                    <a:pt x="2635" y="507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77" name="Freeform 291">
              <a:extLst>
                <a:ext uri="{FF2B5EF4-FFF2-40B4-BE49-F238E27FC236}">
                  <a16:creationId xmlns:a16="http://schemas.microsoft.com/office/drawing/2014/main" xmlns="" id="{AA4A15D5-C9A6-2446-96B4-60A17CD4B25B}"/>
                </a:ext>
              </a:extLst>
            </p:cNvPr>
            <p:cNvSpPr>
              <a:spLocks/>
            </p:cNvSpPr>
            <p:nvPr/>
          </p:nvSpPr>
          <p:spPr bwMode="auto">
            <a:xfrm flipH="1">
              <a:off x="6899317" y="979354"/>
              <a:ext cx="4599165" cy="2181920"/>
            </a:xfrm>
            <a:custGeom>
              <a:avLst/>
              <a:gdLst>
                <a:gd name="T0" fmla="*/ 2638 w 5255"/>
                <a:gd name="T1" fmla="*/ 0 h 2390"/>
                <a:gd name="T2" fmla="*/ 2642 w 5255"/>
                <a:gd name="T3" fmla="*/ 0 h 2390"/>
                <a:gd name="T4" fmla="*/ 2649 w 5255"/>
                <a:gd name="T5" fmla="*/ 0 h 2390"/>
                <a:gd name="T6" fmla="*/ 2653 w 5255"/>
                <a:gd name="T7" fmla="*/ 0 h 2390"/>
                <a:gd name="T8" fmla="*/ 2660 w 5255"/>
                <a:gd name="T9" fmla="*/ 0 h 2390"/>
                <a:gd name="T10" fmla="*/ 2667 w 5255"/>
                <a:gd name="T11" fmla="*/ 0 h 2390"/>
                <a:gd name="T12" fmla="*/ 2675 w 5255"/>
                <a:gd name="T13" fmla="*/ 0 h 2390"/>
                <a:gd name="T14" fmla="*/ 2679 w 5255"/>
                <a:gd name="T15" fmla="*/ 0 h 2390"/>
                <a:gd name="T16" fmla="*/ 2686 w 5255"/>
                <a:gd name="T17" fmla="*/ 0 h 2390"/>
                <a:gd name="T18" fmla="*/ 2690 w 5255"/>
                <a:gd name="T19" fmla="*/ 1 h 2390"/>
                <a:gd name="T20" fmla="*/ 2697 w 5255"/>
                <a:gd name="T21" fmla="*/ 1 h 2390"/>
                <a:gd name="T22" fmla="*/ 2705 w 5255"/>
                <a:gd name="T23" fmla="*/ 1 h 2390"/>
                <a:gd name="T24" fmla="*/ 2712 w 5255"/>
                <a:gd name="T25" fmla="*/ 1 h 2390"/>
                <a:gd name="T26" fmla="*/ 2716 w 5255"/>
                <a:gd name="T27" fmla="*/ 1 h 2390"/>
                <a:gd name="T28" fmla="*/ 2723 w 5255"/>
                <a:gd name="T29" fmla="*/ 1 h 2390"/>
                <a:gd name="T30" fmla="*/ 2727 w 5255"/>
                <a:gd name="T31" fmla="*/ 3 h 2390"/>
                <a:gd name="T32" fmla="*/ 2733 w 5255"/>
                <a:gd name="T33" fmla="*/ 3 h 2390"/>
                <a:gd name="T34" fmla="*/ 2751 w 5255"/>
                <a:gd name="T35" fmla="*/ 3 h 2390"/>
                <a:gd name="T36" fmla="*/ 2757 w 5255"/>
                <a:gd name="T37" fmla="*/ 4 h 2390"/>
                <a:gd name="T38" fmla="*/ 3182 w 5255"/>
                <a:gd name="T39" fmla="*/ 57 h 2390"/>
                <a:gd name="T40" fmla="*/ 3793 w 5255"/>
                <a:gd name="T41" fmla="*/ 261 h 2390"/>
                <a:gd name="T42" fmla="*/ 4327 w 5255"/>
                <a:gd name="T43" fmla="*/ 597 h 2390"/>
                <a:gd name="T44" fmla="*/ 4760 w 5255"/>
                <a:gd name="T45" fmla="*/ 1044 h 2390"/>
                <a:gd name="T46" fmla="*/ 5072 w 5255"/>
                <a:gd name="T47" fmla="*/ 1581 h 2390"/>
                <a:gd name="T48" fmla="*/ 5241 w 5255"/>
                <a:gd name="T49" fmla="*/ 2188 h 2390"/>
                <a:gd name="T50" fmla="*/ 4984 w 5255"/>
                <a:gd name="T51" fmla="*/ 2044 h 2390"/>
                <a:gd name="T52" fmla="*/ 4187 w 5255"/>
                <a:gd name="T53" fmla="*/ 1590 h 2390"/>
                <a:gd name="T54" fmla="*/ 3173 w 5255"/>
                <a:gd name="T55" fmla="*/ 1345 h 2390"/>
                <a:gd name="T56" fmla="*/ 2127 w 5255"/>
                <a:gd name="T57" fmla="*/ 1348 h 2390"/>
                <a:gd name="T58" fmla="*/ 1074 w 5255"/>
                <a:gd name="T59" fmla="*/ 1615 h 2390"/>
                <a:gd name="T60" fmla="*/ 456 w 5255"/>
                <a:gd name="T61" fmla="*/ 1954 h 2390"/>
                <a:gd name="T62" fmla="*/ 123 w 5255"/>
                <a:gd name="T63" fmla="*/ 2244 h 2390"/>
                <a:gd name="T64" fmla="*/ 36 w 5255"/>
                <a:gd name="T65" fmla="*/ 2094 h 2390"/>
                <a:gd name="T66" fmla="*/ 232 w 5255"/>
                <a:gd name="T67" fmla="*/ 1486 h 2390"/>
                <a:gd name="T68" fmla="*/ 572 w 5255"/>
                <a:gd name="T69" fmla="*/ 955 h 2390"/>
                <a:gd name="T70" fmla="*/ 1033 w 5255"/>
                <a:gd name="T71" fmla="*/ 521 h 2390"/>
                <a:gd name="T72" fmla="*/ 1594 w 5255"/>
                <a:gd name="T73" fmla="*/ 205 h 2390"/>
                <a:gd name="T74" fmla="*/ 2232 w 5255"/>
                <a:gd name="T75" fmla="*/ 30 h 2390"/>
                <a:gd name="T76" fmla="*/ 2482 w 5255"/>
                <a:gd name="T77" fmla="*/ 5 h 2390"/>
                <a:gd name="T78" fmla="*/ 2491 w 5255"/>
                <a:gd name="T79" fmla="*/ 4 h 2390"/>
                <a:gd name="T80" fmla="*/ 2496 w 5255"/>
                <a:gd name="T81" fmla="*/ 4 h 2390"/>
                <a:gd name="T82" fmla="*/ 2504 w 5255"/>
                <a:gd name="T83" fmla="*/ 4 h 2390"/>
                <a:gd name="T84" fmla="*/ 2527 w 5255"/>
                <a:gd name="T85" fmla="*/ 3 h 2390"/>
                <a:gd name="T86" fmla="*/ 2532 w 5255"/>
                <a:gd name="T87" fmla="*/ 3 h 2390"/>
                <a:gd name="T88" fmla="*/ 2537 w 5255"/>
                <a:gd name="T89" fmla="*/ 1 h 2390"/>
                <a:gd name="T90" fmla="*/ 2543 w 5255"/>
                <a:gd name="T91" fmla="*/ 1 h 2390"/>
                <a:gd name="T92" fmla="*/ 2549 w 5255"/>
                <a:gd name="T93" fmla="*/ 1 h 2390"/>
                <a:gd name="T94" fmla="*/ 2555 w 5255"/>
                <a:gd name="T95" fmla="*/ 1 h 2390"/>
                <a:gd name="T96" fmla="*/ 2560 w 5255"/>
                <a:gd name="T97" fmla="*/ 1 h 2390"/>
                <a:gd name="T98" fmla="*/ 2566 w 5255"/>
                <a:gd name="T99" fmla="*/ 1 h 2390"/>
                <a:gd name="T100" fmla="*/ 2571 w 5255"/>
                <a:gd name="T101" fmla="*/ 1 h 2390"/>
                <a:gd name="T102" fmla="*/ 2578 w 5255"/>
                <a:gd name="T103" fmla="*/ 0 h 2390"/>
                <a:gd name="T104" fmla="*/ 2584 w 5255"/>
                <a:gd name="T105" fmla="*/ 0 h 2390"/>
                <a:gd name="T106" fmla="*/ 2590 w 5255"/>
                <a:gd name="T107" fmla="*/ 0 h 2390"/>
                <a:gd name="T108" fmla="*/ 2595 w 5255"/>
                <a:gd name="T109" fmla="*/ 0 h 2390"/>
                <a:gd name="T110" fmla="*/ 2602 w 5255"/>
                <a:gd name="T111" fmla="*/ 0 h 2390"/>
                <a:gd name="T112" fmla="*/ 2607 w 5255"/>
                <a:gd name="T113" fmla="*/ 0 h 2390"/>
                <a:gd name="T114" fmla="*/ 2613 w 5255"/>
                <a:gd name="T115" fmla="*/ 0 h 2390"/>
                <a:gd name="T116" fmla="*/ 2619 w 5255"/>
                <a:gd name="T117" fmla="*/ 0 h 2390"/>
                <a:gd name="T118" fmla="*/ 2624 w 5255"/>
                <a:gd name="T119" fmla="*/ 0 h 2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255" h="2390">
                  <a:moveTo>
                    <a:pt x="2631" y="0"/>
                  </a:moveTo>
                  <a:lnTo>
                    <a:pt x="2631" y="0"/>
                  </a:lnTo>
                  <a:lnTo>
                    <a:pt x="2633" y="0"/>
                  </a:lnTo>
                  <a:lnTo>
                    <a:pt x="2633" y="0"/>
                  </a:lnTo>
                  <a:lnTo>
                    <a:pt x="2633" y="0"/>
                  </a:lnTo>
                  <a:lnTo>
                    <a:pt x="2633" y="0"/>
                  </a:lnTo>
                  <a:lnTo>
                    <a:pt x="2635" y="0"/>
                  </a:lnTo>
                  <a:lnTo>
                    <a:pt x="2635" y="0"/>
                  </a:lnTo>
                  <a:lnTo>
                    <a:pt x="2635" y="0"/>
                  </a:lnTo>
                  <a:lnTo>
                    <a:pt x="2635" y="0"/>
                  </a:lnTo>
                  <a:lnTo>
                    <a:pt x="2638" y="0"/>
                  </a:lnTo>
                  <a:lnTo>
                    <a:pt x="2638" y="0"/>
                  </a:lnTo>
                  <a:lnTo>
                    <a:pt x="2638" y="0"/>
                  </a:lnTo>
                  <a:lnTo>
                    <a:pt x="2638" y="0"/>
                  </a:lnTo>
                  <a:lnTo>
                    <a:pt x="2639" y="0"/>
                  </a:lnTo>
                  <a:lnTo>
                    <a:pt x="2639" y="0"/>
                  </a:lnTo>
                  <a:lnTo>
                    <a:pt x="2640" y="0"/>
                  </a:lnTo>
                  <a:lnTo>
                    <a:pt x="2640" y="0"/>
                  </a:lnTo>
                  <a:lnTo>
                    <a:pt x="2641" y="0"/>
                  </a:lnTo>
                  <a:lnTo>
                    <a:pt x="2641" y="0"/>
                  </a:lnTo>
                  <a:lnTo>
                    <a:pt x="2642" y="0"/>
                  </a:lnTo>
                  <a:lnTo>
                    <a:pt x="2642" y="0"/>
                  </a:lnTo>
                  <a:lnTo>
                    <a:pt x="2643" y="0"/>
                  </a:lnTo>
                  <a:lnTo>
                    <a:pt x="2643" y="0"/>
                  </a:lnTo>
                  <a:lnTo>
                    <a:pt x="2644" y="0"/>
                  </a:lnTo>
                  <a:lnTo>
                    <a:pt x="2644" y="0"/>
                  </a:lnTo>
                  <a:lnTo>
                    <a:pt x="2645" y="0"/>
                  </a:lnTo>
                  <a:lnTo>
                    <a:pt x="2645" y="0"/>
                  </a:lnTo>
                  <a:lnTo>
                    <a:pt x="2647" y="0"/>
                  </a:lnTo>
                  <a:lnTo>
                    <a:pt x="2647" y="0"/>
                  </a:lnTo>
                  <a:lnTo>
                    <a:pt x="2648" y="0"/>
                  </a:lnTo>
                  <a:lnTo>
                    <a:pt x="2648" y="0"/>
                  </a:lnTo>
                  <a:lnTo>
                    <a:pt x="2649" y="0"/>
                  </a:lnTo>
                  <a:lnTo>
                    <a:pt x="2649" y="0"/>
                  </a:lnTo>
                  <a:lnTo>
                    <a:pt x="2650" y="0"/>
                  </a:lnTo>
                  <a:lnTo>
                    <a:pt x="2650" y="0"/>
                  </a:lnTo>
                  <a:lnTo>
                    <a:pt x="2651" y="0"/>
                  </a:lnTo>
                  <a:lnTo>
                    <a:pt x="2651" y="0"/>
                  </a:lnTo>
                  <a:lnTo>
                    <a:pt x="2651" y="0"/>
                  </a:lnTo>
                  <a:lnTo>
                    <a:pt x="2651" y="0"/>
                  </a:lnTo>
                  <a:lnTo>
                    <a:pt x="2652" y="0"/>
                  </a:lnTo>
                  <a:lnTo>
                    <a:pt x="2652" y="0"/>
                  </a:lnTo>
                  <a:lnTo>
                    <a:pt x="2653" y="0"/>
                  </a:lnTo>
                  <a:lnTo>
                    <a:pt x="2653" y="0"/>
                  </a:lnTo>
                  <a:lnTo>
                    <a:pt x="2654" y="0"/>
                  </a:lnTo>
                  <a:lnTo>
                    <a:pt x="2654" y="0"/>
                  </a:lnTo>
                  <a:lnTo>
                    <a:pt x="2656" y="0"/>
                  </a:lnTo>
                  <a:lnTo>
                    <a:pt x="2656" y="0"/>
                  </a:lnTo>
                  <a:lnTo>
                    <a:pt x="2657" y="0"/>
                  </a:lnTo>
                  <a:lnTo>
                    <a:pt x="2657" y="0"/>
                  </a:lnTo>
                  <a:lnTo>
                    <a:pt x="2658" y="0"/>
                  </a:lnTo>
                  <a:lnTo>
                    <a:pt x="2658" y="0"/>
                  </a:lnTo>
                  <a:lnTo>
                    <a:pt x="2659" y="0"/>
                  </a:lnTo>
                  <a:lnTo>
                    <a:pt x="2659" y="0"/>
                  </a:lnTo>
                  <a:lnTo>
                    <a:pt x="2660" y="0"/>
                  </a:lnTo>
                  <a:lnTo>
                    <a:pt x="2660" y="0"/>
                  </a:lnTo>
                  <a:lnTo>
                    <a:pt x="2661" y="0"/>
                  </a:lnTo>
                  <a:lnTo>
                    <a:pt x="2661" y="0"/>
                  </a:lnTo>
                  <a:lnTo>
                    <a:pt x="2662" y="0"/>
                  </a:lnTo>
                  <a:lnTo>
                    <a:pt x="2662" y="0"/>
                  </a:lnTo>
                  <a:lnTo>
                    <a:pt x="2663" y="0"/>
                  </a:lnTo>
                  <a:lnTo>
                    <a:pt x="2663" y="0"/>
                  </a:lnTo>
                  <a:lnTo>
                    <a:pt x="2667" y="0"/>
                  </a:lnTo>
                  <a:lnTo>
                    <a:pt x="2667" y="0"/>
                  </a:lnTo>
                  <a:lnTo>
                    <a:pt x="2667" y="0"/>
                  </a:lnTo>
                  <a:lnTo>
                    <a:pt x="2667" y="0"/>
                  </a:lnTo>
                  <a:lnTo>
                    <a:pt x="2669" y="0"/>
                  </a:lnTo>
                  <a:lnTo>
                    <a:pt x="2669" y="0"/>
                  </a:lnTo>
                  <a:lnTo>
                    <a:pt x="2670" y="0"/>
                  </a:lnTo>
                  <a:lnTo>
                    <a:pt x="2670" y="0"/>
                  </a:lnTo>
                  <a:lnTo>
                    <a:pt x="2671" y="0"/>
                  </a:lnTo>
                  <a:lnTo>
                    <a:pt x="2671" y="0"/>
                  </a:lnTo>
                  <a:lnTo>
                    <a:pt x="2672" y="0"/>
                  </a:lnTo>
                  <a:lnTo>
                    <a:pt x="2672" y="0"/>
                  </a:lnTo>
                  <a:lnTo>
                    <a:pt x="2674" y="0"/>
                  </a:lnTo>
                  <a:lnTo>
                    <a:pt x="2674" y="0"/>
                  </a:lnTo>
                  <a:lnTo>
                    <a:pt x="2675" y="0"/>
                  </a:lnTo>
                  <a:lnTo>
                    <a:pt x="2675" y="0"/>
                  </a:lnTo>
                  <a:lnTo>
                    <a:pt x="2676" y="0"/>
                  </a:lnTo>
                  <a:lnTo>
                    <a:pt x="2676" y="0"/>
                  </a:lnTo>
                  <a:lnTo>
                    <a:pt x="2677" y="0"/>
                  </a:lnTo>
                  <a:lnTo>
                    <a:pt x="2677" y="0"/>
                  </a:lnTo>
                  <a:lnTo>
                    <a:pt x="2677" y="0"/>
                  </a:lnTo>
                  <a:lnTo>
                    <a:pt x="2677" y="0"/>
                  </a:lnTo>
                  <a:lnTo>
                    <a:pt x="2678" y="0"/>
                  </a:lnTo>
                  <a:lnTo>
                    <a:pt x="2678" y="0"/>
                  </a:lnTo>
                  <a:lnTo>
                    <a:pt x="2679" y="0"/>
                  </a:lnTo>
                  <a:lnTo>
                    <a:pt x="2679" y="0"/>
                  </a:lnTo>
                  <a:lnTo>
                    <a:pt x="2680" y="0"/>
                  </a:lnTo>
                  <a:lnTo>
                    <a:pt x="2680" y="0"/>
                  </a:lnTo>
                  <a:lnTo>
                    <a:pt x="2681" y="0"/>
                  </a:lnTo>
                  <a:lnTo>
                    <a:pt x="2681" y="0"/>
                  </a:lnTo>
                  <a:lnTo>
                    <a:pt x="2682" y="0"/>
                  </a:lnTo>
                  <a:lnTo>
                    <a:pt x="2682" y="0"/>
                  </a:lnTo>
                  <a:lnTo>
                    <a:pt x="2684" y="0"/>
                  </a:lnTo>
                  <a:lnTo>
                    <a:pt x="2684" y="0"/>
                  </a:lnTo>
                  <a:lnTo>
                    <a:pt x="2685" y="0"/>
                  </a:lnTo>
                  <a:lnTo>
                    <a:pt x="2685" y="0"/>
                  </a:lnTo>
                  <a:lnTo>
                    <a:pt x="2686" y="0"/>
                  </a:lnTo>
                  <a:lnTo>
                    <a:pt x="2686" y="0"/>
                  </a:lnTo>
                  <a:lnTo>
                    <a:pt x="2687" y="1"/>
                  </a:lnTo>
                  <a:lnTo>
                    <a:pt x="2687" y="1"/>
                  </a:lnTo>
                  <a:lnTo>
                    <a:pt x="2687" y="1"/>
                  </a:lnTo>
                  <a:lnTo>
                    <a:pt x="2687" y="1"/>
                  </a:lnTo>
                  <a:lnTo>
                    <a:pt x="2689" y="1"/>
                  </a:lnTo>
                  <a:lnTo>
                    <a:pt x="2689" y="1"/>
                  </a:lnTo>
                  <a:lnTo>
                    <a:pt x="2689" y="1"/>
                  </a:lnTo>
                  <a:lnTo>
                    <a:pt x="2689" y="1"/>
                  </a:lnTo>
                  <a:lnTo>
                    <a:pt x="2690" y="1"/>
                  </a:lnTo>
                  <a:lnTo>
                    <a:pt x="2690" y="1"/>
                  </a:lnTo>
                  <a:lnTo>
                    <a:pt x="2691" y="1"/>
                  </a:lnTo>
                  <a:lnTo>
                    <a:pt x="2691" y="1"/>
                  </a:lnTo>
                  <a:lnTo>
                    <a:pt x="2693" y="1"/>
                  </a:lnTo>
                  <a:lnTo>
                    <a:pt x="2693" y="1"/>
                  </a:lnTo>
                  <a:lnTo>
                    <a:pt x="2694" y="1"/>
                  </a:lnTo>
                  <a:lnTo>
                    <a:pt x="2694" y="1"/>
                  </a:lnTo>
                  <a:lnTo>
                    <a:pt x="2695" y="1"/>
                  </a:lnTo>
                  <a:lnTo>
                    <a:pt x="2695" y="1"/>
                  </a:lnTo>
                  <a:lnTo>
                    <a:pt x="2696" y="1"/>
                  </a:lnTo>
                  <a:lnTo>
                    <a:pt x="2696" y="1"/>
                  </a:lnTo>
                  <a:lnTo>
                    <a:pt x="2697" y="1"/>
                  </a:lnTo>
                  <a:lnTo>
                    <a:pt x="2697" y="1"/>
                  </a:lnTo>
                  <a:lnTo>
                    <a:pt x="2698" y="1"/>
                  </a:lnTo>
                  <a:lnTo>
                    <a:pt x="2698" y="1"/>
                  </a:lnTo>
                  <a:lnTo>
                    <a:pt x="2699" y="1"/>
                  </a:lnTo>
                  <a:lnTo>
                    <a:pt x="2699" y="1"/>
                  </a:lnTo>
                  <a:lnTo>
                    <a:pt x="2699" y="1"/>
                  </a:lnTo>
                  <a:lnTo>
                    <a:pt x="2699" y="1"/>
                  </a:lnTo>
                  <a:lnTo>
                    <a:pt x="2705" y="1"/>
                  </a:lnTo>
                  <a:lnTo>
                    <a:pt x="2705" y="1"/>
                  </a:lnTo>
                  <a:lnTo>
                    <a:pt x="2705" y="1"/>
                  </a:lnTo>
                  <a:lnTo>
                    <a:pt x="2705" y="1"/>
                  </a:lnTo>
                  <a:lnTo>
                    <a:pt x="2706" y="1"/>
                  </a:lnTo>
                  <a:lnTo>
                    <a:pt x="2706" y="1"/>
                  </a:lnTo>
                  <a:lnTo>
                    <a:pt x="2707" y="1"/>
                  </a:lnTo>
                  <a:lnTo>
                    <a:pt x="2707" y="1"/>
                  </a:lnTo>
                  <a:lnTo>
                    <a:pt x="2708" y="1"/>
                  </a:lnTo>
                  <a:lnTo>
                    <a:pt x="2708" y="1"/>
                  </a:lnTo>
                  <a:lnTo>
                    <a:pt x="2709" y="1"/>
                  </a:lnTo>
                  <a:lnTo>
                    <a:pt x="2709" y="1"/>
                  </a:lnTo>
                  <a:lnTo>
                    <a:pt x="2711" y="1"/>
                  </a:lnTo>
                  <a:lnTo>
                    <a:pt x="2711" y="1"/>
                  </a:lnTo>
                  <a:lnTo>
                    <a:pt x="2712" y="1"/>
                  </a:lnTo>
                  <a:lnTo>
                    <a:pt x="2712" y="1"/>
                  </a:lnTo>
                  <a:lnTo>
                    <a:pt x="2713" y="1"/>
                  </a:lnTo>
                  <a:lnTo>
                    <a:pt x="2713" y="1"/>
                  </a:lnTo>
                  <a:lnTo>
                    <a:pt x="2713" y="1"/>
                  </a:lnTo>
                  <a:lnTo>
                    <a:pt x="2713" y="1"/>
                  </a:lnTo>
                  <a:lnTo>
                    <a:pt x="2715" y="1"/>
                  </a:lnTo>
                  <a:lnTo>
                    <a:pt x="2715" y="1"/>
                  </a:lnTo>
                  <a:lnTo>
                    <a:pt x="2715" y="1"/>
                  </a:lnTo>
                  <a:lnTo>
                    <a:pt x="2715" y="1"/>
                  </a:lnTo>
                  <a:lnTo>
                    <a:pt x="2716" y="1"/>
                  </a:lnTo>
                  <a:lnTo>
                    <a:pt x="2716" y="1"/>
                  </a:lnTo>
                  <a:lnTo>
                    <a:pt x="2717" y="1"/>
                  </a:lnTo>
                  <a:lnTo>
                    <a:pt x="2717" y="1"/>
                  </a:lnTo>
                  <a:lnTo>
                    <a:pt x="2718" y="1"/>
                  </a:lnTo>
                  <a:lnTo>
                    <a:pt x="2718" y="1"/>
                  </a:lnTo>
                  <a:lnTo>
                    <a:pt x="2719" y="1"/>
                  </a:lnTo>
                  <a:lnTo>
                    <a:pt x="2719" y="1"/>
                  </a:lnTo>
                  <a:lnTo>
                    <a:pt x="2721" y="1"/>
                  </a:lnTo>
                  <a:lnTo>
                    <a:pt x="2721" y="1"/>
                  </a:lnTo>
                  <a:lnTo>
                    <a:pt x="2722" y="1"/>
                  </a:lnTo>
                  <a:lnTo>
                    <a:pt x="2722" y="1"/>
                  </a:lnTo>
                  <a:lnTo>
                    <a:pt x="2723" y="1"/>
                  </a:lnTo>
                  <a:lnTo>
                    <a:pt x="2723" y="1"/>
                  </a:lnTo>
                  <a:lnTo>
                    <a:pt x="2723" y="1"/>
                  </a:lnTo>
                  <a:lnTo>
                    <a:pt x="2723" y="1"/>
                  </a:lnTo>
                  <a:lnTo>
                    <a:pt x="2725" y="1"/>
                  </a:lnTo>
                  <a:lnTo>
                    <a:pt x="2725" y="1"/>
                  </a:lnTo>
                  <a:lnTo>
                    <a:pt x="2725" y="1"/>
                  </a:lnTo>
                  <a:lnTo>
                    <a:pt x="2725" y="1"/>
                  </a:lnTo>
                  <a:lnTo>
                    <a:pt x="2727" y="3"/>
                  </a:lnTo>
                  <a:lnTo>
                    <a:pt x="2727" y="3"/>
                  </a:lnTo>
                  <a:lnTo>
                    <a:pt x="2727" y="3"/>
                  </a:lnTo>
                  <a:lnTo>
                    <a:pt x="2727" y="3"/>
                  </a:lnTo>
                  <a:lnTo>
                    <a:pt x="2728" y="3"/>
                  </a:lnTo>
                  <a:lnTo>
                    <a:pt x="2728" y="3"/>
                  </a:lnTo>
                  <a:lnTo>
                    <a:pt x="2730" y="3"/>
                  </a:lnTo>
                  <a:lnTo>
                    <a:pt x="2730" y="3"/>
                  </a:lnTo>
                  <a:lnTo>
                    <a:pt x="2731" y="3"/>
                  </a:lnTo>
                  <a:lnTo>
                    <a:pt x="2731" y="3"/>
                  </a:lnTo>
                  <a:lnTo>
                    <a:pt x="2732" y="3"/>
                  </a:lnTo>
                  <a:lnTo>
                    <a:pt x="2732" y="3"/>
                  </a:lnTo>
                  <a:lnTo>
                    <a:pt x="2733" y="3"/>
                  </a:lnTo>
                  <a:lnTo>
                    <a:pt x="2733" y="3"/>
                  </a:lnTo>
                  <a:lnTo>
                    <a:pt x="2733" y="3"/>
                  </a:lnTo>
                  <a:lnTo>
                    <a:pt x="2733" y="3"/>
                  </a:lnTo>
                  <a:lnTo>
                    <a:pt x="2746" y="3"/>
                  </a:lnTo>
                  <a:lnTo>
                    <a:pt x="2746" y="3"/>
                  </a:lnTo>
                  <a:lnTo>
                    <a:pt x="2746" y="3"/>
                  </a:lnTo>
                  <a:lnTo>
                    <a:pt x="2749" y="3"/>
                  </a:lnTo>
                  <a:lnTo>
                    <a:pt x="2749" y="3"/>
                  </a:lnTo>
                  <a:lnTo>
                    <a:pt x="2749" y="3"/>
                  </a:lnTo>
                  <a:lnTo>
                    <a:pt x="2749" y="3"/>
                  </a:lnTo>
                  <a:lnTo>
                    <a:pt x="2751" y="3"/>
                  </a:lnTo>
                  <a:lnTo>
                    <a:pt x="2751" y="3"/>
                  </a:lnTo>
                  <a:lnTo>
                    <a:pt x="2751" y="3"/>
                  </a:lnTo>
                  <a:lnTo>
                    <a:pt x="2753" y="3"/>
                  </a:lnTo>
                  <a:lnTo>
                    <a:pt x="2753" y="3"/>
                  </a:lnTo>
                  <a:lnTo>
                    <a:pt x="2753" y="3"/>
                  </a:lnTo>
                  <a:lnTo>
                    <a:pt x="2753" y="3"/>
                  </a:lnTo>
                  <a:lnTo>
                    <a:pt x="2754" y="4"/>
                  </a:lnTo>
                  <a:lnTo>
                    <a:pt x="2754" y="4"/>
                  </a:lnTo>
                  <a:lnTo>
                    <a:pt x="2755" y="4"/>
                  </a:lnTo>
                  <a:lnTo>
                    <a:pt x="2755" y="4"/>
                  </a:lnTo>
                  <a:lnTo>
                    <a:pt x="2757" y="4"/>
                  </a:lnTo>
                  <a:lnTo>
                    <a:pt x="2757" y="4"/>
                  </a:lnTo>
                  <a:lnTo>
                    <a:pt x="2757" y="4"/>
                  </a:lnTo>
                  <a:lnTo>
                    <a:pt x="2757" y="4"/>
                  </a:lnTo>
                  <a:lnTo>
                    <a:pt x="2761" y="4"/>
                  </a:lnTo>
                  <a:lnTo>
                    <a:pt x="2761" y="4"/>
                  </a:lnTo>
                  <a:lnTo>
                    <a:pt x="2761" y="4"/>
                  </a:lnTo>
                  <a:lnTo>
                    <a:pt x="2822" y="7"/>
                  </a:lnTo>
                  <a:lnTo>
                    <a:pt x="2883" y="12"/>
                  </a:lnTo>
                  <a:lnTo>
                    <a:pt x="2944" y="18"/>
                  </a:lnTo>
                  <a:lnTo>
                    <a:pt x="3003" y="25"/>
                  </a:lnTo>
                  <a:lnTo>
                    <a:pt x="3064" y="35"/>
                  </a:lnTo>
                  <a:lnTo>
                    <a:pt x="3122" y="45"/>
                  </a:lnTo>
                  <a:lnTo>
                    <a:pt x="3182" y="57"/>
                  </a:lnTo>
                  <a:lnTo>
                    <a:pt x="3240" y="68"/>
                  </a:lnTo>
                  <a:lnTo>
                    <a:pt x="3297" y="82"/>
                  </a:lnTo>
                  <a:lnTo>
                    <a:pt x="3356" y="98"/>
                  </a:lnTo>
                  <a:lnTo>
                    <a:pt x="3412" y="114"/>
                  </a:lnTo>
                  <a:lnTo>
                    <a:pt x="3468" y="132"/>
                  </a:lnTo>
                  <a:lnTo>
                    <a:pt x="3524" y="151"/>
                  </a:lnTo>
                  <a:lnTo>
                    <a:pt x="3579" y="170"/>
                  </a:lnTo>
                  <a:lnTo>
                    <a:pt x="3634" y="192"/>
                  </a:lnTo>
                  <a:lnTo>
                    <a:pt x="3688" y="213"/>
                  </a:lnTo>
                  <a:lnTo>
                    <a:pt x="3740" y="237"/>
                  </a:lnTo>
                  <a:lnTo>
                    <a:pt x="3793" y="261"/>
                  </a:lnTo>
                  <a:lnTo>
                    <a:pt x="3846" y="287"/>
                  </a:lnTo>
                  <a:lnTo>
                    <a:pt x="3897" y="313"/>
                  </a:lnTo>
                  <a:lnTo>
                    <a:pt x="3948" y="341"/>
                  </a:lnTo>
                  <a:lnTo>
                    <a:pt x="3997" y="369"/>
                  </a:lnTo>
                  <a:lnTo>
                    <a:pt x="4047" y="399"/>
                  </a:lnTo>
                  <a:lnTo>
                    <a:pt x="4096" y="429"/>
                  </a:lnTo>
                  <a:lnTo>
                    <a:pt x="4143" y="460"/>
                  </a:lnTo>
                  <a:lnTo>
                    <a:pt x="4190" y="494"/>
                  </a:lnTo>
                  <a:lnTo>
                    <a:pt x="4236" y="527"/>
                  </a:lnTo>
                  <a:lnTo>
                    <a:pt x="4282" y="562"/>
                  </a:lnTo>
                  <a:lnTo>
                    <a:pt x="4327" y="597"/>
                  </a:lnTo>
                  <a:lnTo>
                    <a:pt x="4371" y="633"/>
                  </a:lnTo>
                  <a:lnTo>
                    <a:pt x="4413" y="671"/>
                  </a:lnTo>
                  <a:lnTo>
                    <a:pt x="4456" y="709"/>
                  </a:lnTo>
                  <a:lnTo>
                    <a:pt x="4496" y="748"/>
                  </a:lnTo>
                  <a:lnTo>
                    <a:pt x="4537" y="788"/>
                  </a:lnTo>
                  <a:lnTo>
                    <a:pt x="4576" y="829"/>
                  </a:lnTo>
                  <a:lnTo>
                    <a:pt x="4615" y="870"/>
                  </a:lnTo>
                  <a:lnTo>
                    <a:pt x="4652" y="912"/>
                  </a:lnTo>
                  <a:lnTo>
                    <a:pt x="4689" y="955"/>
                  </a:lnTo>
                  <a:lnTo>
                    <a:pt x="4725" y="999"/>
                  </a:lnTo>
                  <a:lnTo>
                    <a:pt x="4760" y="1044"/>
                  </a:lnTo>
                  <a:lnTo>
                    <a:pt x="4794" y="1089"/>
                  </a:lnTo>
                  <a:lnTo>
                    <a:pt x="4826" y="1135"/>
                  </a:lnTo>
                  <a:lnTo>
                    <a:pt x="4858" y="1182"/>
                  </a:lnTo>
                  <a:lnTo>
                    <a:pt x="4888" y="1229"/>
                  </a:lnTo>
                  <a:lnTo>
                    <a:pt x="4918" y="1278"/>
                  </a:lnTo>
                  <a:lnTo>
                    <a:pt x="4946" y="1327"/>
                  </a:lnTo>
                  <a:lnTo>
                    <a:pt x="4973" y="1376"/>
                  </a:lnTo>
                  <a:lnTo>
                    <a:pt x="5000" y="1427"/>
                  </a:lnTo>
                  <a:lnTo>
                    <a:pt x="5025" y="1478"/>
                  </a:lnTo>
                  <a:lnTo>
                    <a:pt x="5048" y="1530"/>
                  </a:lnTo>
                  <a:lnTo>
                    <a:pt x="5072" y="1581"/>
                  </a:lnTo>
                  <a:lnTo>
                    <a:pt x="5093" y="1633"/>
                  </a:lnTo>
                  <a:lnTo>
                    <a:pt x="5113" y="1687"/>
                  </a:lnTo>
                  <a:lnTo>
                    <a:pt x="5132" y="1740"/>
                  </a:lnTo>
                  <a:lnTo>
                    <a:pt x="5150" y="1795"/>
                  </a:lnTo>
                  <a:lnTo>
                    <a:pt x="5167" y="1849"/>
                  </a:lnTo>
                  <a:lnTo>
                    <a:pt x="5183" y="1905"/>
                  </a:lnTo>
                  <a:lnTo>
                    <a:pt x="5198" y="1960"/>
                  </a:lnTo>
                  <a:lnTo>
                    <a:pt x="5210" y="2017"/>
                  </a:lnTo>
                  <a:lnTo>
                    <a:pt x="5222" y="2074"/>
                  </a:lnTo>
                  <a:lnTo>
                    <a:pt x="5232" y="2131"/>
                  </a:lnTo>
                  <a:lnTo>
                    <a:pt x="5241" y="2188"/>
                  </a:lnTo>
                  <a:lnTo>
                    <a:pt x="5249" y="2247"/>
                  </a:lnTo>
                  <a:lnTo>
                    <a:pt x="5255" y="2305"/>
                  </a:lnTo>
                  <a:lnTo>
                    <a:pt x="5255" y="2305"/>
                  </a:lnTo>
                  <a:lnTo>
                    <a:pt x="5231" y="2277"/>
                  </a:lnTo>
                  <a:lnTo>
                    <a:pt x="5207" y="2250"/>
                  </a:lnTo>
                  <a:lnTo>
                    <a:pt x="5181" y="2223"/>
                  </a:lnTo>
                  <a:lnTo>
                    <a:pt x="5155" y="2197"/>
                  </a:lnTo>
                  <a:lnTo>
                    <a:pt x="5128" y="2170"/>
                  </a:lnTo>
                  <a:lnTo>
                    <a:pt x="5101" y="2144"/>
                  </a:lnTo>
                  <a:lnTo>
                    <a:pt x="5044" y="2093"/>
                  </a:lnTo>
                  <a:lnTo>
                    <a:pt x="4984" y="2044"/>
                  </a:lnTo>
                  <a:lnTo>
                    <a:pt x="4924" y="1995"/>
                  </a:lnTo>
                  <a:lnTo>
                    <a:pt x="4860" y="1947"/>
                  </a:lnTo>
                  <a:lnTo>
                    <a:pt x="4794" y="1902"/>
                  </a:lnTo>
                  <a:lnTo>
                    <a:pt x="4725" y="1858"/>
                  </a:lnTo>
                  <a:lnTo>
                    <a:pt x="4655" y="1815"/>
                  </a:lnTo>
                  <a:lnTo>
                    <a:pt x="4582" y="1774"/>
                  </a:lnTo>
                  <a:lnTo>
                    <a:pt x="4507" y="1734"/>
                  </a:lnTo>
                  <a:lnTo>
                    <a:pt x="4429" y="1695"/>
                  </a:lnTo>
                  <a:lnTo>
                    <a:pt x="4351" y="1658"/>
                  </a:lnTo>
                  <a:lnTo>
                    <a:pt x="4270" y="1623"/>
                  </a:lnTo>
                  <a:lnTo>
                    <a:pt x="4187" y="1590"/>
                  </a:lnTo>
                  <a:lnTo>
                    <a:pt x="4103" y="1559"/>
                  </a:lnTo>
                  <a:lnTo>
                    <a:pt x="4016" y="1528"/>
                  </a:lnTo>
                  <a:lnTo>
                    <a:pt x="3929" y="1500"/>
                  </a:lnTo>
                  <a:lnTo>
                    <a:pt x="3839" y="1474"/>
                  </a:lnTo>
                  <a:lnTo>
                    <a:pt x="3748" y="1450"/>
                  </a:lnTo>
                  <a:lnTo>
                    <a:pt x="3655" y="1427"/>
                  </a:lnTo>
                  <a:lnTo>
                    <a:pt x="3562" y="1406"/>
                  </a:lnTo>
                  <a:lnTo>
                    <a:pt x="3467" y="1388"/>
                  </a:lnTo>
                  <a:lnTo>
                    <a:pt x="3370" y="1372"/>
                  </a:lnTo>
                  <a:lnTo>
                    <a:pt x="3271" y="1358"/>
                  </a:lnTo>
                  <a:lnTo>
                    <a:pt x="3173" y="1345"/>
                  </a:lnTo>
                  <a:lnTo>
                    <a:pt x="3073" y="1335"/>
                  </a:lnTo>
                  <a:lnTo>
                    <a:pt x="2972" y="1328"/>
                  </a:lnTo>
                  <a:lnTo>
                    <a:pt x="2870" y="1321"/>
                  </a:lnTo>
                  <a:lnTo>
                    <a:pt x="2767" y="1318"/>
                  </a:lnTo>
                  <a:lnTo>
                    <a:pt x="2662" y="1317"/>
                  </a:lnTo>
                  <a:lnTo>
                    <a:pt x="2662" y="1317"/>
                  </a:lnTo>
                  <a:lnTo>
                    <a:pt x="2553" y="1318"/>
                  </a:lnTo>
                  <a:lnTo>
                    <a:pt x="2445" y="1322"/>
                  </a:lnTo>
                  <a:lnTo>
                    <a:pt x="2338" y="1329"/>
                  </a:lnTo>
                  <a:lnTo>
                    <a:pt x="2233" y="1337"/>
                  </a:lnTo>
                  <a:lnTo>
                    <a:pt x="2127" y="1348"/>
                  </a:lnTo>
                  <a:lnTo>
                    <a:pt x="2024" y="1361"/>
                  </a:lnTo>
                  <a:lnTo>
                    <a:pt x="1922" y="1377"/>
                  </a:lnTo>
                  <a:lnTo>
                    <a:pt x="1821" y="1396"/>
                  </a:lnTo>
                  <a:lnTo>
                    <a:pt x="1722" y="1415"/>
                  </a:lnTo>
                  <a:lnTo>
                    <a:pt x="1625" y="1438"/>
                  </a:lnTo>
                  <a:lnTo>
                    <a:pt x="1528" y="1463"/>
                  </a:lnTo>
                  <a:lnTo>
                    <a:pt x="1434" y="1489"/>
                  </a:lnTo>
                  <a:lnTo>
                    <a:pt x="1341" y="1518"/>
                  </a:lnTo>
                  <a:lnTo>
                    <a:pt x="1250" y="1548"/>
                  </a:lnTo>
                  <a:lnTo>
                    <a:pt x="1161" y="1580"/>
                  </a:lnTo>
                  <a:lnTo>
                    <a:pt x="1074" y="1615"/>
                  </a:lnTo>
                  <a:lnTo>
                    <a:pt x="989" y="1652"/>
                  </a:lnTo>
                  <a:lnTo>
                    <a:pt x="906" y="1689"/>
                  </a:lnTo>
                  <a:lnTo>
                    <a:pt x="825" y="1729"/>
                  </a:lnTo>
                  <a:lnTo>
                    <a:pt x="746" y="1771"/>
                  </a:lnTo>
                  <a:lnTo>
                    <a:pt x="670" y="1815"/>
                  </a:lnTo>
                  <a:lnTo>
                    <a:pt x="633" y="1837"/>
                  </a:lnTo>
                  <a:lnTo>
                    <a:pt x="596" y="1860"/>
                  </a:lnTo>
                  <a:lnTo>
                    <a:pt x="560" y="1883"/>
                  </a:lnTo>
                  <a:lnTo>
                    <a:pt x="524" y="1906"/>
                  </a:lnTo>
                  <a:lnTo>
                    <a:pt x="489" y="1930"/>
                  </a:lnTo>
                  <a:lnTo>
                    <a:pt x="456" y="1954"/>
                  </a:lnTo>
                  <a:lnTo>
                    <a:pt x="422" y="1979"/>
                  </a:lnTo>
                  <a:lnTo>
                    <a:pt x="388" y="2004"/>
                  </a:lnTo>
                  <a:lnTo>
                    <a:pt x="357" y="2030"/>
                  </a:lnTo>
                  <a:lnTo>
                    <a:pt x="324" y="2055"/>
                  </a:lnTo>
                  <a:lnTo>
                    <a:pt x="294" y="2081"/>
                  </a:lnTo>
                  <a:lnTo>
                    <a:pt x="264" y="2107"/>
                  </a:lnTo>
                  <a:lnTo>
                    <a:pt x="234" y="2134"/>
                  </a:lnTo>
                  <a:lnTo>
                    <a:pt x="206" y="2161"/>
                  </a:lnTo>
                  <a:lnTo>
                    <a:pt x="178" y="2189"/>
                  </a:lnTo>
                  <a:lnTo>
                    <a:pt x="149" y="2216"/>
                  </a:lnTo>
                  <a:lnTo>
                    <a:pt x="123" y="2244"/>
                  </a:lnTo>
                  <a:lnTo>
                    <a:pt x="97" y="2274"/>
                  </a:lnTo>
                  <a:lnTo>
                    <a:pt x="72" y="2302"/>
                  </a:lnTo>
                  <a:lnTo>
                    <a:pt x="47" y="2331"/>
                  </a:lnTo>
                  <a:lnTo>
                    <a:pt x="24" y="2360"/>
                  </a:lnTo>
                  <a:lnTo>
                    <a:pt x="0" y="2390"/>
                  </a:lnTo>
                  <a:lnTo>
                    <a:pt x="0" y="2390"/>
                  </a:lnTo>
                  <a:lnTo>
                    <a:pt x="5" y="2330"/>
                  </a:lnTo>
                  <a:lnTo>
                    <a:pt x="10" y="2270"/>
                  </a:lnTo>
                  <a:lnTo>
                    <a:pt x="17" y="2211"/>
                  </a:lnTo>
                  <a:lnTo>
                    <a:pt x="26" y="2153"/>
                  </a:lnTo>
                  <a:lnTo>
                    <a:pt x="36" y="2094"/>
                  </a:lnTo>
                  <a:lnTo>
                    <a:pt x="47" y="2037"/>
                  </a:lnTo>
                  <a:lnTo>
                    <a:pt x="60" y="1979"/>
                  </a:lnTo>
                  <a:lnTo>
                    <a:pt x="74" y="1923"/>
                  </a:lnTo>
                  <a:lnTo>
                    <a:pt x="90" y="1866"/>
                  </a:lnTo>
                  <a:lnTo>
                    <a:pt x="106" y="1810"/>
                  </a:lnTo>
                  <a:lnTo>
                    <a:pt x="124" y="1755"/>
                  </a:lnTo>
                  <a:lnTo>
                    <a:pt x="144" y="1700"/>
                  </a:lnTo>
                  <a:lnTo>
                    <a:pt x="164" y="1646"/>
                  </a:lnTo>
                  <a:lnTo>
                    <a:pt x="185" y="1592"/>
                  </a:lnTo>
                  <a:lnTo>
                    <a:pt x="209" y="1539"/>
                  </a:lnTo>
                  <a:lnTo>
                    <a:pt x="232" y="1486"/>
                  </a:lnTo>
                  <a:lnTo>
                    <a:pt x="258" y="1435"/>
                  </a:lnTo>
                  <a:lnTo>
                    <a:pt x="284" y="1384"/>
                  </a:lnTo>
                  <a:lnTo>
                    <a:pt x="312" y="1333"/>
                  </a:lnTo>
                  <a:lnTo>
                    <a:pt x="340" y="1283"/>
                  </a:lnTo>
                  <a:lnTo>
                    <a:pt x="370" y="1235"/>
                  </a:lnTo>
                  <a:lnTo>
                    <a:pt x="402" y="1186"/>
                  </a:lnTo>
                  <a:lnTo>
                    <a:pt x="433" y="1139"/>
                  </a:lnTo>
                  <a:lnTo>
                    <a:pt x="467" y="1091"/>
                  </a:lnTo>
                  <a:lnTo>
                    <a:pt x="501" y="1045"/>
                  </a:lnTo>
                  <a:lnTo>
                    <a:pt x="536" y="999"/>
                  </a:lnTo>
                  <a:lnTo>
                    <a:pt x="572" y="955"/>
                  </a:lnTo>
                  <a:lnTo>
                    <a:pt x="609" y="911"/>
                  </a:lnTo>
                  <a:lnTo>
                    <a:pt x="648" y="869"/>
                  </a:lnTo>
                  <a:lnTo>
                    <a:pt x="687" y="827"/>
                  </a:lnTo>
                  <a:lnTo>
                    <a:pt x="727" y="784"/>
                  </a:lnTo>
                  <a:lnTo>
                    <a:pt x="769" y="744"/>
                  </a:lnTo>
                  <a:lnTo>
                    <a:pt x="810" y="705"/>
                  </a:lnTo>
                  <a:lnTo>
                    <a:pt x="854" y="666"/>
                  </a:lnTo>
                  <a:lnTo>
                    <a:pt x="898" y="628"/>
                  </a:lnTo>
                  <a:lnTo>
                    <a:pt x="941" y="591"/>
                  </a:lnTo>
                  <a:lnTo>
                    <a:pt x="987" y="555"/>
                  </a:lnTo>
                  <a:lnTo>
                    <a:pt x="1033" y="521"/>
                  </a:lnTo>
                  <a:lnTo>
                    <a:pt x="1081" y="486"/>
                  </a:lnTo>
                  <a:lnTo>
                    <a:pt x="1129" y="454"/>
                  </a:lnTo>
                  <a:lnTo>
                    <a:pt x="1178" y="422"/>
                  </a:lnTo>
                  <a:lnTo>
                    <a:pt x="1228" y="391"/>
                  </a:lnTo>
                  <a:lnTo>
                    <a:pt x="1278" y="361"/>
                  </a:lnTo>
                  <a:lnTo>
                    <a:pt x="1328" y="332"/>
                  </a:lnTo>
                  <a:lnTo>
                    <a:pt x="1380" y="305"/>
                  </a:lnTo>
                  <a:lnTo>
                    <a:pt x="1433" y="278"/>
                  </a:lnTo>
                  <a:lnTo>
                    <a:pt x="1486" y="252"/>
                  </a:lnTo>
                  <a:lnTo>
                    <a:pt x="1539" y="228"/>
                  </a:lnTo>
                  <a:lnTo>
                    <a:pt x="1594" y="205"/>
                  </a:lnTo>
                  <a:lnTo>
                    <a:pt x="1649" y="183"/>
                  </a:lnTo>
                  <a:lnTo>
                    <a:pt x="1705" y="162"/>
                  </a:lnTo>
                  <a:lnTo>
                    <a:pt x="1761" y="142"/>
                  </a:lnTo>
                  <a:lnTo>
                    <a:pt x="1819" y="124"/>
                  </a:lnTo>
                  <a:lnTo>
                    <a:pt x="1876" y="106"/>
                  </a:lnTo>
                  <a:lnTo>
                    <a:pt x="1934" y="90"/>
                  </a:lnTo>
                  <a:lnTo>
                    <a:pt x="1993" y="76"/>
                  </a:lnTo>
                  <a:lnTo>
                    <a:pt x="2051" y="62"/>
                  </a:lnTo>
                  <a:lnTo>
                    <a:pt x="2111" y="50"/>
                  </a:lnTo>
                  <a:lnTo>
                    <a:pt x="2171" y="39"/>
                  </a:lnTo>
                  <a:lnTo>
                    <a:pt x="2232" y="30"/>
                  </a:lnTo>
                  <a:lnTo>
                    <a:pt x="2292" y="21"/>
                  </a:lnTo>
                  <a:lnTo>
                    <a:pt x="2354" y="14"/>
                  </a:lnTo>
                  <a:lnTo>
                    <a:pt x="2415" y="9"/>
                  </a:lnTo>
                  <a:lnTo>
                    <a:pt x="2478" y="5"/>
                  </a:lnTo>
                  <a:lnTo>
                    <a:pt x="2478" y="5"/>
                  </a:lnTo>
                  <a:lnTo>
                    <a:pt x="2478" y="5"/>
                  </a:lnTo>
                  <a:lnTo>
                    <a:pt x="2479" y="5"/>
                  </a:lnTo>
                  <a:lnTo>
                    <a:pt x="2481" y="5"/>
                  </a:lnTo>
                  <a:lnTo>
                    <a:pt x="2481" y="5"/>
                  </a:lnTo>
                  <a:lnTo>
                    <a:pt x="2482" y="5"/>
                  </a:lnTo>
                  <a:lnTo>
                    <a:pt x="2482" y="5"/>
                  </a:lnTo>
                  <a:lnTo>
                    <a:pt x="2482" y="5"/>
                  </a:lnTo>
                  <a:lnTo>
                    <a:pt x="2486" y="4"/>
                  </a:lnTo>
                  <a:lnTo>
                    <a:pt x="2486" y="4"/>
                  </a:lnTo>
                  <a:lnTo>
                    <a:pt x="2486" y="4"/>
                  </a:lnTo>
                  <a:lnTo>
                    <a:pt x="2488" y="4"/>
                  </a:lnTo>
                  <a:lnTo>
                    <a:pt x="2488" y="4"/>
                  </a:lnTo>
                  <a:lnTo>
                    <a:pt x="2488" y="4"/>
                  </a:lnTo>
                  <a:lnTo>
                    <a:pt x="2488" y="4"/>
                  </a:lnTo>
                  <a:lnTo>
                    <a:pt x="2490" y="4"/>
                  </a:lnTo>
                  <a:lnTo>
                    <a:pt x="2490" y="4"/>
                  </a:lnTo>
                  <a:lnTo>
                    <a:pt x="2491" y="4"/>
                  </a:lnTo>
                  <a:lnTo>
                    <a:pt x="2491" y="4"/>
                  </a:lnTo>
                  <a:lnTo>
                    <a:pt x="2492" y="4"/>
                  </a:lnTo>
                  <a:lnTo>
                    <a:pt x="2492" y="4"/>
                  </a:lnTo>
                  <a:lnTo>
                    <a:pt x="2492" y="4"/>
                  </a:lnTo>
                  <a:lnTo>
                    <a:pt x="2492" y="4"/>
                  </a:lnTo>
                  <a:lnTo>
                    <a:pt x="2494" y="4"/>
                  </a:lnTo>
                  <a:lnTo>
                    <a:pt x="2494" y="4"/>
                  </a:lnTo>
                  <a:lnTo>
                    <a:pt x="2494" y="4"/>
                  </a:lnTo>
                  <a:lnTo>
                    <a:pt x="2494" y="4"/>
                  </a:lnTo>
                  <a:lnTo>
                    <a:pt x="2496" y="4"/>
                  </a:lnTo>
                  <a:lnTo>
                    <a:pt x="2496" y="4"/>
                  </a:lnTo>
                  <a:lnTo>
                    <a:pt x="2496" y="4"/>
                  </a:lnTo>
                  <a:lnTo>
                    <a:pt x="2496" y="4"/>
                  </a:lnTo>
                  <a:lnTo>
                    <a:pt x="2499" y="4"/>
                  </a:lnTo>
                  <a:lnTo>
                    <a:pt x="2499" y="4"/>
                  </a:lnTo>
                  <a:lnTo>
                    <a:pt x="2499" y="4"/>
                  </a:lnTo>
                  <a:lnTo>
                    <a:pt x="2499" y="4"/>
                  </a:lnTo>
                  <a:lnTo>
                    <a:pt x="2502" y="4"/>
                  </a:lnTo>
                  <a:lnTo>
                    <a:pt x="2503" y="4"/>
                  </a:lnTo>
                  <a:lnTo>
                    <a:pt x="2503" y="4"/>
                  </a:lnTo>
                  <a:lnTo>
                    <a:pt x="2504" y="4"/>
                  </a:lnTo>
                  <a:lnTo>
                    <a:pt x="2504" y="4"/>
                  </a:lnTo>
                  <a:lnTo>
                    <a:pt x="2504" y="4"/>
                  </a:lnTo>
                  <a:lnTo>
                    <a:pt x="2504" y="4"/>
                  </a:lnTo>
                  <a:lnTo>
                    <a:pt x="2506" y="4"/>
                  </a:lnTo>
                  <a:lnTo>
                    <a:pt x="2506" y="4"/>
                  </a:lnTo>
                  <a:lnTo>
                    <a:pt x="2506" y="4"/>
                  </a:lnTo>
                  <a:lnTo>
                    <a:pt x="2506" y="4"/>
                  </a:lnTo>
                  <a:lnTo>
                    <a:pt x="2524" y="3"/>
                  </a:lnTo>
                  <a:lnTo>
                    <a:pt x="2524" y="3"/>
                  </a:lnTo>
                  <a:lnTo>
                    <a:pt x="2524" y="3"/>
                  </a:lnTo>
                  <a:lnTo>
                    <a:pt x="2527" y="3"/>
                  </a:lnTo>
                  <a:lnTo>
                    <a:pt x="2527" y="3"/>
                  </a:lnTo>
                  <a:lnTo>
                    <a:pt x="2527" y="3"/>
                  </a:lnTo>
                  <a:lnTo>
                    <a:pt x="2527" y="3"/>
                  </a:lnTo>
                  <a:lnTo>
                    <a:pt x="2529" y="3"/>
                  </a:lnTo>
                  <a:lnTo>
                    <a:pt x="2529" y="3"/>
                  </a:lnTo>
                  <a:lnTo>
                    <a:pt x="2529" y="3"/>
                  </a:lnTo>
                  <a:lnTo>
                    <a:pt x="2529" y="3"/>
                  </a:lnTo>
                  <a:lnTo>
                    <a:pt x="2530" y="3"/>
                  </a:lnTo>
                  <a:lnTo>
                    <a:pt x="2530" y="3"/>
                  </a:lnTo>
                  <a:lnTo>
                    <a:pt x="2531" y="3"/>
                  </a:lnTo>
                  <a:lnTo>
                    <a:pt x="2531" y="3"/>
                  </a:lnTo>
                  <a:lnTo>
                    <a:pt x="2532" y="3"/>
                  </a:lnTo>
                  <a:lnTo>
                    <a:pt x="2532" y="3"/>
                  </a:lnTo>
                  <a:lnTo>
                    <a:pt x="2533" y="3"/>
                  </a:lnTo>
                  <a:lnTo>
                    <a:pt x="2533" y="3"/>
                  </a:lnTo>
                  <a:lnTo>
                    <a:pt x="2534" y="3"/>
                  </a:lnTo>
                  <a:lnTo>
                    <a:pt x="2534" y="3"/>
                  </a:lnTo>
                  <a:lnTo>
                    <a:pt x="2536" y="3"/>
                  </a:lnTo>
                  <a:lnTo>
                    <a:pt x="2536" y="3"/>
                  </a:lnTo>
                  <a:lnTo>
                    <a:pt x="2537" y="1"/>
                  </a:lnTo>
                  <a:lnTo>
                    <a:pt x="2537" y="1"/>
                  </a:lnTo>
                  <a:lnTo>
                    <a:pt x="2537" y="1"/>
                  </a:lnTo>
                  <a:lnTo>
                    <a:pt x="2537" y="1"/>
                  </a:lnTo>
                  <a:lnTo>
                    <a:pt x="2539" y="1"/>
                  </a:lnTo>
                  <a:lnTo>
                    <a:pt x="2539" y="1"/>
                  </a:lnTo>
                  <a:lnTo>
                    <a:pt x="2539" y="1"/>
                  </a:lnTo>
                  <a:lnTo>
                    <a:pt x="2539" y="1"/>
                  </a:lnTo>
                  <a:lnTo>
                    <a:pt x="2540" y="1"/>
                  </a:lnTo>
                  <a:lnTo>
                    <a:pt x="2540" y="1"/>
                  </a:lnTo>
                  <a:lnTo>
                    <a:pt x="2541" y="1"/>
                  </a:lnTo>
                  <a:lnTo>
                    <a:pt x="2541" y="1"/>
                  </a:lnTo>
                  <a:lnTo>
                    <a:pt x="2542" y="1"/>
                  </a:lnTo>
                  <a:lnTo>
                    <a:pt x="2542" y="1"/>
                  </a:lnTo>
                  <a:lnTo>
                    <a:pt x="2543" y="1"/>
                  </a:lnTo>
                  <a:lnTo>
                    <a:pt x="2543" y="1"/>
                  </a:lnTo>
                  <a:lnTo>
                    <a:pt x="2544" y="1"/>
                  </a:lnTo>
                  <a:lnTo>
                    <a:pt x="2544" y="1"/>
                  </a:lnTo>
                  <a:lnTo>
                    <a:pt x="2546" y="1"/>
                  </a:lnTo>
                  <a:lnTo>
                    <a:pt x="2546" y="1"/>
                  </a:lnTo>
                  <a:lnTo>
                    <a:pt x="2547" y="1"/>
                  </a:lnTo>
                  <a:lnTo>
                    <a:pt x="2547" y="1"/>
                  </a:lnTo>
                  <a:lnTo>
                    <a:pt x="2548" y="1"/>
                  </a:lnTo>
                  <a:lnTo>
                    <a:pt x="2548" y="1"/>
                  </a:lnTo>
                  <a:lnTo>
                    <a:pt x="2549" y="1"/>
                  </a:lnTo>
                  <a:lnTo>
                    <a:pt x="2549" y="1"/>
                  </a:lnTo>
                  <a:lnTo>
                    <a:pt x="2549" y="1"/>
                  </a:lnTo>
                  <a:lnTo>
                    <a:pt x="2549" y="1"/>
                  </a:lnTo>
                  <a:lnTo>
                    <a:pt x="2551" y="1"/>
                  </a:lnTo>
                  <a:lnTo>
                    <a:pt x="2551" y="1"/>
                  </a:lnTo>
                  <a:lnTo>
                    <a:pt x="2551" y="1"/>
                  </a:lnTo>
                  <a:lnTo>
                    <a:pt x="2551" y="1"/>
                  </a:lnTo>
                  <a:lnTo>
                    <a:pt x="2552" y="1"/>
                  </a:lnTo>
                  <a:lnTo>
                    <a:pt x="2552" y="1"/>
                  </a:lnTo>
                  <a:lnTo>
                    <a:pt x="2553" y="1"/>
                  </a:lnTo>
                  <a:lnTo>
                    <a:pt x="2553" y="1"/>
                  </a:lnTo>
                  <a:lnTo>
                    <a:pt x="2555" y="1"/>
                  </a:lnTo>
                  <a:lnTo>
                    <a:pt x="2555" y="1"/>
                  </a:lnTo>
                  <a:lnTo>
                    <a:pt x="2556" y="1"/>
                  </a:lnTo>
                  <a:lnTo>
                    <a:pt x="2556" y="1"/>
                  </a:lnTo>
                  <a:lnTo>
                    <a:pt x="2557" y="1"/>
                  </a:lnTo>
                  <a:lnTo>
                    <a:pt x="2557" y="1"/>
                  </a:lnTo>
                  <a:lnTo>
                    <a:pt x="2558" y="1"/>
                  </a:lnTo>
                  <a:lnTo>
                    <a:pt x="2558" y="1"/>
                  </a:lnTo>
                  <a:lnTo>
                    <a:pt x="2559" y="1"/>
                  </a:lnTo>
                  <a:lnTo>
                    <a:pt x="2559" y="1"/>
                  </a:lnTo>
                  <a:lnTo>
                    <a:pt x="2560" y="1"/>
                  </a:lnTo>
                  <a:lnTo>
                    <a:pt x="2560" y="1"/>
                  </a:lnTo>
                  <a:lnTo>
                    <a:pt x="2561" y="1"/>
                  </a:lnTo>
                  <a:lnTo>
                    <a:pt x="2561" y="1"/>
                  </a:lnTo>
                  <a:lnTo>
                    <a:pt x="2562" y="1"/>
                  </a:lnTo>
                  <a:lnTo>
                    <a:pt x="2562" y="1"/>
                  </a:lnTo>
                  <a:lnTo>
                    <a:pt x="2564" y="1"/>
                  </a:lnTo>
                  <a:lnTo>
                    <a:pt x="2564" y="1"/>
                  </a:lnTo>
                  <a:lnTo>
                    <a:pt x="2565" y="1"/>
                  </a:lnTo>
                  <a:lnTo>
                    <a:pt x="2565" y="1"/>
                  </a:lnTo>
                  <a:lnTo>
                    <a:pt x="2566" y="1"/>
                  </a:lnTo>
                  <a:lnTo>
                    <a:pt x="2566" y="1"/>
                  </a:lnTo>
                  <a:lnTo>
                    <a:pt x="2566" y="1"/>
                  </a:lnTo>
                  <a:lnTo>
                    <a:pt x="2566" y="1"/>
                  </a:lnTo>
                  <a:lnTo>
                    <a:pt x="2567" y="1"/>
                  </a:lnTo>
                  <a:lnTo>
                    <a:pt x="2567" y="1"/>
                  </a:lnTo>
                  <a:lnTo>
                    <a:pt x="2568" y="1"/>
                  </a:lnTo>
                  <a:lnTo>
                    <a:pt x="2568" y="1"/>
                  </a:lnTo>
                  <a:lnTo>
                    <a:pt x="2569" y="1"/>
                  </a:lnTo>
                  <a:lnTo>
                    <a:pt x="2569" y="1"/>
                  </a:lnTo>
                  <a:lnTo>
                    <a:pt x="2571" y="1"/>
                  </a:lnTo>
                  <a:lnTo>
                    <a:pt x="2571" y="1"/>
                  </a:lnTo>
                  <a:lnTo>
                    <a:pt x="2571" y="1"/>
                  </a:lnTo>
                  <a:lnTo>
                    <a:pt x="2571" y="1"/>
                  </a:lnTo>
                  <a:lnTo>
                    <a:pt x="2573" y="1"/>
                  </a:lnTo>
                  <a:lnTo>
                    <a:pt x="2573" y="1"/>
                  </a:lnTo>
                  <a:lnTo>
                    <a:pt x="2575" y="1"/>
                  </a:lnTo>
                  <a:lnTo>
                    <a:pt x="2575" y="1"/>
                  </a:lnTo>
                  <a:lnTo>
                    <a:pt x="2576" y="1"/>
                  </a:lnTo>
                  <a:lnTo>
                    <a:pt x="2576" y="1"/>
                  </a:lnTo>
                  <a:lnTo>
                    <a:pt x="2577" y="0"/>
                  </a:lnTo>
                  <a:lnTo>
                    <a:pt x="2577" y="0"/>
                  </a:lnTo>
                  <a:lnTo>
                    <a:pt x="2578" y="0"/>
                  </a:lnTo>
                  <a:lnTo>
                    <a:pt x="2578" y="0"/>
                  </a:lnTo>
                  <a:lnTo>
                    <a:pt x="2578" y="0"/>
                  </a:lnTo>
                  <a:lnTo>
                    <a:pt x="2578" y="0"/>
                  </a:lnTo>
                  <a:lnTo>
                    <a:pt x="2579" y="0"/>
                  </a:lnTo>
                  <a:lnTo>
                    <a:pt x="2579" y="0"/>
                  </a:lnTo>
                  <a:lnTo>
                    <a:pt x="2580" y="0"/>
                  </a:lnTo>
                  <a:lnTo>
                    <a:pt x="2580" y="0"/>
                  </a:lnTo>
                  <a:lnTo>
                    <a:pt x="2582" y="0"/>
                  </a:lnTo>
                  <a:lnTo>
                    <a:pt x="2582" y="0"/>
                  </a:lnTo>
                  <a:lnTo>
                    <a:pt x="2583" y="0"/>
                  </a:lnTo>
                  <a:lnTo>
                    <a:pt x="2583" y="0"/>
                  </a:lnTo>
                  <a:lnTo>
                    <a:pt x="2584" y="0"/>
                  </a:lnTo>
                  <a:lnTo>
                    <a:pt x="2584" y="0"/>
                  </a:lnTo>
                  <a:lnTo>
                    <a:pt x="2585" y="0"/>
                  </a:lnTo>
                  <a:lnTo>
                    <a:pt x="2585" y="0"/>
                  </a:lnTo>
                  <a:lnTo>
                    <a:pt x="2586" y="0"/>
                  </a:lnTo>
                  <a:lnTo>
                    <a:pt x="2586" y="0"/>
                  </a:lnTo>
                  <a:lnTo>
                    <a:pt x="2587" y="0"/>
                  </a:lnTo>
                  <a:lnTo>
                    <a:pt x="2587" y="0"/>
                  </a:lnTo>
                  <a:lnTo>
                    <a:pt x="2588" y="0"/>
                  </a:lnTo>
                  <a:lnTo>
                    <a:pt x="2588" y="0"/>
                  </a:lnTo>
                  <a:lnTo>
                    <a:pt x="2589" y="0"/>
                  </a:lnTo>
                  <a:lnTo>
                    <a:pt x="2589" y="0"/>
                  </a:lnTo>
                  <a:lnTo>
                    <a:pt x="2590" y="0"/>
                  </a:lnTo>
                  <a:lnTo>
                    <a:pt x="2590" y="0"/>
                  </a:lnTo>
                  <a:lnTo>
                    <a:pt x="2592" y="0"/>
                  </a:lnTo>
                  <a:lnTo>
                    <a:pt x="2592" y="0"/>
                  </a:lnTo>
                  <a:lnTo>
                    <a:pt x="2593" y="0"/>
                  </a:lnTo>
                  <a:lnTo>
                    <a:pt x="2593" y="0"/>
                  </a:lnTo>
                  <a:lnTo>
                    <a:pt x="2594" y="0"/>
                  </a:lnTo>
                  <a:lnTo>
                    <a:pt x="2594" y="0"/>
                  </a:lnTo>
                  <a:lnTo>
                    <a:pt x="2594" y="0"/>
                  </a:lnTo>
                  <a:lnTo>
                    <a:pt x="2594" y="0"/>
                  </a:lnTo>
                  <a:lnTo>
                    <a:pt x="2595" y="0"/>
                  </a:lnTo>
                  <a:lnTo>
                    <a:pt x="2595" y="0"/>
                  </a:lnTo>
                  <a:lnTo>
                    <a:pt x="2596" y="0"/>
                  </a:lnTo>
                  <a:lnTo>
                    <a:pt x="2596" y="0"/>
                  </a:lnTo>
                  <a:lnTo>
                    <a:pt x="2597" y="0"/>
                  </a:lnTo>
                  <a:lnTo>
                    <a:pt x="2597" y="0"/>
                  </a:lnTo>
                  <a:lnTo>
                    <a:pt x="2598" y="0"/>
                  </a:lnTo>
                  <a:lnTo>
                    <a:pt x="2598" y="0"/>
                  </a:lnTo>
                  <a:lnTo>
                    <a:pt x="2599" y="0"/>
                  </a:lnTo>
                  <a:lnTo>
                    <a:pt x="2599" y="0"/>
                  </a:lnTo>
                  <a:lnTo>
                    <a:pt x="2601" y="0"/>
                  </a:lnTo>
                  <a:lnTo>
                    <a:pt x="2601" y="0"/>
                  </a:lnTo>
                  <a:lnTo>
                    <a:pt x="2602" y="0"/>
                  </a:lnTo>
                  <a:lnTo>
                    <a:pt x="2602" y="0"/>
                  </a:lnTo>
                  <a:lnTo>
                    <a:pt x="2603" y="0"/>
                  </a:lnTo>
                  <a:lnTo>
                    <a:pt x="2603" y="0"/>
                  </a:lnTo>
                  <a:lnTo>
                    <a:pt x="2604" y="0"/>
                  </a:lnTo>
                  <a:lnTo>
                    <a:pt x="2604" y="0"/>
                  </a:lnTo>
                  <a:lnTo>
                    <a:pt x="2605" y="0"/>
                  </a:lnTo>
                  <a:lnTo>
                    <a:pt x="2605" y="0"/>
                  </a:lnTo>
                  <a:lnTo>
                    <a:pt x="2606" y="0"/>
                  </a:lnTo>
                  <a:lnTo>
                    <a:pt x="2606" y="0"/>
                  </a:lnTo>
                  <a:lnTo>
                    <a:pt x="2607" y="0"/>
                  </a:lnTo>
                  <a:lnTo>
                    <a:pt x="2607" y="0"/>
                  </a:lnTo>
                  <a:lnTo>
                    <a:pt x="2608" y="0"/>
                  </a:lnTo>
                  <a:lnTo>
                    <a:pt x="2608" y="0"/>
                  </a:lnTo>
                  <a:lnTo>
                    <a:pt x="2608" y="0"/>
                  </a:lnTo>
                  <a:lnTo>
                    <a:pt x="2608" y="0"/>
                  </a:lnTo>
                  <a:lnTo>
                    <a:pt x="2610" y="0"/>
                  </a:lnTo>
                  <a:lnTo>
                    <a:pt x="2610" y="0"/>
                  </a:lnTo>
                  <a:lnTo>
                    <a:pt x="2611" y="0"/>
                  </a:lnTo>
                  <a:lnTo>
                    <a:pt x="2611" y="0"/>
                  </a:lnTo>
                  <a:lnTo>
                    <a:pt x="2612" y="0"/>
                  </a:lnTo>
                  <a:lnTo>
                    <a:pt x="2612" y="0"/>
                  </a:lnTo>
                  <a:lnTo>
                    <a:pt x="2613" y="0"/>
                  </a:lnTo>
                  <a:lnTo>
                    <a:pt x="2613" y="0"/>
                  </a:lnTo>
                  <a:lnTo>
                    <a:pt x="2614" y="0"/>
                  </a:lnTo>
                  <a:lnTo>
                    <a:pt x="2614" y="0"/>
                  </a:lnTo>
                  <a:lnTo>
                    <a:pt x="2615" y="0"/>
                  </a:lnTo>
                  <a:lnTo>
                    <a:pt x="2615" y="0"/>
                  </a:lnTo>
                  <a:lnTo>
                    <a:pt x="2616" y="0"/>
                  </a:lnTo>
                  <a:lnTo>
                    <a:pt x="2616" y="0"/>
                  </a:lnTo>
                  <a:lnTo>
                    <a:pt x="2617" y="0"/>
                  </a:lnTo>
                  <a:lnTo>
                    <a:pt x="2617" y="0"/>
                  </a:lnTo>
                  <a:lnTo>
                    <a:pt x="2619" y="0"/>
                  </a:lnTo>
                  <a:lnTo>
                    <a:pt x="2619" y="0"/>
                  </a:lnTo>
                  <a:lnTo>
                    <a:pt x="2620" y="0"/>
                  </a:lnTo>
                  <a:lnTo>
                    <a:pt x="2620" y="0"/>
                  </a:lnTo>
                  <a:lnTo>
                    <a:pt x="2621" y="0"/>
                  </a:lnTo>
                  <a:lnTo>
                    <a:pt x="2621" y="0"/>
                  </a:lnTo>
                  <a:lnTo>
                    <a:pt x="2622" y="0"/>
                  </a:lnTo>
                  <a:lnTo>
                    <a:pt x="2622" y="0"/>
                  </a:lnTo>
                  <a:lnTo>
                    <a:pt x="2623" y="0"/>
                  </a:lnTo>
                  <a:lnTo>
                    <a:pt x="2623" y="0"/>
                  </a:lnTo>
                  <a:lnTo>
                    <a:pt x="2624" y="0"/>
                  </a:lnTo>
                  <a:lnTo>
                    <a:pt x="2624" y="0"/>
                  </a:lnTo>
                  <a:lnTo>
                    <a:pt x="2624" y="0"/>
                  </a:lnTo>
                  <a:lnTo>
                    <a:pt x="2624" y="0"/>
                  </a:lnTo>
                  <a:lnTo>
                    <a:pt x="2626" y="0"/>
                  </a:lnTo>
                  <a:lnTo>
                    <a:pt x="2626" y="0"/>
                  </a:lnTo>
                  <a:lnTo>
                    <a:pt x="2626" y="0"/>
                  </a:lnTo>
                  <a:lnTo>
                    <a:pt x="2626" y="0"/>
                  </a:lnTo>
                  <a:lnTo>
                    <a:pt x="2629" y="0"/>
                  </a:lnTo>
                  <a:lnTo>
                    <a:pt x="2629" y="0"/>
                  </a:lnTo>
                  <a:lnTo>
                    <a:pt x="2629" y="0"/>
                  </a:lnTo>
                  <a:lnTo>
                    <a:pt x="2629" y="0"/>
                  </a:lnTo>
                  <a:lnTo>
                    <a:pt x="2631"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78" name="Freeform 292">
              <a:extLst>
                <a:ext uri="{FF2B5EF4-FFF2-40B4-BE49-F238E27FC236}">
                  <a16:creationId xmlns:a16="http://schemas.microsoft.com/office/drawing/2014/main" xmlns="" id="{DE233A06-EA9D-AE4B-9EBF-14A592B28F24}"/>
                </a:ext>
              </a:extLst>
            </p:cNvPr>
            <p:cNvSpPr>
              <a:spLocks/>
            </p:cNvSpPr>
            <p:nvPr/>
          </p:nvSpPr>
          <p:spPr bwMode="auto">
            <a:xfrm flipH="1">
              <a:off x="6899317" y="979354"/>
              <a:ext cx="4599165" cy="2181920"/>
            </a:xfrm>
            <a:custGeom>
              <a:avLst/>
              <a:gdLst>
                <a:gd name="T0" fmla="*/ 2638 w 5255"/>
                <a:gd name="T1" fmla="*/ 0 h 2390"/>
                <a:gd name="T2" fmla="*/ 2642 w 5255"/>
                <a:gd name="T3" fmla="*/ 0 h 2390"/>
                <a:gd name="T4" fmla="*/ 2649 w 5255"/>
                <a:gd name="T5" fmla="*/ 0 h 2390"/>
                <a:gd name="T6" fmla="*/ 2653 w 5255"/>
                <a:gd name="T7" fmla="*/ 0 h 2390"/>
                <a:gd name="T8" fmla="*/ 2660 w 5255"/>
                <a:gd name="T9" fmla="*/ 0 h 2390"/>
                <a:gd name="T10" fmla="*/ 2667 w 5255"/>
                <a:gd name="T11" fmla="*/ 0 h 2390"/>
                <a:gd name="T12" fmla="*/ 2675 w 5255"/>
                <a:gd name="T13" fmla="*/ 0 h 2390"/>
                <a:gd name="T14" fmla="*/ 2679 w 5255"/>
                <a:gd name="T15" fmla="*/ 0 h 2390"/>
                <a:gd name="T16" fmla="*/ 2686 w 5255"/>
                <a:gd name="T17" fmla="*/ 0 h 2390"/>
                <a:gd name="T18" fmla="*/ 2690 w 5255"/>
                <a:gd name="T19" fmla="*/ 1 h 2390"/>
                <a:gd name="T20" fmla="*/ 2697 w 5255"/>
                <a:gd name="T21" fmla="*/ 1 h 2390"/>
                <a:gd name="T22" fmla="*/ 2705 w 5255"/>
                <a:gd name="T23" fmla="*/ 1 h 2390"/>
                <a:gd name="T24" fmla="*/ 2712 w 5255"/>
                <a:gd name="T25" fmla="*/ 1 h 2390"/>
                <a:gd name="T26" fmla="*/ 2716 w 5255"/>
                <a:gd name="T27" fmla="*/ 1 h 2390"/>
                <a:gd name="T28" fmla="*/ 2723 w 5255"/>
                <a:gd name="T29" fmla="*/ 1 h 2390"/>
                <a:gd name="T30" fmla="*/ 2727 w 5255"/>
                <a:gd name="T31" fmla="*/ 3 h 2390"/>
                <a:gd name="T32" fmla="*/ 2733 w 5255"/>
                <a:gd name="T33" fmla="*/ 3 h 2390"/>
                <a:gd name="T34" fmla="*/ 2751 w 5255"/>
                <a:gd name="T35" fmla="*/ 3 h 2390"/>
                <a:gd name="T36" fmla="*/ 2757 w 5255"/>
                <a:gd name="T37" fmla="*/ 4 h 2390"/>
                <a:gd name="T38" fmla="*/ 3182 w 5255"/>
                <a:gd name="T39" fmla="*/ 57 h 2390"/>
                <a:gd name="T40" fmla="*/ 3793 w 5255"/>
                <a:gd name="T41" fmla="*/ 261 h 2390"/>
                <a:gd name="T42" fmla="*/ 4327 w 5255"/>
                <a:gd name="T43" fmla="*/ 597 h 2390"/>
                <a:gd name="T44" fmla="*/ 4760 w 5255"/>
                <a:gd name="T45" fmla="*/ 1044 h 2390"/>
                <a:gd name="T46" fmla="*/ 5072 w 5255"/>
                <a:gd name="T47" fmla="*/ 1581 h 2390"/>
                <a:gd name="T48" fmla="*/ 5241 w 5255"/>
                <a:gd name="T49" fmla="*/ 2188 h 2390"/>
                <a:gd name="T50" fmla="*/ 4984 w 5255"/>
                <a:gd name="T51" fmla="*/ 2044 h 2390"/>
                <a:gd name="T52" fmla="*/ 4187 w 5255"/>
                <a:gd name="T53" fmla="*/ 1590 h 2390"/>
                <a:gd name="T54" fmla="*/ 3173 w 5255"/>
                <a:gd name="T55" fmla="*/ 1345 h 2390"/>
                <a:gd name="T56" fmla="*/ 2127 w 5255"/>
                <a:gd name="T57" fmla="*/ 1348 h 2390"/>
                <a:gd name="T58" fmla="*/ 1074 w 5255"/>
                <a:gd name="T59" fmla="*/ 1615 h 2390"/>
                <a:gd name="T60" fmla="*/ 456 w 5255"/>
                <a:gd name="T61" fmla="*/ 1954 h 2390"/>
                <a:gd name="T62" fmla="*/ 123 w 5255"/>
                <a:gd name="T63" fmla="*/ 2244 h 2390"/>
                <a:gd name="T64" fmla="*/ 36 w 5255"/>
                <a:gd name="T65" fmla="*/ 2094 h 2390"/>
                <a:gd name="T66" fmla="*/ 232 w 5255"/>
                <a:gd name="T67" fmla="*/ 1486 h 2390"/>
                <a:gd name="T68" fmla="*/ 572 w 5255"/>
                <a:gd name="T69" fmla="*/ 955 h 2390"/>
                <a:gd name="T70" fmla="*/ 1033 w 5255"/>
                <a:gd name="T71" fmla="*/ 521 h 2390"/>
                <a:gd name="T72" fmla="*/ 1594 w 5255"/>
                <a:gd name="T73" fmla="*/ 205 h 2390"/>
                <a:gd name="T74" fmla="*/ 2232 w 5255"/>
                <a:gd name="T75" fmla="*/ 30 h 2390"/>
                <a:gd name="T76" fmla="*/ 2482 w 5255"/>
                <a:gd name="T77" fmla="*/ 5 h 2390"/>
                <a:gd name="T78" fmla="*/ 2491 w 5255"/>
                <a:gd name="T79" fmla="*/ 4 h 2390"/>
                <a:gd name="T80" fmla="*/ 2496 w 5255"/>
                <a:gd name="T81" fmla="*/ 4 h 2390"/>
                <a:gd name="T82" fmla="*/ 2504 w 5255"/>
                <a:gd name="T83" fmla="*/ 4 h 2390"/>
                <a:gd name="T84" fmla="*/ 2527 w 5255"/>
                <a:gd name="T85" fmla="*/ 3 h 2390"/>
                <a:gd name="T86" fmla="*/ 2532 w 5255"/>
                <a:gd name="T87" fmla="*/ 3 h 2390"/>
                <a:gd name="T88" fmla="*/ 2537 w 5255"/>
                <a:gd name="T89" fmla="*/ 1 h 2390"/>
                <a:gd name="T90" fmla="*/ 2543 w 5255"/>
                <a:gd name="T91" fmla="*/ 1 h 2390"/>
                <a:gd name="T92" fmla="*/ 2549 w 5255"/>
                <a:gd name="T93" fmla="*/ 1 h 2390"/>
                <a:gd name="T94" fmla="*/ 2555 w 5255"/>
                <a:gd name="T95" fmla="*/ 1 h 2390"/>
                <a:gd name="T96" fmla="*/ 2560 w 5255"/>
                <a:gd name="T97" fmla="*/ 1 h 2390"/>
                <a:gd name="T98" fmla="*/ 2566 w 5255"/>
                <a:gd name="T99" fmla="*/ 1 h 2390"/>
                <a:gd name="T100" fmla="*/ 2571 w 5255"/>
                <a:gd name="T101" fmla="*/ 1 h 2390"/>
                <a:gd name="T102" fmla="*/ 2578 w 5255"/>
                <a:gd name="T103" fmla="*/ 0 h 2390"/>
                <a:gd name="T104" fmla="*/ 2584 w 5255"/>
                <a:gd name="T105" fmla="*/ 0 h 2390"/>
                <a:gd name="T106" fmla="*/ 2590 w 5255"/>
                <a:gd name="T107" fmla="*/ 0 h 2390"/>
                <a:gd name="T108" fmla="*/ 2595 w 5255"/>
                <a:gd name="T109" fmla="*/ 0 h 2390"/>
                <a:gd name="T110" fmla="*/ 2602 w 5255"/>
                <a:gd name="T111" fmla="*/ 0 h 2390"/>
                <a:gd name="T112" fmla="*/ 2607 w 5255"/>
                <a:gd name="T113" fmla="*/ 0 h 2390"/>
                <a:gd name="T114" fmla="*/ 2613 w 5255"/>
                <a:gd name="T115" fmla="*/ 0 h 2390"/>
                <a:gd name="T116" fmla="*/ 2619 w 5255"/>
                <a:gd name="T117" fmla="*/ 0 h 2390"/>
                <a:gd name="T118" fmla="*/ 2624 w 5255"/>
                <a:gd name="T119" fmla="*/ 0 h 2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255" h="2390">
                  <a:moveTo>
                    <a:pt x="2631" y="0"/>
                  </a:moveTo>
                  <a:lnTo>
                    <a:pt x="2631" y="0"/>
                  </a:lnTo>
                  <a:lnTo>
                    <a:pt x="2633" y="0"/>
                  </a:lnTo>
                  <a:lnTo>
                    <a:pt x="2633" y="0"/>
                  </a:lnTo>
                  <a:lnTo>
                    <a:pt x="2633" y="0"/>
                  </a:lnTo>
                  <a:lnTo>
                    <a:pt x="2633" y="0"/>
                  </a:lnTo>
                  <a:lnTo>
                    <a:pt x="2635" y="0"/>
                  </a:lnTo>
                  <a:lnTo>
                    <a:pt x="2635" y="0"/>
                  </a:lnTo>
                  <a:lnTo>
                    <a:pt x="2635" y="0"/>
                  </a:lnTo>
                  <a:lnTo>
                    <a:pt x="2635" y="0"/>
                  </a:lnTo>
                  <a:lnTo>
                    <a:pt x="2638" y="0"/>
                  </a:lnTo>
                  <a:lnTo>
                    <a:pt x="2638" y="0"/>
                  </a:lnTo>
                  <a:lnTo>
                    <a:pt x="2638" y="0"/>
                  </a:lnTo>
                  <a:lnTo>
                    <a:pt x="2638" y="0"/>
                  </a:lnTo>
                  <a:lnTo>
                    <a:pt x="2639" y="0"/>
                  </a:lnTo>
                  <a:lnTo>
                    <a:pt x="2639" y="0"/>
                  </a:lnTo>
                  <a:lnTo>
                    <a:pt x="2640" y="0"/>
                  </a:lnTo>
                  <a:lnTo>
                    <a:pt x="2640" y="0"/>
                  </a:lnTo>
                  <a:lnTo>
                    <a:pt x="2641" y="0"/>
                  </a:lnTo>
                  <a:lnTo>
                    <a:pt x="2641" y="0"/>
                  </a:lnTo>
                  <a:lnTo>
                    <a:pt x="2642" y="0"/>
                  </a:lnTo>
                  <a:lnTo>
                    <a:pt x="2642" y="0"/>
                  </a:lnTo>
                  <a:lnTo>
                    <a:pt x="2643" y="0"/>
                  </a:lnTo>
                  <a:lnTo>
                    <a:pt x="2643" y="0"/>
                  </a:lnTo>
                  <a:lnTo>
                    <a:pt x="2644" y="0"/>
                  </a:lnTo>
                  <a:lnTo>
                    <a:pt x="2644" y="0"/>
                  </a:lnTo>
                  <a:lnTo>
                    <a:pt x="2645" y="0"/>
                  </a:lnTo>
                  <a:lnTo>
                    <a:pt x="2645" y="0"/>
                  </a:lnTo>
                  <a:lnTo>
                    <a:pt x="2647" y="0"/>
                  </a:lnTo>
                  <a:lnTo>
                    <a:pt x="2647" y="0"/>
                  </a:lnTo>
                  <a:lnTo>
                    <a:pt x="2648" y="0"/>
                  </a:lnTo>
                  <a:lnTo>
                    <a:pt x="2648" y="0"/>
                  </a:lnTo>
                  <a:lnTo>
                    <a:pt x="2649" y="0"/>
                  </a:lnTo>
                  <a:lnTo>
                    <a:pt x="2649" y="0"/>
                  </a:lnTo>
                  <a:lnTo>
                    <a:pt x="2650" y="0"/>
                  </a:lnTo>
                  <a:lnTo>
                    <a:pt x="2650" y="0"/>
                  </a:lnTo>
                  <a:lnTo>
                    <a:pt x="2651" y="0"/>
                  </a:lnTo>
                  <a:lnTo>
                    <a:pt x="2651" y="0"/>
                  </a:lnTo>
                  <a:lnTo>
                    <a:pt x="2651" y="0"/>
                  </a:lnTo>
                  <a:lnTo>
                    <a:pt x="2651" y="0"/>
                  </a:lnTo>
                  <a:lnTo>
                    <a:pt x="2652" y="0"/>
                  </a:lnTo>
                  <a:lnTo>
                    <a:pt x="2652" y="0"/>
                  </a:lnTo>
                  <a:lnTo>
                    <a:pt x="2653" y="0"/>
                  </a:lnTo>
                  <a:lnTo>
                    <a:pt x="2653" y="0"/>
                  </a:lnTo>
                  <a:lnTo>
                    <a:pt x="2654" y="0"/>
                  </a:lnTo>
                  <a:lnTo>
                    <a:pt x="2654" y="0"/>
                  </a:lnTo>
                  <a:lnTo>
                    <a:pt x="2656" y="0"/>
                  </a:lnTo>
                  <a:lnTo>
                    <a:pt x="2656" y="0"/>
                  </a:lnTo>
                  <a:lnTo>
                    <a:pt x="2657" y="0"/>
                  </a:lnTo>
                  <a:lnTo>
                    <a:pt x="2657" y="0"/>
                  </a:lnTo>
                  <a:lnTo>
                    <a:pt x="2658" y="0"/>
                  </a:lnTo>
                  <a:lnTo>
                    <a:pt x="2658" y="0"/>
                  </a:lnTo>
                  <a:lnTo>
                    <a:pt x="2659" y="0"/>
                  </a:lnTo>
                  <a:lnTo>
                    <a:pt x="2659" y="0"/>
                  </a:lnTo>
                  <a:lnTo>
                    <a:pt x="2660" y="0"/>
                  </a:lnTo>
                  <a:lnTo>
                    <a:pt x="2660" y="0"/>
                  </a:lnTo>
                  <a:lnTo>
                    <a:pt x="2661" y="0"/>
                  </a:lnTo>
                  <a:lnTo>
                    <a:pt x="2661" y="0"/>
                  </a:lnTo>
                  <a:lnTo>
                    <a:pt x="2662" y="0"/>
                  </a:lnTo>
                  <a:lnTo>
                    <a:pt x="2662" y="0"/>
                  </a:lnTo>
                  <a:lnTo>
                    <a:pt x="2663" y="0"/>
                  </a:lnTo>
                  <a:lnTo>
                    <a:pt x="2663" y="0"/>
                  </a:lnTo>
                  <a:lnTo>
                    <a:pt x="2667" y="0"/>
                  </a:lnTo>
                  <a:lnTo>
                    <a:pt x="2667" y="0"/>
                  </a:lnTo>
                  <a:lnTo>
                    <a:pt x="2667" y="0"/>
                  </a:lnTo>
                  <a:lnTo>
                    <a:pt x="2667" y="0"/>
                  </a:lnTo>
                  <a:lnTo>
                    <a:pt x="2669" y="0"/>
                  </a:lnTo>
                  <a:lnTo>
                    <a:pt x="2669" y="0"/>
                  </a:lnTo>
                  <a:lnTo>
                    <a:pt x="2670" y="0"/>
                  </a:lnTo>
                  <a:lnTo>
                    <a:pt x="2670" y="0"/>
                  </a:lnTo>
                  <a:lnTo>
                    <a:pt x="2671" y="0"/>
                  </a:lnTo>
                  <a:lnTo>
                    <a:pt x="2671" y="0"/>
                  </a:lnTo>
                  <a:lnTo>
                    <a:pt x="2672" y="0"/>
                  </a:lnTo>
                  <a:lnTo>
                    <a:pt x="2672" y="0"/>
                  </a:lnTo>
                  <a:lnTo>
                    <a:pt x="2674" y="0"/>
                  </a:lnTo>
                  <a:lnTo>
                    <a:pt x="2674" y="0"/>
                  </a:lnTo>
                  <a:lnTo>
                    <a:pt x="2675" y="0"/>
                  </a:lnTo>
                  <a:lnTo>
                    <a:pt x="2675" y="0"/>
                  </a:lnTo>
                  <a:lnTo>
                    <a:pt x="2676" y="0"/>
                  </a:lnTo>
                  <a:lnTo>
                    <a:pt x="2676" y="0"/>
                  </a:lnTo>
                  <a:lnTo>
                    <a:pt x="2677" y="0"/>
                  </a:lnTo>
                  <a:lnTo>
                    <a:pt x="2677" y="0"/>
                  </a:lnTo>
                  <a:lnTo>
                    <a:pt x="2677" y="0"/>
                  </a:lnTo>
                  <a:lnTo>
                    <a:pt x="2677" y="0"/>
                  </a:lnTo>
                  <a:lnTo>
                    <a:pt x="2678" y="0"/>
                  </a:lnTo>
                  <a:lnTo>
                    <a:pt x="2678" y="0"/>
                  </a:lnTo>
                  <a:lnTo>
                    <a:pt x="2679" y="0"/>
                  </a:lnTo>
                  <a:lnTo>
                    <a:pt x="2679" y="0"/>
                  </a:lnTo>
                  <a:lnTo>
                    <a:pt x="2680" y="0"/>
                  </a:lnTo>
                  <a:lnTo>
                    <a:pt x="2680" y="0"/>
                  </a:lnTo>
                  <a:lnTo>
                    <a:pt x="2681" y="0"/>
                  </a:lnTo>
                  <a:lnTo>
                    <a:pt x="2681" y="0"/>
                  </a:lnTo>
                  <a:lnTo>
                    <a:pt x="2682" y="0"/>
                  </a:lnTo>
                  <a:lnTo>
                    <a:pt x="2682" y="0"/>
                  </a:lnTo>
                  <a:lnTo>
                    <a:pt x="2684" y="0"/>
                  </a:lnTo>
                  <a:lnTo>
                    <a:pt x="2684" y="0"/>
                  </a:lnTo>
                  <a:lnTo>
                    <a:pt x="2685" y="0"/>
                  </a:lnTo>
                  <a:lnTo>
                    <a:pt x="2685" y="0"/>
                  </a:lnTo>
                  <a:lnTo>
                    <a:pt x="2686" y="0"/>
                  </a:lnTo>
                  <a:lnTo>
                    <a:pt x="2686" y="0"/>
                  </a:lnTo>
                  <a:lnTo>
                    <a:pt x="2687" y="1"/>
                  </a:lnTo>
                  <a:lnTo>
                    <a:pt x="2687" y="1"/>
                  </a:lnTo>
                  <a:lnTo>
                    <a:pt x="2687" y="1"/>
                  </a:lnTo>
                  <a:lnTo>
                    <a:pt x="2687" y="1"/>
                  </a:lnTo>
                  <a:lnTo>
                    <a:pt x="2689" y="1"/>
                  </a:lnTo>
                  <a:lnTo>
                    <a:pt x="2689" y="1"/>
                  </a:lnTo>
                  <a:lnTo>
                    <a:pt x="2689" y="1"/>
                  </a:lnTo>
                  <a:lnTo>
                    <a:pt x="2689" y="1"/>
                  </a:lnTo>
                  <a:lnTo>
                    <a:pt x="2690" y="1"/>
                  </a:lnTo>
                  <a:lnTo>
                    <a:pt x="2690" y="1"/>
                  </a:lnTo>
                  <a:lnTo>
                    <a:pt x="2691" y="1"/>
                  </a:lnTo>
                  <a:lnTo>
                    <a:pt x="2691" y="1"/>
                  </a:lnTo>
                  <a:lnTo>
                    <a:pt x="2693" y="1"/>
                  </a:lnTo>
                  <a:lnTo>
                    <a:pt x="2693" y="1"/>
                  </a:lnTo>
                  <a:lnTo>
                    <a:pt x="2694" y="1"/>
                  </a:lnTo>
                  <a:lnTo>
                    <a:pt x="2694" y="1"/>
                  </a:lnTo>
                  <a:lnTo>
                    <a:pt x="2695" y="1"/>
                  </a:lnTo>
                  <a:lnTo>
                    <a:pt x="2695" y="1"/>
                  </a:lnTo>
                  <a:lnTo>
                    <a:pt x="2696" y="1"/>
                  </a:lnTo>
                  <a:lnTo>
                    <a:pt x="2696" y="1"/>
                  </a:lnTo>
                  <a:lnTo>
                    <a:pt x="2697" y="1"/>
                  </a:lnTo>
                  <a:lnTo>
                    <a:pt x="2697" y="1"/>
                  </a:lnTo>
                  <a:lnTo>
                    <a:pt x="2698" y="1"/>
                  </a:lnTo>
                  <a:lnTo>
                    <a:pt x="2698" y="1"/>
                  </a:lnTo>
                  <a:lnTo>
                    <a:pt x="2699" y="1"/>
                  </a:lnTo>
                  <a:lnTo>
                    <a:pt x="2699" y="1"/>
                  </a:lnTo>
                  <a:lnTo>
                    <a:pt x="2699" y="1"/>
                  </a:lnTo>
                  <a:lnTo>
                    <a:pt x="2699" y="1"/>
                  </a:lnTo>
                  <a:lnTo>
                    <a:pt x="2705" y="1"/>
                  </a:lnTo>
                  <a:lnTo>
                    <a:pt x="2705" y="1"/>
                  </a:lnTo>
                  <a:lnTo>
                    <a:pt x="2705" y="1"/>
                  </a:lnTo>
                  <a:lnTo>
                    <a:pt x="2705" y="1"/>
                  </a:lnTo>
                  <a:lnTo>
                    <a:pt x="2706" y="1"/>
                  </a:lnTo>
                  <a:lnTo>
                    <a:pt x="2706" y="1"/>
                  </a:lnTo>
                  <a:lnTo>
                    <a:pt x="2707" y="1"/>
                  </a:lnTo>
                  <a:lnTo>
                    <a:pt x="2707" y="1"/>
                  </a:lnTo>
                  <a:lnTo>
                    <a:pt x="2708" y="1"/>
                  </a:lnTo>
                  <a:lnTo>
                    <a:pt x="2708" y="1"/>
                  </a:lnTo>
                  <a:lnTo>
                    <a:pt x="2709" y="1"/>
                  </a:lnTo>
                  <a:lnTo>
                    <a:pt x="2709" y="1"/>
                  </a:lnTo>
                  <a:lnTo>
                    <a:pt x="2711" y="1"/>
                  </a:lnTo>
                  <a:lnTo>
                    <a:pt x="2711" y="1"/>
                  </a:lnTo>
                  <a:lnTo>
                    <a:pt x="2712" y="1"/>
                  </a:lnTo>
                  <a:lnTo>
                    <a:pt x="2712" y="1"/>
                  </a:lnTo>
                  <a:lnTo>
                    <a:pt x="2713" y="1"/>
                  </a:lnTo>
                  <a:lnTo>
                    <a:pt x="2713" y="1"/>
                  </a:lnTo>
                  <a:lnTo>
                    <a:pt x="2713" y="1"/>
                  </a:lnTo>
                  <a:lnTo>
                    <a:pt x="2713" y="1"/>
                  </a:lnTo>
                  <a:lnTo>
                    <a:pt x="2715" y="1"/>
                  </a:lnTo>
                  <a:lnTo>
                    <a:pt x="2715" y="1"/>
                  </a:lnTo>
                  <a:lnTo>
                    <a:pt x="2715" y="1"/>
                  </a:lnTo>
                  <a:lnTo>
                    <a:pt x="2715" y="1"/>
                  </a:lnTo>
                  <a:lnTo>
                    <a:pt x="2716" y="1"/>
                  </a:lnTo>
                  <a:lnTo>
                    <a:pt x="2716" y="1"/>
                  </a:lnTo>
                  <a:lnTo>
                    <a:pt x="2717" y="1"/>
                  </a:lnTo>
                  <a:lnTo>
                    <a:pt x="2717" y="1"/>
                  </a:lnTo>
                  <a:lnTo>
                    <a:pt x="2718" y="1"/>
                  </a:lnTo>
                  <a:lnTo>
                    <a:pt x="2718" y="1"/>
                  </a:lnTo>
                  <a:lnTo>
                    <a:pt x="2719" y="1"/>
                  </a:lnTo>
                  <a:lnTo>
                    <a:pt x="2719" y="1"/>
                  </a:lnTo>
                  <a:lnTo>
                    <a:pt x="2721" y="1"/>
                  </a:lnTo>
                  <a:lnTo>
                    <a:pt x="2721" y="1"/>
                  </a:lnTo>
                  <a:lnTo>
                    <a:pt x="2722" y="1"/>
                  </a:lnTo>
                  <a:lnTo>
                    <a:pt x="2722" y="1"/>
                  </a:lnTo>
                  <a:lnTo>
                    <a:pt x="2723" y="1"/>
                  </a:lnTo>
                  <a:lnTo>
                    <a:pt x="2723" y="1"/>
                  </a:lnTo>
                  <a:lnTo>
                    <a:pt x="2723" y="1"/>
                  </a:lnTo>
                  <a:lnTo>
                    <a:pt x="2723" y="1"/>
                  </a:lnTo>
                  <a:lnTo>
                    <a:pt x="2725" y="1"/>
                  </a:lnTo>
                  <a:lnTo>
                    <a:pt x="2725" y="1"/>
                  </a:lnTo>
                  <a:lnTo>
                    <a:pt x="2725" y="1"/>
                  </a:lnTo>
                  <a:lnTo>
                    <a:pt x="2725" y="1"/>
                  </a:lnTo>
                  <a:lnTo>
                    <a:pt x="2727" y="3"/>
                  </a:lnTo>
                  <a:lnTo>
                    <a:pt x="2727" y="3"/>
                  </a:lnTo>
                  <a:lnTo>
                    <a:pt x="2727" y="3"/>
                  </a:lnTo>
                  <a:lnTo>
                    <a:pt x="2727" y="3"/>
                  </a:lnTo>
                  <a:lnTo>
                    <a:pt x="2728" y="3"/>
                  </a:lnTo>
                  <a:lnTo>
                    <a:pt x="2728" y="3"/>
                  </a:lnTo>
                  <a:lnTo>
                    <a:pt x="2730" y="3"/>
                  </a:lnTo>
                  <a:lnTo>
                    <a:pt x="2730" y="3"/>
                  </a:lnTo>
                  <a:lnTo>
                    <a:pt x="2731" y="3"/>
                  </a:lnTo>
                  <a:lnTo>
                    <a:pt x="2731" y="3"/>
                  </a:lnTo>
                  <a:lnTo>
                    <a:pt x="2732" y="3"/>
                  </a:lnTo>
                  <a:lnTo>
                    <a:pt x="2732" y="3"/>
                  </a:lnTo>
                  <a:lnTo>
                    <a:pt x="2733" y="3"/>
                  </a:lnTo>
                  <a:lnTo>
                    <a:pt x="2733" y="3"/>
                  </a:lnTo>
                  <a:lnTo>
                    <a:pt x="2733" y="3"/>
                  </a:lnTo>
                  <a:lnTo>
                    <a:pt x="2733" y="3"/>
                  </a:lnTo>
                  <a:lnTo>
                    <a:pt x="2746" y="3"/>
                  </a:lnTo>
                  <a:lnTo>
                    <a:pt x="2746" y="3"/>
                  </a:lnTo>
                  <a:lnTo>
                    <a:pt x="2746" y="3"/>
                  </a:lnTo>
                  <a:lnTo>
                    <a:pt x="2749" y="3"/>
                  </a:lnTo>
                  <a:lnTo>
                    <a:pt x="2749" y="3"/>
                  </a:lnTo>
                  <a:lnTo>
                    <a:pt x="2749" y="3"/>
                  </a:lnTo>
                  <a:lnTo>
                    <a:pt x="2749" y="3"/>
                  </a:lnTo>
                  <a:lnTo>
                    <a:pt x="2751" y="3"/>
                  </a:lnTo>
                  <a:lnTo>
                    <a:pt x="2751" y="3"/>
                  </a:lnTo>
                  <a:lnTo>
                    <a:pt x="2751" y="3"/>
                  </a:lnTo>
                  <a:lnTo>
                    <a:pt x="2753" y="3"/>
                  </a:lnTo>
                  <a:lnTo>
                    <a:pt x="2753" y="3"/>
                  </a:lnTo>
                  <a:lnTo>
                    <a:pt x="2753" y="3"/>
                  </a:lnTo>
                  <a:lnTo>
                    <a:pt x="2753" y="3"/>
                  </a:lnTo>
                  <a:lnTo>
                    <a:pt x="2754" y="4"/>
                  </a:lnTo>
                  <a:lnTo>
                    <a:pt x="2754" y="4"/>
                  </a:lnTo>
                  <a:lnTo>
                    <a:pt x="2755" y="4"/>
                  </a:lnTo>
                  <a:lnTo>
                    <a:pt x="2755" y="4"/>
                  </a:lnTo>
                  <a:lnTo>
                    <a:pt x="2757" y="4"/>
                  </a:lnTo>
                  <a:lnTo>
                    <a:pt x="2757" y="4"/>
                  </a:lnTo>
                  <a:lnTo>
                    <a:pt x="2757" y="4"/>
                  </a:lnTo>
                  <a:lnTo>
                    <a:pt x="2757" y="4"/>
                  </a:lnTo>
                  <a:lnTo>
                    <a:pt x="2761" y="4"/>
                  </a:lnTo>
                  <a:lnTo>
                    <a:pt x="2761" y="4"/>
                  </a:lnTo>
                  <a:lnTo>
                    <a:pt x="2761" y="4"/>
                  </a:lnTo>
                  <a:lnTo>
                    <a:pt x="2822" y="7"/>
                  </a:lnTo>
                  <a:lnTo>
                    <a:pt x="2883" y="12"/>
                  </a:lnTo>
                  <a:lnTo>
                    <a:pt x="2944" y="18"/>
                  </a:lnTo>
                  <a:lnTo>
                    <a:pt x="3003" y="25"/>
                  </a:lnTo>
                  <a:lnTo>
                    <a:pt x="3064" y="35"/>
                  </a:lnTo>
                  <a:lnTo>
                    <a:pt x="3122" y="45"/>
                  </a:lnTo>
                  <a:lnTo>
                    <a:pt x="3182" y="57"/>
                  </a:lnTo>
                  <a:lnTo>
                    <a:pt x="3240" y="68"/>
                  </a:lnTo>
                  <a:lnTo>
                    <a:pt x="3297" y="82"/>
                  </a:lnTo>
                  <a:lnTo>
                    <a:pt x="3356" y="98"/>
                  </a:lnTo>
                  <a:lnTo>
                    <a:pt x="3412" y="114"/>
                  </a:lnTo>
                  <a:lnTo>
                    <a:pt x="3468" y="132"/>
                  </a:lnTo>
                  <a:lnTo>
                    <a:pt x="3524" y="151"/>
                  </a:lnTo>
                  <a:lnTo>
                    <a:pt x="3579" y="170"/>
                  </a:lnTo>
                  <a:lnTo>
                    <a:pt x="3634" y="192"/>
                  </a:lnTo>
                  <a:lnTo>
                    <a:pt x="3688" y="213"/>
                  </a:lnTo>
                  <a:lnTo>
                    <a:pt x="3740" y="237"/>
                  </a:lnTo>
                  <a:lnTo>
                    <a:pt x="3793" y="261"/>
                  </a:lnTo>
                  <a:lnTo>
                    <a:pt x="3846" y="287"/>
                  </a:lnTo>
                  <a:lnTo>
                    <a:pt x="3897" y="313"/>
                  </a:lnTo>
                  <a:lnTo>
                    <a:pt x="3948" y="341"/>
                  </a:lnTo>
                  <a:lnTo>
                    <a:pt x="3997" y="369"/>
                  </a:lnTo>
                  <a:lnTo>
                    <a:pt x="4047" y="399"/>
                  </a:lnTo>
                  <a:lnTo>
                    <a:pt x="4096" y="429"/>
                  </a:lnTo>
                  <a:lnTo>
                    <a:pt x="4143" y="460"/>
                  </a:lnTo>
                  <a:lnTo>
                    <a:pt x="4190" y="494"/>
                  </a:lnTo>
                  <a:lnTo>
                    <a:pt x="4236" y="527"/>
                  </a:lnTo>
                  <a:lnTo>
                    <a:pt x="4282" y="562"/>
                  </a:lnTo>
                  <a:lnTo>
                    <a:pt x="4327" y="597"/>
                  </a:lnTo>
                  <a:lnTo>
                    <a:pt x="4371" y="633"/>
                  </a:lnTo>
                  <a:lnTo>
                    <a:pt x="4413" y="671"/>
                  </a:lnTo>
                  <a:lnTo>
                    <a:pt x="4456" y="709"/>
                  </a:lnTo>
                  <a:lnTo>
                    <a:pt x="4496" y="748"/>
                  </a:lnTo>
                  <a:lnTo>
                    <a:pt x="4537" y="788"/>
                  </a:lnTo>
                  <a:lnTo>
                    <a:pt x="4576" y="829"/>
                  </a:lnTo>
                  <a:lnTo>
                    <a:pt x="4615" y="870"/>
                  </a:lnTo>
                  <a:lnTo>
                    <a:pt x="4652" y="912"/>
                  </a:lnTo>
                  <a:lnTo>
                    <a:pt x="4689" y="955"/>
                  </a:lnTo>
                  <a:lnTo>
                    <a:pt x="4725" y="999"/>
                  </a:lnTo>
                  <a:lnTo>
                    <a:pt x="4760" y="1044"/>
                  </a:lnTo>
                  <a:lnTo>
                    <a:pt x="4794" y="1089"/>
                  </a:lnTo>
                  <a:lnTo>
                    <a:pt x="4826" y="1135"/>
                  </a:lnTo>
                  <a:lnTo>
                    <a:pt x="4858" y="1182"/>
                  </a:lnTo>
                  <a:lnTo>
                    <a:pt x="4888" y="1229"/>
                  </a:lnTo>
                  <a:lnTo>
                    <a:pt x="4918" y="1278"/>
                  </a:lnTo>
                  <a:lnTo>
                    <a:pt x="4946" y="1327"/>
                  </a:lnTo>
                  <a:lnTo>
                    <a:pt x="4973" y="1376"/>
                  </a:lnTo>
                  <a:lnTo>
                    <a:pt x="5000" y="1427"/>
                  </a:lnTo>
                  <a:lnTo>
                    <a:pt x="5025" y="1478"/>
                  </a:lnTo>
                  <a:lnTo>
                    <a:pt x="5048" y="1530"/>
                  </a:lnTo>
                  <a:lnTo>
                    <a:pt x="5072" y="1581"/>
                  </a:lnTo>
                  <a:lnTo>
                    <a:pt x="5093" y="1633"/>
                  </a:lnTo>
                  <a:lnTo>
                    <a:pt x="5113" y="1687"/>
                  </a:lnTo>
                  <a:lnTo>
                    <a:pt x="5132" y="1740"/>
                  </a:lnTo>
                  <a:lnTo>
                    <a:pt x="5150" y="1795"/>
                  </a:lnTo>
                  <a:lnTo>
                    <a:pt x="5167" y="1849"/>
                  </a:lnTo>
                  <a:lnTo>
                    <a:pt x="5183" y="1905"/>
                  </a:lnTo>
                  <a:lnTo>
                    <a:pt x="5198" y="1960"/>
                  </a:lnTo>
                  <a:lnTo>
                    <a:pt x="5210" y="2017"/>
                  </a:lnTo>
                  <a:lnTo>
                    <a:pt x="5222" y="2074"/>
                  </a:lnTo>
                  <a:lnTo>
                    <a:pt x="5232" y="2131"/>
                  </a:lnTo>
                  <a:lnTo>
                    <a:pt x="5241" y="2188"/>
                  </a:lnTo>
                  <a:lnTo>
                    <a:pt x="5249" y="2247"/>
                  </a:lnTo>
                  <a:lnTo>
                    <a:pt x="5255" y="2305"/>
                  </a:lnTo>
                  <a:lnTo>
                    <a:pt x="5255" y="2305"/>
                  </a:lnTo>
                  <a:lnTo>
                    <a:pt x="5231" y="2277"/>
                  </a:lnTo>
                  <a:lnTo>
                    <a:pt x="5207" y="2250"/>
                  </a:lnTo>
                  <a:lnTo>
                    <a:pt x="5181" y="2223"/>
                  </a:lnTo>
                  <a:lnTo>
                    <a:pt x="5155" y="2197"/>
                  </a:lnTo>
                  <a:lnTo>
                    <a:pt x="5128" y="2170"/>
                  </a:lnTo>
                  <a:lnTo>
                    <a:pt x="5101" y="2144"/>
                  </a:lnTo>
                  <a:lnTo>
                    <a:pt x="5044" y="2093"/>
                  </a:lnTo>
                  <a:lnTo>
                    <a:pt x="4984" y="2044"/>
                  </a:lnTo>
                  <a:lnTo>
                    <a:pt x="4924" y="1995"/>
                  </a:lnTo>
                  <a:lnTo>
                    <a:pt x="4860" y="1947"/>
                  </a:lnTo>
                  <a:lnTo>
                    <a:pt x="4794" y="1902"/>
                  </a:lnTo>
                  <a:lnTo>
                    <a:pt x="4725" y="1858"/>
                  </a:lnTo>
                  <a:lnTo>
                    <a:pt x="4655" y="1815"/>
                  </a:lnTo>
                  <a:lnTo>
                    <a:pt x="4582" y="1774"/>
                  </a:lnTo>
                  <a:lnTo>
                    <a:pt x="4507" y="1734"/>
                  </a:lnTo>
                  <a:lnTo>
                    <a:pt x="4429" y="1695"/>
                  </a:lnTo>
                  <a:lnTo>
                    <a:pt x="4351" y="1658"/>
                  </a:lnTo>
                  <a:lnTo>
                    <a:pt x="4270" y="1623"/>
                  </a:lnTo>
                  <a:lnTo>
                    <a:pt x="4187" y="1590"/>
                  </a:lnTo>
                  <a:lnTo>
                    <a:pt x="4103" y="1559"/>
                  </a:lnTo>
                  <a:lnTo>
                    <a:pt x="4016" y="1528"/>
                  </a:lnTo>
                  <a:lnTo>
                    <a:pt x="3929" y="1500"/>
                  </a:lnTo>
                  <a:lnTo>
                    <a:pt x="3839" y="1474"/>
                  </a:lnTo>
                  <a:lnTo>
                    <a:pt x="3748" y="1450"/>
                  </a:lnTo>
                  <a:lnTo>
                    <a:pt x="3655" y="1427"/>
                  </a:lnTo>
                  <a:lnTo>
                    <a:pt x="3562" y="1406"/>
                  </a:lnTo>
                  <a:lnTo>
                    <a:pt x="3467" y="1388"/>
                  </a:lnTo>
                  <a:lnTo>
                    <a:pt x="3370" y="1372"/>
                  </a:lnTo>
                  <a:lnTo>
                    <a:pt x="3271" y="1358"/>
                  </a:lnTo>
                  <a:lnTo>
                    <a:pt x="3173" y="1345"/>
                  </a:lnTo>
                  <a:lnTo>
                    <a:pt x="3073" y="1335"/>
                  </a:lnTo>
                  <a:lnTo>
                    <a:pt x="2972" y="1328"/>
                  </a:lnTo>
                  <a:lnTo>
                    <a:pt x="2870" y="1321"/>
                  </a:lnTo>
                  <a:lnTo>
                    <a:pt x="2767" y="1318"/>
                  </a:lnTo>
                  <a:lnTo>
                    <a:pt x="2662" y="1317"/>
                  </a:lnTo>
                  <a:lnTo>
                    <a:pt x="2662" y="1317"/>
                  </a:lnTo>
                  <a:lnTo>
                    <a:pt x="2553" y="1318"/>
                  </a:lnTo>
                  <a:lnTo>
                    <a:pt x="2445" y="1322"/>
                  </a:lnTo>
                  <a:lnTo>
                    <a:pt x="2338" y="1329"/>
                  </a:lnTo>
                  <a:lnTo>
                    <a:pt x="2233" y="1337"/>
                  </a:lnTo>
                  <a:lnTo>
                    <a:pt x="2127" y="1348"/>
                  </a:lnTo>
                  <a:lnTo>
                    <a:pt x="2024" y="1361"/>
                  </a:lnTo>
                  <a:lnTo>
                    <a:pt x="1922" y="1377"/>
                  </a:lnTo>
                  <a:lnTo>
                    <a:pt x="1821" y="1396"/>
                  </a:lnTo>
                  <a:lnTo>
                    <a:pt x="1722" y="1415"/>
                  </a:lnTo>
                  <a:lnTo>
                    <a:pt x="1625" y="1438"/>
                  </a:lnTo>
                  <a:lnTo>
                    <a:pt x="1528" y="1463"/>
                  </a:lnTo>
                  <a:lnTo>
                    <a:pt x="1434" y="1489"/>
                  </a:lnTo>
                  <a:lnTo>
                    <a:pt x="1341" y="1518"/>
                  </a:lnTo>
                  <a:lnTo>
                    <a:pt x="1250" y="1548"/>
                  </a:lnTo>
                  <a:lnTo>
                    <a:pt x="1161" y="1580"/>
                  </a:lnTo>
                  <a:lnTo>
                    <a:pt x="1074" y="1615"/>
                  </a:lnTo>
                  <a:lnTo>
                    <a:pt x="989" y="1652"/>
                  </a:lnTo>
                  <a:lnTo>
                    <a:pt x="906" y="1689"/>
                  </a:lnTo>
                  <a:lnTo>
                    <a:pt x="825" y="1729"/>
                  </a:lnTo>
                  <a:lnTo>
                    <a:pt x="746" y="1771"/>
                  </a:lnTo>
                  <a:lnTo>
                    <a:pt x="670" y="1815"/>
                  </a:lnTo>
                  <a:lnTo>
                    <a:pt x="633" y="1837"/>
                  </a:lnTo>
                  <a:lnTo>
                    <a:pt x="596" y="1860"/>
                  </a:lnTo>
                  <a:lnTo>
                    <a:pt x="560" y="1883"/>
                  </a:lnTo>
                  <a:lnTo>
                    <a:pt x="524" y="1906"/>
                  </a:lnTo>
                  <a:lnTo>
                    <a:pt x="489" y="1930"/>
                  </a:lnTo>
                  <a:lnTo>
                    <a:pt x="456" y="1954"/>
                  </a:lnTo>
                  <a:lnTo>
                    <a:pt x="422" y="1979"/>
                  </a:lnTo>
                  <a:lnTo>
                    <a:pt x="388" y="2004"/>
                  </a:lnTo>
                  <a:lnTo>
                    <a:pt x="357" y="2030"/>
                  </a:lnTo>
                  <a:lnTo>
                    <a:pt x="324" y="2055"/>
                  </a:lnTo>
                  <a:lnTo>
                    <a:pt x="294" y="2081"/>
                  </a:lnTo>
                  <a:lnTo>
                    <a:pt x="264" y="2107"/>
                  </a:lnTo>
                  <a:lnTo>
                    <a:pt x="234" y="2134"/>
                  </a:lnTo>
                  <a:lnTo>
                    <a:pt x="206" y="2161"/>
                  </a:lnTo>
                  <a:lnTo>
                    <a:pt x="178" y="2189"/>
                  </a:lnTo>
                  <a:lnTo>
                    <a:pt x="149" y="2216"/>
                  </a:lnTo>
                  <a:lnTo>
                    <a:pt x="123" y="2244"/>
                  </a:lnTo>
                  <a:lnTo>
                    <a:pt x="97" y="2274"/>
                  </a:lnTo>
                  <a:lnTo>
                    <a:pt x="72" y="2302"/>
                  </a:lnTo>
                  <a:lnTo>
                    <a:pt x="47" y="2331"/>
                  </a:lnTo>
                  <a:lnTo>
                    <a:pt x="24" y="2360"/>
                  </a:lnTo>
                  <a:lnTo>
                    <a:pt x="0" y="2390"/>
                  </a:lnTo>
                  <a:lnTo>
                    <a:pt x="0" y="2390"/>
                  </a:lnTo>
                  <a:lnTo>
                    <a:pt x="5" y="2330"/>
                  </a:lnTo>
                  <a:lnTo>
                    <a:pt x="10" y="2270"/>
                  </a:lnTo>
                  <a:lnTo>
                    <a:pt x="17" y="2211"/>
                  </a:lnTo>
                  <a:lnTo>
                    <a:pt x="26" y="2153"/>
                  </a:lnTo>
                  <a:lnTo>
                    <a:pt x="36" y="2094"/>
                  </a:lnTo>
                  <a:lnTo>
                    <a:pt x="47" y="2037"/>
                  </a:lnTo>
                  <a:lnTo>
                    <a:pt x="60" y="1979"/>
                  </a:lnTo>
                  <a:lnTo>
                    <a:pt x="74" y="1923"/>
                  </a:lnTo>
                  <a:lnTo>
                    <a:pt x="90" y="1866"/>
                  </a:lnTo>
                  <a:lnTo>
                    <a:pt x="106" y="1810"/>
                  </a:lnTo>
                  <a:lnTo>
                    <a:pt x="124" y="1755"/>
                  </a:lnTo>
                  <a:lnTo>
                    <a:pt x="144" y="1700"/>
                  </a:lnTo>
                  <a:lnTo>
                    <a:pt x="164" y="1646"/>
                  </a:lnTo>
                  <a:lnTo>
                    <a:pt x="185" y="1592"/>
                  </a:lnTo>
                  <a:lnTo>
                    <a:pt x="209" y="1539"/>
                  </a:lnTo>
                  <a:lnTo>
                    <a:pt x="232" y="1486"/>
                  </a:lnTo>
                  <a:lnTo>
                    <a:pt x="258" y="1435"/>
                  </a:lnTo>
                  <a:lnTo>
                    <a:pt x="284" y="1384"/>
                  </a:lnTo>
                  <a:lnTo>
                    <a:pt x="312" y="1333"/>
                  </a:lnTo>
                  <a:lnTo>
                    <a:pt x="340" y="1283"/>
                  </a:lnTo>
                  <a:lnTo>
                    <a:pt x="370" y="1235"/>
                  </a:lnTo>
                  <a:lnTo>
                    <a:pt x="402" y="1186"/>
                  </a:lnTo>
                  <a:lnTo>
                    <a:pt x="433" y="1139"/>
                  </a:lnTo>
                  <a:lnTo>
                    <a:pt x="467" y="1091"/>
                  </a:lnTo>
                  <a:lnTo>
                    <a:pt x="501" y="1045"/>
                  </a:lnTo>
                  <a:lnTo>
                    <a:pt x="536" y="999"/>
                  </a:lnTo>
                  <a:lnTo>
                    <a:pt x="572" y="955"/>
                  </a:lnTo>
                  <a:lnTo>
                    <a:pt x="609" y="911"/>
                  </a:lnTo>
                  <a:lnTo>
                    <a:pt x="648" y="869"/>
                  </a:lnTo>
                  <a:lnTo>
                    <a:pt x="687" y="827"/>
                  </a:lnTo>
                  <a:lnTo>
                    <a:pt x="727" y="784"/>
                  </a:lnTo>
                  <a:lnTo>
                    <a:pt x="769" y="744"/>
                  </a:lnTo>
                  <a:lnTo>
                    <a:pt x="810" y="705"/>
                  </a:lnTo>
                  <a:lnTo>
                    <a:pt x="854" y="666"/>
                  </a:lnTo>
                  <a:lnTo>
                    <a:pt x="898" y="628"/>
                  </a:lnTo>
                  <a:lnTo>
                    <a:pt x="941" y="591"/>
                  </a:lnTo>
                  <a:lnTo>
                    <a:pt x="987" y="555"/>
                  </a:lnTo>
                  <a:lnTo>
                    <a:pt x="1033" y="521"/>
                  </a:lnTo>
                  <a:lnTo>
                    <a:pt x="1081" y="486"/>
                  </a:lnTo>
                  <a:lnTo>
                    <a:pt x="1129" y="454"/>
                  </a:lnTo>
                  <a:lnTo>
                    <a:pt x="1178" y="422"/>
                  </a:lnTo>
                  <a:lnTo>
                    <a:pt x="1228" y="391"/>
                  </a:lnTo>
                  <a:lnTo>
                    <a:pt x="1278" y="361"/>
                  </a:lnTo>
                  <a:lnTo>
                    <a:pt x="1328" y="332"/>
                  </a:lnTo>
                  <a:lnTo>
                    <a:pt x="1380" y="305"/>
                  </a:lnTo>
                  <a:lnTo>
                    <a:pt x="1433" y="278"/>
                  </a:lnTo>
                  <a:lnTo>
                    <a:pt x="1486" y="252"/>
                  </a:lnTo>
                  <a:lnTo>
                    <a:pt x="1539" y="228"/>
                  </a:lnTo>
                  <a:lnTo>
                    <a:pt x="1594" y="205"/>
                  </a:lnTo>
                  <a:lnTo>
                    <a:pt x="1649" y="183"/>
                  </a:lnTo>
                  <a:lnTo>
                    <a:pt x="1705" y="162"/>
                  </a:lnTo>
                  <a:lnTo>
                    <a:pt x="1761" y="142"/>
                  </a:lnTo>
                  <a:lnTo>
                    <a:pt x="1819" y="124"/>
                  </a:lnTo>
                  <a:lnTo>
                    <a:pt x="1876" y="106"/>
                  </a:lnTo>
                  <a:lnTo>
                    <a:pt x="1934" y="90"/>
                  </a:lnTo>
                  <a:lnTo>
                    <a:pt x="1993" y="76"/>
                  </a:lnTo>
                  <a:lnTo>
                    <a:pt x="2051" y="62"/>
                  </a:lnTo>
                  <a:lnTo>
                    <a:pt x="2111" y="50"/>
                  </a:lnTo>
                  <a:lnTo>
                    <a:pt x="2171" y="39"/>
                  </a:lnTo>
                  <a:lnTo>
                    <a:pt x="2232" y="30"/>
                  </a:lnTo>
                  <a:lnTo>
                    <a:pt x="2292" y="21"/>
                  </a:lnTo>
                  <a:lnTo>
                    <a:pt x="2354" y="14"/>
                  </a:lnTo>
                  <a:lnTo>
                    <a:pt x="2415" y="9"/>
                  </a:lnTo>
                  <a:lnTo>
                    <a:pt x="2478" y="5"/>
                  </a:lnTo>
                  <a:lnTo>
                    <a:pt x="2478" y="5"/>
                  </a:lnTo>
                  <a:lnTo>
                    <a:pt x="2478" y="5"/>
                  </a:lnTo>
                  <a:lnTo>
                    <a:pt x="2479" y="5"/>
                  </a:lnTo>
                  <a:lnTo>
                    <a:pt x="2481" y="5"/>
                  </a:lnTo>
                  <a:lnTo>
                    <a:pt x="2481" y="5"/>
                  </a:lnTo>
                  <a:lnTo>
                    <a:pt x="2482" y="5"/>
                  </a:lnTo>
                  <a:lnTo>
                    <a:pt x="2482" y="5"/>
                  </a:lnTo>
                  <a:lnTo>
                    <a:pt x="2482" y="5"/>
                  </a:lnTo>
                  <a:lnTo>
                    <a:pt x="2486" y="4"/>
                  </a:lnTo>
                  <a:lnTo>
                    <a:pt x="2486" y="4"/>
                  </a:lnTo>
                  <a:lnTo>
                    <a:pt x="2486" y="4"/>
                  </a:lnTo>
                  <a:lnTo>
                    <a:pt x="2488" y="4"/>
                  </a:lnTo>
                  <a:lnTo>
                    <a:pt x="2488" y="4"/>
                  </a:lnTo>
                  <a:lnTo>
                    <a:pt x="2488" y="4"/>
                  </a:lnTo>
                  <a:lnTo>
                    <a:pt x="2488" y="4"/>
                  </a:lnTo>
                  <a:lnTo>
                    <a:pt x="2490" y="4"/>
                  </a:lnTo>
                  <a:lnTo>
                    <a:pt x="2490" y="4"/>
                  </a:lnTo>
                  <a:lnTo>
                    <a:pt x="2491" y="4"/>
                  </a:lnTo>
                  <a:lnTo>
                    <a:pt x="2491" y="4"/>
                  </a:lnTo>
                  <a:lnTo>
                    <a:pt x="2492" y="4"/>
                  </a:lnTo>
                  <a:lnTo>
                    <a:pt x="2492" y="4"/>
                  </a:lnTo>
                  <a:lnTo>
                    <a:pt x="2492" y="4"/>
                  </a:lnTo>
                  <a:lnTo>
                    <a:pt x="2492" y="4"/>
                  </a:lnTo>
                  <a:lnTo>
                    <a:pt x="2494" y="4"/>
                  </a:lnTo>
                  <a:lnTo>
                    <a:pt x="2494" y="4"/>
                  </a:lnTo>
                  <a:lnTo>
                    <a:pt x="2494" y="4"/>
                  </a:lnTo>
                  <a:lnTo>
                    <a:pt x="2494" y="4"/>
                  </a:lnTo>
                  <a:lnTo>
                    <a:pt x="2496" y="4"/>
                  </a:lnTo>
                  <a:lnTo>
                    <a:pt x="2496" y="4"/>
                  </a:lnTo>
                  <a:lnTo>
                    <a:pt x="2496" y="4"/>
                  </a:lnTo>
                  <a:lnTo>
                    <a:pt x="2496" y="4"/>
                  </a:lnTo>
                  <a:lnTo>
                    <a:pt x="2499" y="4"/>
                  </a:lnTo>
                  <a:lnTo>
                    <a:pt x="2499" y="4"/>
                  </a:lnTo>
                  <a:lnTo>
                    <a:pt x="2499" y="4"/>
                  </a:lnTo>
                  <a:lnTo>
                    <a:pt x="2499" y="4"/>
                  </a:lnTo>
                  <a:lnTo>
                    <a:pt x="2502" y="4"/>
                  </a:lnTo>
                  <a:lnTo>
                    <a:pt x="2503" y="4"/>
                  </a:lnTo>
                  <a:lnTo>
                    <a:pt x="2503" y="4"/>
                  </a:lnTo>
                  <a:lnTo>
                    <a:pt x="2504" y="4"/>
                  </a:lnTo>
                  <a:lnTo>
                    <a:pt x="2504" y="4"/>
                  </a:lnTo>
                  <a:lnTo>
                    <a:pt x="2504" y="4"/>
                  </a:lnTo>
                  <a:lnTo>
                    <a:pt x="2504" y="4"/>
                  </a:lnTo>
                  <a:lnTo>
                    <a:pt x="2506" y="4"/>
                  </a:lnTo>
                  <a:lnTo>
                    <a:pt x="2506" y="4"/>
                  </a:lnTo>
                  <a:lnTo>
                    <a:pt x="2506" y="4"/>
                  </a:lnTo>
                  <a:lnTo>
                    <a:pt x="2506" y="4"/>
                  </a:lnTo>
                  <a:lnTo>
                    <a:pt x="2524" y="3"/>
                  </a:lnTo>
                  <a:lnTo>
                    <a:pt x="2524" y="3"/>
                  </a:lnTo>
                  <a:lnTo>
                    <a:pt x="2524" y="3"/>
                  </a:lnTo>
                  <a:lnTo>
                    <a:pt x="2527" y="3"/>
                  </a:lnTo>
                  <a:lnTo>
                    <a:pt x="2527" y="3"/>
                  </a:lnTo>
                  <a:lnTo>
                    <a:pt x="2527" y="3"/>
                  </a:lnTo>
                  <a:lnTo>
                    <a:pt x="2527" y="3"/>
                  </a:lnTo>
                  <a:lnTo>
                    <a:pt x="2529" y="3"/>
                  </a:lnTo>
                  <a:lnTo>
                    <a:pt x="2529" y="3"/>
                  </a:lnTo>
                  <a:lnTo>
                    <a:pt x="2529" y="3"/>
                  </a:lnTo>
                  <a:lnTo>
                    <a:pt x="2529" y="3"/>
                  </a:lnTo>
                  <a:lnTo>
                    <a:pt x="2530" y="3"/>
                  </a:lnTo>
                  <a:lnTo>
                    <a:pt x="2530" y="3"/>
                  </a:lnTo>
                  <a:lnTo>
                    <a:pt x="2531" y="3"/>
                  </a:lnTo>
                  <a:lnTo>
                    <a:pt x="2531" y="3"/>
                  </a:lnTo>
                  <a:lnTo>
                    <a:pt x="2532" y="3"/>
                  </a:lnTo>
                  <a:lnTo>
                    <a:pt x="2532" y="3"/>
                  </a:lnTo>
                  <a:lnTo>
                    <a:pt x="2533" y="3"/>
                  </a:lnTo>
                  <a:lnTo>
                    <a:pt x="2533" y="3"/>
                  </a:lnTo>
                  <a:lnTo>
                    <a:pt x="2534" y="3"/>
                  </a:lnTo>
                  <a:lnTo>
                    <a:pt x="2534" y="3"/>
                  </a:lnTo>
                  <a:lnTo>
                    <a:pt x="2536" y="3"/>
                  </a:lnTo>
                  <a:lnTo>
                    <a:pt x="2536" y="3"/>
                  </a:lnTo>
                  <a:lnTo>
                    <a:pt x="2537" y="1"/>
                  </a:lnTo>
                  <a:lnTo>
                    <a:pt x="2537" y="1"/>
                  </a:lnTo>
                  <a:lnTo>
                    <a:pt x="2537" y="1"/>
                  </a:lnTo>
                  <a:lnTo>
                    <a:pt x="2537" y="1"/>
                  </a:lnTo>
                  <a:lnTo>
                    <a:pt x="2539" y="1"/>
                  </a:lnTo>
                  <a:lnTo>
                    <a:pt x="2539" y="1"/>
                  </a:lnTo>
                  <a:lnTo>
                    <a:pt x="2539" y="1"/>
                  </a:lnTo>
                  <a:lnTo>
                    <a:pt x="2539" y="1"/>
                  </a:lnTo>
                  <a:lnTo>
                    <a:pt x="2540" y="1"/>
                  </a:lnTo>
                  <a:lnTo>
                    <a:pt x="2540" y="1"/>
                  </a:lnTo>
                  <a:lnTo>
                    <a:pt x="2541" y="1"/>
                  </a:lnTo>
                  <a:lnTo>
                    <a:pt x="2541" y="1"/>
                  </a:lnTo>
                  <a:lnTo>
                    <a:pt x="2542" y="1"/>
                  </a:lnTo>
                  <a:lnTo>
                    <a:pt x="2542" y="1"/>
                  </a:lnTo>
                  <a:lnTo>
                    <a:pt x="2543" y="1"/>
                  </a:lnTo>
                  <a:lnTo>
                    <a:pt x="2543" y="1"/>
                  </a:lnTo>
                  <a:lnTo>
                    <a:pt x="2544" y="1"/>
                  </a:lnTo>
                  <a:lnTo>
                    <a:pt x="2544" y="1"/>
                  </a:lnTo>
                  <a:lnTo>
                    <a:pt x="2546" y="1"/>
                  </a:lnTo>
                  <a:lnTo>
                    <a:pt x="2546" y="1"/>
                  </a:lnTo>
                  <a:lnTo>
                    <a:pt x="2547" y="1"/>
                  </a:lnTo>
                  <a:lnTo>
                    <a:pt x="2547" y="1"/>
                  </a:lnTo>
                  <a:lnTo>
                    <a:pt x="2548" y="1"/>
                  </a:lnTo>
                  <a:lnTo>
                    <a:pt x="2548" y="1"/>
                  </a:lnTo>
                  <a:lnTo>
                    <a:pt x="2549" y="1"/>
                  </a:lnTo>
                  <a:lnTo>
                    <a:pt x="2549" y="1"/>
                  </a:lnTo>
                  <a:lnTo>
                    <a:pt x="2549" y="1"/>
                  </a:lnTo>
                  <a:lnTo>
                    <a:pt x="2549" y="1"/>
                  </a:lnTo>
                  <a:lnTo>
                    <a:pt x="2551" y="1"/>
                  </a:lnTo>
                  <a:lnTo>
                    <a:pt x="2551" y="1"/>
                  </a:lnTo>
                  <a:lnTo>
                    <a:pt x="2551" y="1"/>
                  </a:lnTo>
                  <a:lnTo>
                    <a:pt x="2551" y="1"/>
                  </a:lnTo>
                  <a:lnTo>
                    <a:pt x="2552" y="1"/>
                  </a:lnTo>
                  <a:lnTo>
                    <a:pt x="2552" y="1"/>
                  </a:lnTo>
                  <a:lnTo>
                    <a:pt x="2553" y="1"/>
                  </a:lnTo>
                  <a:lnTo>
                    <a:pt x="2553" y="1"/>
                  </a:lnTo>
                  <a:lnTo>
                    <a:pt x="2555" y="1"/>
                  </a:lnTo>
                  <a:lnTo>
                    <a:pt x="2555" y="1"/>
                  </a:lnTo>
                  <a:lnTo>
                    <a:pt x="2556" y="1"/>
                  </a:lnTo>
                  <a:lnTo>
                    <a:pt x="2556" y="1"/>
                  </a:lnTo>
                  <a:lnTo>
                    <a:pt x="2557" y="1"/>
                  </a:lnTo>
                  <a:lnTo>
                    <a:pt x="2557" y="1"/>
                  </a:lnTo>
                  <a:lnTo>
                    <a:pt x="2558" y="1"/>
                  </a:lnTo>
                  <a:lnTo>
                    <a:pt x="2558" y="1"/>
                  </a:lnTo>
                  <a:lnTo>
                    <a:pt x="2559" y="1"/>
                  </a:lnTo>
                  <a:lnTo>
                    <a:pt x="2559" y="1"/>
                  </a:lnTo>
                  <a:lnTo>
                    <a:pt x="2560" y="1"/>
                  </a:lnTo>
                  <a:lnTo>
                    <a:pt x="2560" y="1"/>
                  </a:lnTo>
                  <a:lnTo>
                    <a:pt x="2561" y="1"/>
                  </a:lnTo>
                  <a:lnTo>
                    <a:pt x="2561" y="1"/>
                  </a:lnTo>
                  <a:lnTo>
                    <a:pt x="2562" y="1"/>
                  </a:lnTo>
                  <a:lnTo>
                    <a:pt x="2562" y="1"/>
                  </a:lnTo>
                  <a:lnTo>
                    <a:pt x="2564" y="1"/>
                  </a:lnTo>
                  <a:lnTo>
                    <a:pt x="2564" y="1"/>
                  </a:lnTo>
                  <a:lnTo>
                    <a:pt x="2565" y="1"/>
                  </a:lnTo>
                  <a:lnTo>
                    <a:pt x="2565" y="1"/>
                  </a:lnTo>
                  <a:lnTo>
                    <a:pt x="2566" y="1"/>
                  </a:lnTo>
                  <a:lnTo>
                    <a:pt x="2566" y="1"/>
                  </a:lnTo>
                  <a:lnTo>
                    <a:pt x="2566" y="1"/>
                  </a:lnTo>
                  <a:lnTo>
                    <a:pt x="2566" y="1"/>
                  </a:lnTo>
                  <a:lnTo>
                    <a:pt x="2567" y="1"/>
                  </a:lnTo>
                  <a:lnTo>
                    <a:pt x="2567" y="1"/>
                  </a:lnTo>
                  <a:lnTo>
                    <a:pt x="2568" y="1"/>
                  </a:lnTo>
                  <a:lnTo>
                    <a:pt x="2568" y="1"/>
                  </a:lnTo>
                  <a:lnTo>
                    <a:pt x="2569" y="1"/>
                  </a:lnTo>
                  <a:lnTo>
                    <a:pt x="2569" y="1"/>
                  </a:lnTo>
                  <a:lnTo>
                    <a:pt x="2571" y="1"/>
                  </a:lnTo>
                  <a:lnTo>
                    <a:pt x="2571" y="1"/>
                  </a:lnTo>
                  <a:lnTo>
                    <a:pt x="2571" y="1"/>
                  </a:lnTo>
                  <a:lnTo>
                    <a:pt x="2571" y="1"/>
                  </a:lnTo>
                  <a:lnTo>
                    <a:pt x="2573" y="1"/>
                  </a:lnTo>
                  <a:lnTo>
                    <a:pt x="2573" y="1"/>
                  </a:lnTo>
                  <a:lnTo>
                    <a:pt x="2575" y="1"/>
                  </a:lnTo>
                  <a:lnTo>
                    <a:pt x="2575" y="1"/>
                  </a:lnTo>
                  <a:lnTo>
                    <a:pt x="2576" y="1"/>
                  </a:lnTo>
                  <a:lnTo>
                    <a:pt x="2576" y="1"/>
                  </a:lnTo>
                  <a:lnTo>
                    <a:pt x="2577" y="0"/>
                  </a:lnTo>
                  <a:lnTo>
                    <a:pt x="2577" y="0"/>
                  </a:lnTo>
                  <a:lnTo>
                    <a:pt x="2578" y="0"/>
                  </a:lnTo>
                  <a:lnTo>
                    <a:pt x="2578" y="0"/>
                  </a:lnTo>
                  <a:lnTo>
                    <a:pt x="2578" y="0"/>
                  </a:lnTo>
                  <a:lnTo>
                    <a:pt x="2578" y="0"/>
                  </a:lnTo>
                  <a:lnTo>
                    <a:pt x="2579" y="0"/>
                  </a:lnTo>
                  <a:lnTo>
                    <a:pt x="2579" y="0"/>
                  </a:lnTo>
                  <a:lnTo>
                    <a:pt x="2580" y="0"/>
                  </a:lnTo>
                  <a:lnTo>
                    <a:pt x="2580" y="0"/>
                  </a:lnTo>
                  <a:lnTo>
                    <a:pt x="2582" y="0"/>
                  </a:lnTo>
                  <a:lnTo>
                    <a:pt x="2582" y="0"/>
                  </a:lnTo>
                  <a:lnTo>
                    <a:pt x="2583" y="0"/>
                  </a:lnTo>
                  <a:lnTo>
                    <a:pt x="2583" y="0"/>
                  </a:lnTo>
                  <a:lnTo>
                    <a:pt x="2584" y="0"/>
                  </a:lnTo>
                  <a:lnTo>
                    <a:pt x="2584" y="0"/>
                  </a:lnTo>
                  <a:lnTo>
                    <a:pt x="2585" y="0"/>
                  </a:lnTo>
                  <a:lnTo>
                    <a:pt x="2585" y="0"/>
                  </a:lnTo>
                  <a:lnTo>
                    <a:pt x="2586" y="0"/>
                  </a:lnTo>
                  <a:lnTo>
                    <a:pt x="2586" y="0"/>
                  </a:lnTo>
                  <a:lnTo>
                    <a:pt x="2587" y="0"/>
                  </a:lnTo>
                  <a:lnTo>
                    <a:pt x="2587" y="0"/>
                  </a:lnTo>
                  <a:lnTo>
                    <a:pt x="2588" y="0"/>
                  </a:lnTo>
                  <a:lnTo>
                    <a:pt x="2588" y="0"/>
                  </a:lnTo>
                  <a:lnTo>
                    <a:pt x="2589" y="0"/>
                  </a:lnTo>
                  <a:lnTo>
                    <a:pt x="2589" y="0"/>
                  </a:lnTo>
                  <a:lnTo>
                    <a:pt x="2590" y="0"/>
                  </a:lnTo>
                  <a:lnTo>
                    <a:pt x="2590" y="0"/>
                  </a:lnTo>
                  <a:lnTo>
                    <a:pt x="2592" y="0"/>
                  </a:lnTo>
                  <a:lnTo>
                    <a:pt x="2592" y="0"/>
                  </a:lnTo>
                  <a:lnTo>
                    <a:pt x="2593" y="0"/>
                  </a:lnTo>
                  <a:lnTo>
                    <a:pt x="2593" y="0"/>
                  </a:lnTo>
                  <a:lnTo>
                    <a:pt x="2594" y="0"/>
                  </a:lnTo>
                  <a:lnTo>
                    <a:pt x="2594" y="0"/>
                  </a:lnTo>
                  <a:lnTo>
                    <a:pt x="2594" y="0"/>
                  </a:lnTo>
                  <a:lnTo>
                    <a:pt x="2594" y="0"/>
                  </a:lnTo>
                  <a:lnTo>
                    <a:pt x="2595" y="0"/>
                  </a:lnTo>
                  <a:lnTo>
                    <a:pt x="2595" y="0"/>
                  </a:lnTo>
                  <a:lnTo>
                    <a:pt x="2596" y="0"/>
                  </a:lnTo>
                  <a:lnTo>
                    <a:pt x="2596" y="0"/>
                  </a:lnTo>
                  <a:lnTo>
                    <a:pt x="2597" y="0"/>
                  </a:lnTo>
                  <a:lnTo>
                    <a:pt x="2597" y="0"/>
                  </a:lnTo>
                  <a:lnTo>
                    <a:pt x="2598" y="0"/>
                  </a:lnTo>
                  <a:lnTo>
                    <a:pt x="2598" y="0"/>
                  </a:lnTo>
                  <a:lnTo>
                    <a:pt x="2599" y="0"/>
                  </a:lnTo>
                  <a:lnTo>
                    <a:pt x="2599" y="0"/>
                  </a:lnTo>
                  <a:lnTo>
                    <a:pt x="2601" y="0"/>
                  </a:lnTo>
                  <a:lnTo>
                    <a:pt x="2601" y="0"/>
                  </a:lnTo>
                  <a:lnTo>
                    <a:pt x="2602" y="0"/>
                  </a:lnTo>
                  <a:lnTo>
                    <a:pt x="2602" y="0"/>
                  </a:lnTo>
                  <a:lnTo>
                    <a:pt x="2603" y="0"/>
                  </a:lnTo>
                  <a:lnTo>
                    <a:pt x="2603" y="0"/>
                  </a:lnTo>
                  <a:lnTo>
                    <a:pt x="2604" y="0"/>
                  </a:lnTo>
                  <a:lnTo>
                    <a:pt x="2604" y="0"/>
                  </a:lnTo>
                  <a:lnTo>
                    <a:pt x="2605" y="0"/>
                  </a:lnTo>
                  <a:lnTo>
                    <a:pt x="2605" y="0"/>
                  </a:lnTo>
                  <a:lnTo>
                    <a:pt x="2606" y="0"/>
                  </a:lnTo>
                  <a:lnTo>
                    <a:pt x="2606" y="0"/>
                  </a:lnTo>
                  <a:lnTo>
                    <a:pt x="2607" y="0"/>
                  </a:lnTo>
                  <a:lnTo>
                    <a:pt x="2607" y="0"/>
                  </a:lnTo>
                  <a:lnTo>
                    <a:pt x="2608" y="0"/>
                  </a:lnTo>
                  <a:lnTo>
                    <a:pt x="2608" y="0"/>
                  </a:lnTo>
                  <a:lnTo>
                    <a:pt x="2608" y="0"/>
                  </a:lnTo>
                  <a:lnTo>
                    <a:pt x="2608" y="0"/>
                  </a:lnTo>
                  <a:lnTo>
                    <a:pt x="2610" y="0"/>
                  </a:lnTo>
                  <a:lnTo>
                    <a:pt x="2610" y="0"/>
                  </a:lnTo>
                  <a:lnTo>
                    <a:pt x="2611" y="0"/>
                  </a:lnTo>
                  <a:lnTo>
                    <a:pt x="2611" y="0"/>
                  </a:lnTo>
                  <a:lnTo>
                    <a:pt x="2612" y="0"/>
                  </a:lnTo>
                  <a:lnTo>
                    <a:pt x="2612" y="0"/>
                  </a:lnTo>
                  <a:lnTo>
                    <a:pt x="2613" y="0"/>
                  </a:lnTo>
                  <a:lnTo>
                    <a:pt x="2613" y="0"/>
                  </a:lnTo>
                  <a:lnTo>
                    <a:pt x="2614" y="0"/>
                  </a:lnTo>
                  <a:lnTo>
                    <a:pt x="2614" y="0"/>
                  </a:lnTo>
                  <a:lnTo>
                    <a:pt x="2615" y="0"/>
                  </a:lnTo>
                  <a:lnTo>
                    <a:pt x="2615" y="0"/>
                  </a:lnTo>
                  <a:lnTo>
                    <a:pt x="2616" y="0"/>
                  </a:lnTo>
                  <a:lnTo>
                    <a:pt x="2616" y="0"/>
                  </a:lnTo>
                  <a:lnTo>
                    <a:pt x="2617" y="0"/>
                  </a:lnTo>
                  <a:lnTo>
                    <a:pt x="2617" y="0"/>
                  </a:lnTo>
                  <a:lnTo>
                    <a:pt x="2619" y="0"/>
                  </a:lnTo>
                  <a:lnTo>
                    <a:pt x="2619" y="0"/>
                  </a:lnTo>
                  <a:lnTo>
                    <a:pt x="2620" y="0"/>
                  </a:lnTo>
                  <a:lnTo>
                    <a:pt x="2620" y="0"/>
                  </a:lnTo>
                  <a:lnTo>
                    <a:pt x="2621" y="0"/>
                  </a:lnTo>
                  <a:lnTo>
                    <a:pt x="2621" y="0"/>
                  </a:lnTo>
                  <a:lnTo>
                    <a:pt x="2622" y="0"/>
                  </a:lnTo>
                  <a:lnTo>
                    <a:pt x="2622" y="0"/>
                  </a:lnTo>
                  <a:lnTo>
                    <a:pt x="2623" y="0"/>
                  </a:lnTo>
                  <a:lnTo>
                    <a:pt x="2623" y="0"/>
                  </a:lnTo>
                  <a:lnTo>
                    <a:pt x="2624" y="0"/>
                  </a:lnTo>
                  <a:lnTo>
                    <a:pt x="2624" y="0"/>
                  </a:lnTo>
                  <a:lnTo>
                    <a:pt x="2624" y="0"/>
                  </a:lnTo>
                  <a:lnTo>
                    <a:pt x="2624" y="0"/>
                  </a:lnTo>
                  <a:lnTo>
                    <a:pt x="2626" y="0"/>
                  </a:lnTo>
                  <a:lnTo>
                    <a:pt x="2626" y="0"/>
                  </a:lnTo>
                  <a:lnTo>
                    <a:pt x="2626" y="0"/>
                  </a:lnTo>
                  <a:lnTo>
                    <a:pt x="2626" y="0"/>
                  </a:lnTo>
                  <a:lnTo>
                    <a:pt x="2629" y="0"/>
                  </a:lnTo>
                  <a:lnTo>
                    <a:pt x="2629" y="0"/>
                  </a:lnTo>
                  <a:lnTo>
                    <a:pt x="2629" y="0"/>
                  </a:lnTo>
                  <a:lnTo>
                    <a:pt x="2629" y="0"/>
                  </a:lnTo>
                  <a:lnTo>
                    <a:pt x="2631"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79" name="Freeform 293">
              <a:extLst>
                <a:ext uri="{FF2B5EF4-FFF2-40B4-BE49-F238E27FC236}">
                  <a16:creationId xmlns:a16="http://schemas.microsoft.com/office/drawing/2014/main" xmlns="" id="{D45D6DE3-A2C2-1940-89F7-C6689581E150}"/>
                </a:ext>
              </a:extLst>
            </p:cNvPr>
            <p:cNvSpPr>
              <a:spLocks/>
            </p:cNvSpPr>
            <p:nvPr/>
          </p:nvSpPr>
          <p:spPr bwMode="auto">
            <a:xfrm flipH="1">
              <a:off x="9078145" y="2810383"/>
              <a:ext cx="189007" cy="1939485"/>
            </a:xfrm>
            <a:custGeom>
              <a:avLst/>
              <a:gdLst>
                <a:gd name="T0" fmla="*/ 214 w 214"/>
                <a:gd name="T1" fmla="*/ 2 h 2132"/>
                <a:gd name="T2" fmla="*/ 0 w 214"/>
                <a:gd name="T3" fmla="*/ 0 h 2132"/>
                <a:gd name="T4" fmla="*/ 84 w 214"/>
                <a:gd name="T5" fmla="*/ 2132 h 2132"/>
                <a:gd name="T6" fmla="*/ 132 w 214"/>
                <a:gd name="T7" fmla="*/ 2132 h 2132"/>
                <a:gd name="T8" fmla="*/ 214 w 214"/>
                <a:gd name="T9" fmla="*/ 2 h 2132"/>
              </a:gdLst>
              <a:ahLst/>
              <a:cxnLst>
                <a:cxn ang="0">
                  <a:pos x="T0" y="T1"/>
                </a:cxn>
                <a:cxn ang="0">
                  <a:pos x="T2" y="T3"/>
                </a:cxn>
                <a:cxn ang="0">
                  <a:pos x="T4" y="T5"/>
                </a:cxn>
                <a:cxn ang="0">
                  <a:pos x="T6" y="T7"/>
                </a:cxn>
                <a:cxn ang="0">
                  <a:pos x="T8" y="T9"/>
                </a:cxn>
              </a:cxnLst>
              <a:rect l="0" t="0" r="r" b="b"/>
              <a:pathLst>
                <a:path w="214" h="2132">
                  <a:moveTo>
                    <a:pt x="214" y="2"/>
                  </a:moveTo>
                  <a:lnTo>
                    <a:pt x="0" y="0"/>
                  </a:lnTo>
                  <a:lnTo>
                    <a:pt x="84" y="2132"/>
                  </a:lnTo>
                  <a:lnTo>
                    <a:pt x="132" y="2132"/>
                  </a:lnTo>
                  <a:lnTo>
                    <a:pt x="214" y="2"/>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80" name="Freeform 294">
              <a:extLst>
                <a:ext uri="{FF2B5EF4-FFF2-40B4-BE49-F238E27FC236}">
                  <a16:creationId xmlns:a16="http://schemas.microsoft.com/office/drawing/2014/main" xmlns="" id="{F7578982-9C59-9249-B388-4B7D96A8021D}"/>
                </a:ext>
              </a:extLst>
            </p:cNvPr>
            <p:cNvSpPr>
              <a:spLocks/>
            </p:cNvSpPr>
            <p:nvPr/>
          </p:nvSpPr>
          <p:spPr bwMode="auto">
            <a:xfrm flipH="1">
              <a:off x="8658130" y="2727443"/>
              <a:ext cx="2278582" cy="829385"/>
            </a:xfrm>
            <a:custGeom>
              <a:avLst/>
              <a:gdLst>
                <a:gd name="T0" fmla="*/ 2556 w 2609"/>
                <a:gd name="T1" fmla="*/ 913 h 913"/>
                <a:gd name="T2" fmla="*/ 2609 w 2609"/>
                <a:gd name="T3" fmla="*/ 764 h 913"/>
                <a:gd name="T4" fmla="*/ 11 w 2609"/>
                <a:gd name="T5" fmla="*/ 0 h 913"/>
                <a:gd name="T6" fmla="*/ 0 w 2609"/>
                <a:gd name="T7" fmla="*/ 32 h 913"/>
                <a:gd name="T8" fmla="*/ 2556 w 2609"/>
                <a:gd name="T9" fmla="*/ 913 h 913"/>
              </a:gdLst>
              <a:ahLst/>
              <a:cxnLst>
                <a:cxn ang="0">
                  <a:pos x="T0" y="T1"/>
                </a:cxn>
                <a:cxn ang="0">
                  <a:pos x="T2" y="T3"/>
                </a:cxn>
                <a:cxn ang="0">
                  <a:pos x="T4" y="T5"/>
                </a:cxn>
                <a:cxn ang="0">
                  <a:pos x="T6" y="T7"/>
                </a:cxn>
                <a:cxn ang="0">
                  <a:pos x="T8" y="T9"/>
                </a:cxn>
              </a:cxnLst>
              <a:rect l="0" t="0" r="r" b="b"/>
              <a:pathLst>
                <a:path w="2609" h="913">
                  <a:moveTo>
                    <a:pt x="2556" y="913"/>
                  </a:moveTo>
                  <a:lnTo>
                    <a:pt x="2609" y="764"/>
                  </a:lnTo>
                  <a:lnTo>
                    <a:pt x="11" y="0"/>
                  </a:lnTo>
                  <a:lnTo>
                    <a:pt x="0" y="32"/>
                  </a:lnTo>
                  <a:lnTo>
                    <a:pt x="2556" y="913"/>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81" name="Freeform 295">
              <a:extLst>
                <a:ext uri="{FF2B5EF4-FFF2-40B4-BE49-F238E27FC236}">
                  <a16:creationId xmlns:a16="http://schemas.microsoft.com/office/drawing/2014/main" xmlns="" id="{E4A71E2A-C6F8-8E4F-B103-03C71EA98962}"/>
                </a:ext>
              </a:extLst>
            </p:cNvPr>
            <p:cNvSpPr>
              <a:spLocks/>
            </p:cNvSpPr>
            <p:nvPr/>
          </p:nvSpPr>
          <p:spPr bwMode="auto">
            <a:xfrm flipH="1">
              <a:off x="7886352" y="1987376"/>
              <a:ext cx="1585557" cy="1677909"/>
            </a:xfrm>
            <a:custGeom>
              <a:avLst/>
              <a:gdLst>
                <a:gd name="T0" fmla="*/ 51 w 1813"/>
                <a:gd name="T1" fmla="*/ 1843 h 1843"/>
                <a:gd name="T2" fmla="*/ 1813 w 1813"/>
                <a:gd name="T3" fmla="*/ 0 h 1843"/>
                <a:gd name="T4" fmla="*/ 0 w 1813"/>
                <a:gd name="T5" fmla="*/ 1797 h 1843"/>
                <a:gd name="T6" fmla="*/ 51 w 1813"/>
                <a:gd name="T7" fmla="*/ 1843 h 1843"/>
              </a:gdLst>
              <a:ahLst/>
              <a:cxnLst>
                <a:cxn ang="0">
                  <a:pos x="T0" y="T1"/>
                </a:cxn>
                <a:cxn ang="0">
                  <a:pos x="T2" y="T3"/>
                </a:cxn>
                <a:cxn ang="0">
                  <a:pos x="T4" y="T5"/>
                </a:cxn>
                <a:cxn ang="0">
                  <a:pos x="T6" y="T7"/>
                </a:cxn>
              </a:cxnLst>
              <a:rect l="0" t="0" r="r" b="b"/>
              <a:pathLst>
                <a:path w="1813" h="1843">
                  <a:moveTo>
                    <a:pt x="51" y="1843"/>
                  </a:moveTo>
                  <a:lnTo>
                    <a:pt x="1813" y="0"/>
                  </a:lnTo>
                  <a:lnTo>
                    <a:pt x="0" y="1797"/>
                  </a:lnTo>
                  <a:lnTo>
                    <a:pt x="51" y="1843"/>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82" name="Freeform 296">
              <a:extLst>
                <a:ext uri="{FF2B5EF4-FFF2-40B4-BE49-F238E27FC236}">
                  <a16:creationId xmlns:a16="http://schemas.microsoft.com/office/drawing/2014/main" xmlns="" id="{A0F957C1-897C-9941-AB9F-8509437E9034}"/>
                </a:ext>
              </a:extLst>
            </p:cNvPr>
            <p:cNvSpPr>
              <a:spLocks/>
            </p:cNvSpPr>
            <p:nvPr/>
          </p:nvSpPr>
          <p:spPr bwMode="auto">
            <a:xfrm flipH="1">
              <a:off x="8983641" y="3116615"/>
              <a:ext cx="378014" cy="376412"/>
            </a:xfrm>
            <a:custGeom>
              <a:avLst/>
              <a:gdLst>
                <a:gd name="T0" fmla="*/ 0 w 432"/>
                <a:gd name="T1" fmla="*/ 208 h 416"/>
                <a:gd name="T2" fmla="*/ 5 w 432"/>
                <a:gd name="T3" fmla="*/ 249 h 416"/>
                <a:gd name="T4" fmla="*/ 17 w 432"/>
                <a:gd name="T5" fmla="*/ 289 h 416"/>
                <a:gd name="T6" fmla="*/ 37 w 432"/>
                <a:gd name="T7" fmla="*/ 324 h 416"/>
                <a:gd name="T8" fmla="*/ 63 w 432"/>
                <a:gd name="T9" fmla="*/ 355 h 416"/>
                <a:gd name="T10" fmla="*/ 96 w 432"/>
                <a:gd name="T11" fmla="*/ 380 h 416"/>
                <a:gd name="T12" fmla="*/ 131 w 432"/>
                <a:gd name="T13" fmla="*/ 399 h 416"/>
                <a:gd name="T14" fmla="*/ 173 w 432"/>
                <a:gd name="T15" fmla="*/ 411 h 416"/>
                <a:gd name="T16" fmla="*/ 216 w 432"/>
                <a:gd name="T17" fmla="*/ 416 h 416"/>
                <a:gd name="T18" fmla="*/ 238 w 432"/>
                <a:gd name="T19" fmla="*/ 414 h 416"/>
                <a:gd name="T20" fmla="*/ 279 w 432"/>
                <a:gd name="T21" fmla="*/ 406 h 416"/>
                <a:gd name="T22" fmla="*/ 319 w 432"/>
                <a:gd name="T23" fmla="*/ 391 h 416"/>
                <a:gd name="T24" fmla="*/ 354 w 432"/>
                <a:gd name="T25" fmla="*/ 368 h 416"/>
                <a:gd name="T26" fmla="*/ 383 w 432"/>
                <a:gd name="T27" fmla="*/ 340 h 416"/>
                <a:gd name="T28" fmla="*/ 405 w 432"/>
                <a:gd name="T29" fmla="*/ 306 h 416"/>
                <a:gd name="T30" fmla="*/ 422 w 432"/>
                <a:gd name="T31" fmla="*/ 270 h 416"/>
                <a:gd name="T32" fmla="*/ 431 w 432"/>
                <a:gd name="T33" fmla="*/ 229 h 416"/>
                <a:gd name="T34" fmla="*/ 432 w 432"/>
                <a:gd name="T35" fmla="*/ 208 h 416"/>
                <a:gd name="T36" fmla="*/ 428 w 432"/>
                <a:gd name="T37" fmla="*/ 166 h 416"/>
                <a:gd name="T38" fmla="*/ 414 w 432"/>
                <a:gd name="T39" fmla="*/ 127 h 416"/>
                <a:gd name="T40" fmla="*/ 395 w 432"/>
                <a:gd name="T41" fmla="*/ 92 h 416"/>
                <a:gd name="T42" fmla="*/ 368 w 432"/>
                <a:gd name="T43" fmla="*/ 61 h 416"/>
                <a:gd name="T44" fmla="*/ 337 w 432"/>
                <a:gd name="T45" fmla="*/ 35 h 416"/>
                <a:gd name="T46" fmla="*/ 300 w 432"/>
                <a:gd name="T47" fmla="*/ 17 h 416"/>
                <a:gd name="T48" fmla="*/ 259 w 432"/>
                <a:gd name="T49" fmla="*/ 4 h 416"/>
                <a:gd name="T50" fmla="*/ 216 w 432"/>
                <a:gd name="T51" fmla="*/ 0 h 416"/>
                <a:gd name="T52" fmla="*/ 194 w 432"/>
                <a:gd name="T53" fmla="*/ 1 h 416"/>
                <a:gd name="T54" fmla="*/ 152 w 432"/>
                <a:gd name="T55" fmla="*/ 9 h 416"/>
                <a:gd name="T56" fmla="*/ 113 w 432"/>
                <a:gd name="T57" fmla="*/ 26 h 416"/>
                <a:gd name="T58" fmla="*/ 79 w 432"/>
                <a:gd name="T59" fmla="*/ 47 h 416"/>
                <a:gd name="T60" fmla="*/ 50 w 432"/>
                <a:gd name="T61" fmla="*/ 75 h 416"/>
                <a:gd name="T62" fmla="*/ 26 w 432"/>
                <a:gd name="T63" fmla="*/ 109 h 416"/>
                <a:gd name="T64" fmla="*/ 10 w 432"/>
                <a:gd name="T65" fmla="*/ 147 h 416"/>
                <a:gd name="T66" fmla="*/ 1 w 432"/>
                <a:gd name="T67" fmla="*/ 187 h 416"/>
                <a:gd name="T68" fmla="*/ 0 w 432"/>
                <a:gd name="T69" fmla="*/ 208 h 4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32" h="416">
                  <a:moveTo>
                    <a:pt x="0" y="208"/>
                  </a:moveTo>
                  <a:lnTo>
                    <a:pt x="0" y="208"/>
                  </a:lnTo>
                  <a:lnTo>
                    <a:pt x="1" y="229"/>
                  </a:lnTo>
                  <a:lnTo>
                    <a:pt x="5" y="249"/>
                  </a:lnTo>
                  <a:lnTo>
                    <a:pt x="10" y="270"/>
                  </a:lnTo>
                  <a:lnTo>
                    <a:pt x="17" y="289"/>
                  </a:lnTo>
                  <a:lnTo>
                    <a:pt x="26" y="306"/>
                  </a:lnTo>
                  <a:lnTo>
                    <a:pt x="37" y="324"/>
                  </a:lnTo>
                  <a:lnTo>
                    <a:pt x="50" y="340"/>
                  </a:lnTo>
                  <a:lnTo>
                    <a:pt x="63" y="355"/>
                  </a:lnTo>
                  <a:lnTo>
                    <a:pt x="79" y="368"/>
                  </a:lnTo>
                  <a:lnTo>
                    <a:pt x="96" y="380"/>
                  </a:lnTo>
                  <a:lnTo>
                    <a:pt x="113" y="391"/>
                  </a:lnTo>
                  <a:lnTo>
                    <a:pt x="131" y="399"/>
                  </a:lnTo>
                  <a:lnTo>
                    <a:pt x="152" y="406"/>
                  </a:lnTo>
                  <a:lnTo>
                    <a:pt x="173" y="411"/>
                  </a:lnTo>
                  <a:lnTo>
                    <a:pt x="194" y="414"/>
                  </a:lnTo>
                  <a:lnTo>
                    <a:pt x="216" y="416"/>
                  </a:lnTo>
                  <a:lnTo>
                    <a:pt x="216" y="416"/>
                  </a:lnTo>
                  <a:lnTo>
                    <a:pt x="238" y="414"/>
                  </a:lnTo>
                  <a:lnTo>
                    <a:pt x="259" y="411"/>
                  </a:lnTo>
                  <a:lnTo>
                    <a:pt x="279" y="406"/>
                  </a:lnTo>
                  <a:lnTo>
                    <a:pt x="300" y="399"/>
                  </a:lnTo>
                  <a:lnTo>
                    <a:pt x="319" y="391"/>
                  </a:lnTo>
                  <a:lnTo>
                    <a:pt x="337" y="380"/>
                  </a:lnTo>
                  <a:lnTo>
                    <a:pt x="354" y="368"/>
                  </a:lnTo>
                  <a:lnTo>
                    <a:pt x="368" y="355"/>
                  </a:lnTo>
                  <a:lnTo>
                    <a:pt x="383" y="340"/>
                  </a:lnTo>
                  <a:lnTo>
                    <a:pt x="395" y="324"/>
                  </a:lnTo>
                  <a:lnTo>
                    <a:pt x="405" y="306"/>
                  </a:lnTo>
                  <a:lnTo>
                    <a:pt x="414" y="289"/>
                  </a:lnTo>
                  <a:lnTo>
                    <a:pt x="422" y="270"/>
                  </a:lnTo>
                  <a:lnTo>
                    <a:pt x="428" y="249"/>
                  </a:lnTo>
                  <a:lnTo>
                    <a:pt x="431" y="229"/>
                  </a:lnTo>
                  <a:lnTo>
                    <a:pt x="432" y="208"/>
                  </a:lnTo>
                  <a:lnTo>
                    <a:pt x="432" y="208"/>
                  </a:lnTo>
                  <a:lnTo>
                    <a:pt x="431" y="187"/>
                  </a:lnTo>
                  <a:lnTo>
                    <a:pt x="428" y="166"/>
                  </a:lnTo>
                  <a:lnTo>
                    <a:pt x="422" y="147"/>
                  </a:lnTo>
                  <a:lnTo>
                    <a:pt x="414" y="127"/>
                  </a:lnTo>
                  <a:lnTo>
                    <a:pt x="405" y="109"/>
                  </a:lnTo>
                  <a:lnTo>
                    <a:pt x="395" y="92"/>
                  </a:lnTo>
                  <a:lnTo>
                    <a:pt x="383" y="75"/>
                  </a:lnTo>
                  <a:lnTo>
                    <a:pt x="368" y="61"/>
                  </a:lnTo>
                  <a:lnTo>
                    <a:pt x="354" y="47"/>
                  </a:lnTo>
                  <a:lnTo>
                    <a:pt x="337" y="35"/>
                  </a:lnTo>
                  <a:lnTo>
                    <a:pt x="319" y="26"/>
                  </a:lnTo>
                  <a:lnTo>
                    <a:pt x="300" y="17"/>
                  </a:lnTo>
                  <a:lnTo>
                    <a:pt x="279" y="9"/>
                  </a:lnTo>
                  <a:lnTo>
                    <a:pt x="259" y="4"/>
                  </a:lnTo>
                  <a:lnTo>
                    <a:pt x="238" y="1"/>
                  </a:lnTo>
                  <a:lnTo>
                    <a:pt x="216" y="0"/>
                  </a:lnTo>
                  <a:lnTo>
                    <a:pt x="216" y="0"/>
                  </a:lnTo>
                  <a:lnTo>
                    <a:pt x="194" y="1"/>
                  </a:lnTo>
                  <a:lnTo>
                    <a:pt x="173" y="4"/>
                  </a:lnTo>
                  <a:lnTo>
                    <a:pt x="152" y="9"/>
                  </a:lnTo>
                  <a:lnTo>
                    <a:pt x="131" y="17"/>
                  </a:lnTo>
                  <a:lnTo>
                    <a:pt x="113" y="26"/>
                  </a:lnTo>
                  <a:lnTo>
                    <a:pt x="96" y="35"/>
                  </a:lnTo>
                  <a:lnTo>
                    <a:pt x="79" y="47"/>
                  </a:lnTo>
                  <a:lnTo>
                    <a:pt x="63" y="61"/>
                  </a:lnTo>
                  <a:lnTo>
                    <a:pt x="50" y="75"/>
                  </a:lnTo>
                  <a:lnTo>
                    <a:pt x="37" y="92"/>
                  </a:lnTo>
                  <a:lnTo>
                    <a:pt x="26" y="109"/>
                  </a:lnTo>
                  <a:lnTo>
                    <a:pt x="17" y="127"/>
                  </a:lnTo>
                  <a:lnTo>
                    <a:pt x="10" y="147"/>
                  </a:lnTo>
                  <a:lnTo>
                    <a:pt x="5" y="166"/>
                  </a:lnTo>
                  <a:lnTo>
                    <a:pt x="1" y="187"/>
                  </a:lnTo>
                  <a:lnTo>
                    <a:pt x="0" y="208"/>
                  </a:lnTo>
                  <a:lnTo>
                    <a:pt x="0" y="208"/>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83" name="Freeform 297">
              <a:extLst>
                <a:ext uri="{FF2B5EF4-FFF2-40B4-BE49-F238E27FC236}">
                  <a16:creationId xmlns:a16="http://schemas.microsoft.com/office/drawing/2014/main" xmlns="" id="{31ABC1EC-4BA6-5A4D-9D08-2D457A1DFB7A}"/>
                </a:ext>
              </a:extLst>
            </p:cNvPr>
            <p:cNvSpPr>
              <a:spLocks/>
            </p:cNvSpPr>
            <p:nvPr/>
          </p:nvSpPr>
          <p:spPr bwMode="auto">
            <a:xfrm flipH="1">
              <a:off x="9030893" y="3161274"/>
              <a:ext cx="283510" cy="287093"/>
            </a:xfrm>
            <a:custGeom>
              <a:avLst/>
              <a:gdLst>
                <a:gd name="T0" fmla="*/ 163 w 326"/>
                <a:gd name="T1" fmla="*/ 314 h 314"/>
                <a:gd name="T2" fmla="*/ 196 w 326"/>
                <a:gd name="T3" fmla="*/ 311 h 314"/>
                <a:gd name="T4" fmla="*/ 226 w 326"/>
                <a:gd name="T5" fmla="*/ 302 h 314"/>
                <a:gd name="T6" fmla="*/ 255 w 326"/>
                <a:gd name="T7" fmla="*/ 287 h 314"/>
                <a:gd name="T8" fmla="*/ 278 w 326"/>
                <a:gd name="T9" fmla="*/ 268 h 314"/>
                <a:gd name="T10" fmla="*/ 298 w 326"/>
                <a:gd name="T11" fmla="*/ 245 h 314"/>
                <a:gd name="T12" fmla="*/ 313 w 326"/>
                <a:gd name="T13" fmla="*/ 218 h 314"/>
                <a:gd name="T14" fmla="*/ 323 w 326"/>
                <a:gd name="T15" fmla="*/ 189 h 314"/>
                <a:gd name="T16" fmla="*/ 326 w 326"/>
                <a:gd name="T17" fmla="*/ 157 h 314"/>
                <a:gd name="T18" fmla="*/ 325 w 326"/>
                <a:gd name="T19" fmla="*/ 141 h 314"/>
                <a:gd name="T20" fmla="*/ 318 w 326"/>
                <a:gd name="T21" fmla="*/ 111 h 314"/>
                <a:gd name="T22" fmla="*/ 306 w 326"/>
                <a:gd name="T23" fmla="*/ 82 h 314"/>
                <a:gd name="T24" fmla="*/ 288 w 326"/>
                <a:gd name="T25" fmla="*/ 57 h 314"/>
                <a:gd name="T26" fmla="*/ 267 w 326"/>
                <a:gd name="T27" fmla="*/ 36 h 314"/>
                <a:gd name="T28" fmla="*/ 241 w 326"/>
                <a:gd name="T29" fmla="*/ 19 h 314"/>
                <a:gd name="T30" fmla="*/ 211 w 326"/>
                <a:gd name="T31" fmla="*/ 7 h 314"/>
                <a:gd name="T32" fmla="*/ 179 w 326"/>
                <a:gd name="T33" fmla="*/ 1 h 314"/>
                <a:gd name="T34" fmla="*/ 163 w 326"/>
                <a:gd name="T35" fmla="*/ 0 h 314"/>
                <a:gd name="T36" fmla="*/ 130 w 326"/>
                <a:gd name="T37" fmla="*/ 3 h 314"/>
                <a:gd name="T38" fmla="*/ 100 w 326"/>
                <a:gd name="T39" fmla="*/ 12 h 314"/>
                <a:gd name="T40" fmla="*/ 72 w 326"/>
                <a:gd name="T41" fmla="*/ 27 h 314"/>
                <a:gd name="T42" fmla="*/ 47 w 326"/>
                <a:gd name="T43" fmla="*/ 46 h 314"/>
                <a:gd name="T44" fmla="*/ 28 w 326"/>
                <a:gd name="T45" fmla="*/ 69 h 314"/>
                <a:gd name="T46" fmla="*/ 12 w 326"/>
                <a:gd name="T47" fmla="*/ 96 h 314"/>
                <a:gd name="T48" fmla="*/ 3 w 326"/>
                <a:gd name="T49" fmla="*/ 125 h 314"/>
                <a:gd name="T50" fmla="*/ 0 w 326"/>
                <a:gd name="T51" fmla="*/ 157 h 314"/>
                <a:gd name="T52" fmla="*/ 1 w 326"/>
                <a:gd name="T53" fmla="*/ 173 h 314"/>
                <a:gd name="T54" fmla="*/ 7 w 326"/>
                <a:gd name="T55" fmla="*/ 204 h 314"/>
                <a:gd name="T56" fmla="*/ 19 w 326"/>
                <a:gd name="T57" fmla="*/ 232 h 314"/>
                <a:gd name="T58" fmla="*/ 37 w 326"/>
                <a:gd name="T59" fmla="*/ 257 h 314"/>
                <a:gd name="T60" fmla="*/ 59 w 326"/>
                <a:gd name="T61" fmla="*/ 278 h 314"/>
                <a:gd name="T62" fmla="*/ 85 w 326"/>
                <a:gd name="T63" fmla="*/ 295 h 314"/>
                <a:gd name="T64" fmla="*/ 114 w 326"/>
                <a:gd name="T65" fmla="*/ 307 h 314"/>
                <a:gd name="T66" fmla="*/ 146 w 326"/>
                <a:gd name="T67" fmla="*/ 313 h 314"/>
                <a:gd name="T68" fmla="*/ 163 w 326"/>
                <a:gd name="T69" fmla="*/ 314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6" h="314">
                  <a:moveTo>
                    <a:pt x="163" y="314"/>
                  </a:moveTo>
                  <a:lnTo>
                    <a:pt x="163" y="314"/>
                  </a:lnTo>
                  <a:lnTo>
                    <a:pt x="179" y="313"/>
                  </a:lnTo>
                  <a:lnTo>
                    <a:pt x="196" y="311"/>
                  </a:lnTo>
                  <a:lnTo>
                    <a:pt x="211" y="307"/>
                  </a:lnTo>
                  <a:lnTo>
                    <a:pt x="226" y="302"/>
                  </a:lnTo>
                  <a:lnTo>
                    <a:pt x="241" y="295"/>
                  </a:lnTo>
                  <a:lnTo>
                    <a:pt x="255" y="287"/>
                  </a:lnTo>
                  <a:lnTo>
                    <a:pt x="267" y="278"/>
                  </a:lnTo>
                  <a:lnTo>
                    <a:pt x="278" y="268"/>
                  </a:lnTo>
                  <a:lnTo>
                    <a:pt x="288" y="257"/>
                  </a:lnTo>
                  <a:lnTo>
                    <a:pt x="298" y="245"/>
                  </a:lnTo>
                  <a:lnTo>
                    <a:pt x="306" y="232"/>
                  </a:lnTo>
                  <a:lnTo>
                    <a:pt x="313" y="218"/>
                  </a:lnTo>
                  <a:lnTo>
                    <a:pt x="318" y="204"/>
                  </a:lnTo>
                  <a:lnTo>
                    <a:pt x="323" y="189"/>
                  </a:lnTo>
                  <a:lnTo>
                    <a:pt x="325" y="173"/>
                  </a:lnTo>
                  <a:lnTo>
                    <a:pt x="326" y="157"/>
                  </a:lnTo>
                  <a:lnTo>
                    <a:pt x="326" y="157"/>
                  </a:lnTo>
                  <a:lnTo>
                    <a:pt x="325" y="141"/>
                  </a:lnTo>
                  <a:lnTo>
                    <a:pt x="323" y="125"/>
                  </a:lnTo>
                  <a:lnTo>
                    <a:pt x="318" y="111"/>
                  </a:lnTo>
                  <a:lnTo>
                    <a:pt x="313" y="96"/>
                  </a:lnTo>
                  <a:lnTo>
                    <a:pt x="306" y="82"/>
                  </a:lnTo>
                  <a:lnTo>
                    <a:pt x="298" y="69"/>
                  </a:lnTo>
                  <a:lnTo>
                    <a:pt x="288" y="57"/>
                  </a:lnTo>
                  <a:lnTo>
                    <a:pt x="278" y="46"/>
                  </a:lnTo>
                  <a:lnTo>
                    <a:pt x="267" y="36"/>
                  </a:lnTo>
                  <a:lnTo>
                    <a:pt x="255" y="27"/>
                  </a:lnTo>
                  <a:lnTo>
                    <a:pt x="241" y="19"/>
                  </a:lnTo>
                  <a:lnTo>
                    <a:pt x="226" y="12"/>
                  </a:lnTo>
                  <a:lnTo>
                    <a:pt x="211" y="7"/>
                  </a:lnTo>
                  <a:lnTo>
                    <a:pt x="196" y="3"/>
                  </a:lnTo>
                  <a:lnTo>
                    <a:pt x="179" y="1"/>
                  </a:lnTo>
                  <a:lnTo>
                    <a:pt x="163" y="0"/>
                  </a:lnTo>
                  <a:lnTo>
                    <a:pt x="163" y="0"/>
                  </a:lnTo>
                  <a:lnTo>
                    <a:pt x="146" y="1"/>
                  </a:lnTo>
                  <a:lnTo>
                    <a:pt x="130" y="3"/>
                  </a:lnTo>
                  <a:lnTo>
                    <a:pt x="114" y="7"/>
                  </a:lnTo>
                  <a:lnTo>
                    <a:pt x="100" y="12"/>
                  </a:lnTo>
                  <a:lnTo>
                    <a:pt x="85" y="19"/>
                  </a:lnTo>
                  <a:lnTo>
                    <a:pt x="72" y="27"/>
                  </a:lnTo>
                  <a:lnTo>
                    <a:pt x="59" y="36"/>
                  </a:lnTo>
                  <a:lnTo>
                    <a:pt x="47" y="46"/>
                  </a:lnTo>
                  <a:lnTo>
                    <a:pt x="37" y="57"/>
                  </a:lnTo>
                  <a:lnTo>
                    <a:pt x="28" y="69"/>
                  </a:lnTo>
                  <a:lnTo>
                    <a:pt x="19" y="82"/>
                  </a:lnTo>
                  <a:lnTo>
                    <a:pt x="12" y="96"/>
                  </a:lnTo>
                  <a:lnTo>
                    <a:pt x="7" y="111"/>
                  </a:lnTo>
                  <a:lnTo>
                    <a:pt x="3" y="125"/>
                  </a:lnTo>
                  <a:lnTo>
                    <a:pt x="1" y="141"/>
                  </a:lnTo>
                  <a:lnTo>
                    <a:pt x="0" y="157"/>
                  </a:lnTo>
                  <a:lnTo>
                    <a:pt x="0" y="157"/>
                  </a:lnTo>
                  <a:lnTo>
                    <a:pt x="1" y="173"/>
                  </a:lnTo>
                  <a:lnTo>
                    <a:pt x="3" y="189"/>
                  </a:lnTo>
                  <a:lnTo>
                    <a:pt x="7" y="204"/>
                  </a:lnTo>
                  <a:lnTo>
                    <a:pt x="12" y="218"/>
                  </a:lnTo>
                  <a:lnTo>
                    <a:pt x="19" y="232"/>
                  </a:lnTo>
                  <a:lnTo>
                    <a:pt x="28" y="245"/>
                  </a:lnTo>
                  <a:lnTo>
                    <a:pt x="37" y="257"/>
                  </a:lnTo>
                  <a:lnTo>
                    <a:pt x="47" y="268"/>
                  </a:lnTo>
                  <a:lnTo>
                    <a:pt x="59" y="278"/>
                  </a:lnTo>
                  <a:lnTo>
                    <a:pt x="72" y="287"/>
                  </a:lnTo>
                  <a:lnTo>
                    <a:pt x="85" y="295"/>
                  </a:lnTo>
                  <a:lnTo>
                    <a:pt x="100" y="302"/>
                  </a:lnTo>
                  <a:lnTo>
                    <a:pt x="114" y="307"/>
                  </a:lnTo>
                  <a:lnTo>
                    <a:pt x="130" y="311"/>
                  </a:lnTo>
                  <a:lnTo>
                    <a:pt x="146" y="313"/>
                  </a:lnTo>
                  <a:lnTo>
                    <a:pt x="163" y="314"/>
                  </a:lnTo>
                  <a:lnTo>
                    <a:pt x="163" y="314"/>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84" name="Freeform 298">
              <a:extLst>
                <a:ext uri="{FF2B5EF4-FFF2-40B4-BE49-F238E27FC236}">
                  <a16:creationId xmlns:a16="http://schemas.microsoft.com/office/drawing/2014/main" xmlns="" id="{D5DE8692-76F3-5747-9F0F-2A2DEC979B0E}"/>
                </a:ext>
              </a:extLst>
            </p:cNvPr>
            <p:cNvSpPr>
              <a:spLocks/>
            </p:cNvSpPr>
            <p:nvPr/>
          </p:nvSpPr>
          <p:spPr bwMode="auto">
            <a:xfrm flipH="1">
              <a:off x="9114896" y="3244214"/>
              <a:ext cx="120754" cy="121217"/>
            </a:xfrm>
            <a:custGeom>
              <a:avLst/>
              <a:gdLst>
                <a:gd name="T0" fmla="*/ 70 w 139"/>
                <a:gd name="T1" fmla="*/ 134 h 134"/>
                <a:gd name="T2" fmla="*/ 70 w 139"/>
                <a:gd name="T3" fmla="*/ 134 h 134"/>
                <a:gd name="T4" fmla="*/ 77 w 139"/>
                <a:gd name="T5" fmla="*/ 134 h 134"/>
                <a:gd name="T6" fmla="*/ 84 w 139"/>
                <a:gd name="T7" fmla="*/ 133 h 134"/>
                <a:gd name="T8" fmla="*/ 91 w 139"/>
                <a:gd name="T9" fmla="*/ 131 h 134"/>
                <a:gd name="T10" fmla="*/ 96 w 139"/>
                <a:gd name="T11" fmla="*/ 129 h 134"/>
                <a:gd name="T12" fmla="*/ 109 w 139"/>
                <a:gd name="T13" fmla="*/ 122 h 134"/>
                <a:gd name="T14" fmla="*/ 119 w 139"/>
                <a:gd name="T15" fmla="*/ 115 h 134"/>
                <a:gd name="T16" fmla="*/ 128 w 139"/>
                <a:gd name="T17" fmla="*/ 104 h 134"/>
                <a:gd name="T18" fmla="*/ 135 w 139"/>
                <a:gd name="T19" fmla="*/ 93 h 134"/>
                <a:gd name="T20" fmla="*/ 137 w 139"/>
                <a:gd name="T21" fmla="*/ 87 h 134"/>
                <a:gd name="T22" fmla="*/ 138 w 139"/>
                <a:gd name="T23" fmla="*/ 80 h 134"/>
                <a:gd name="T24" fmla="*/ 139 w 139"/>
                <a:gd name="T25" fmla="*/ 74 h 134"/>
                <a:gd name="T26" fmla="*/ 139 w 139"/>
                <a:gd name="T27" fmla="*/ 67 h 134"/>
                <a:gd name="T28" fmla="*/ 139 w 139"/>
                <a:gd name="T29" fmla="*/ 67 h 134"/>
                <a:gd name="T30" fmla="*/ 139 w 139"/>
                <a:gd name="T31" fmla="*/ 60 h 134"/>
                <a:gd name="T32" fmla="*/ 138 w 139"/>
                <a:gd name="T33" fmla="*/ 53 h 134"/>
                <a:gd name="T34" fmla="*/ 137 w 139"/>
                <a:gd name="T35" fmla="*/ 47 h 134"/>
                <a:gd name="T36" fmla="*/ 135 w 139"/>
                <a:gd name="T37" fmla="*/ 41 h 134"/>
                <a:gd name="T38" fmla="*/ 128 w 139"/>
                <a:gd name="T39" fmla="*/ 29 h 134"/>
                <a:gd name="T40" fmla="*/ 119 w 139"/>
                <a:gd name="T41" fmla="*/ 20 h 134"/>
                <a:gd name="T42" fmla="*/ 109 w 139"/>
                <a:gd name="T43" fmla="*/ 11 h 134"/>
                <a:gd name="T44" fmla="*/ 96 w 139"/>
                <a:gd name="T45" fmla="*/ 5 h 134"/>
                <a:gd name="T46" fmla="*/ 91 w 139"/>
                <a:gd name="T47" fmla="*/ 2 h 134"/>
                <a:gd name="T48" fmla="*/ 84 w 139"/>
                <a:gd name="T49" fmla="*/ 1 h 134"/>
                <a:gd name="T50" fmla="*/ 77 w 139"/>
                <a:gd name="T51" fmla="*/ 0 h 134"/>
                <a:gd name="T52" fmla="*/ 70 w 139"/>
                <a:gd name="T53" fmla="*/ 0 h 134"/>
                <a:gd name="T54" fmla="*/ 70 w 139"/>
                <a:gd name="T55" fmla="*/ 0 h 134"/>
                <a:gd name="T56" fmla="*/ 63 w 139"/>
                <a:gd name="T57" fmla="*/ 0 h 134"/>
                <a:gd name="T58" fmla="*/ 56 w 139"/>
                <a:gd name="T59" fmla="*/ 1 h 134"/>
                <a:gd name="T60" fmla="*/ 49 w 139"/>
                <a:gd name="T61" fmla="*/ 2 h 134"/>
                <a:gd name="T62" fmla="*/ 43 w 139"/>
                <a:gd name="T63" fmla="*/ 5 h 134"/>
                <a:gd name="T64" fmla="*/ 31 w 139"/>
                <a:gd name="T65" fmla="*/ 11 h 134"/>
                <a:gd name="T66" fmla="*/ 20 w 139"/>
                <a:gd name="T67" fmla="*/ 20 h 134"/>
                <a:gd name="T68" fmla="*/ 12 w 139"/>
                <a:gd name="T69" fmla="*/ 29 h 134"/>
                <a:gd name="T70" fmla="*/ 6 w 139"/>
                <a:gd name="T71" fmla="*/ 41 h 134"/>
                <a:gd name="T72" fmla="*/ 3 w 139"/>
                <a:gd name="T73" fmla="*/ 47 h 134"/>
                <a:gd name="T74" fmla="*/ 1 w 139"/>
                <a:gd name="T75" fmla="*/ 53 h 134"/>
                <a:gd name="T76" fmla="*/ 0 w 139"/>
                <a:gd name="T77" fmla="*/ 60 h 134"/>
                <a:gd name="T78" fmla="*/ 0 w 139"/>
                <a:gd name="T79" fmla="*/ 67 h 134"/>
                <a:gd name="T80" fmla="*/ 0 w 139"/>
                <a:gd name="T81" fmla="*/ 67 h 134"/>
                <a:gd name="T82" fmla="*/ 0 w 139"/>
                <a:gd name="T83" fmla="*/ 74 h 134"/>
                <a:gd name="T84" fmla="*/ 1 w 139"/>
                <a:gd name="T85" fmla="*/ 80 h 134"/>
                <a:gd name="T86" fmla="*/ 3 w 139"/>
                <a:gd name="T87" fmla="*/ 87 h 134"/>
                <a:gd name="T88" fmla="*/ 6 w 139"/>
                <a:gd name="T89" fmla="*/ 93 h 134"/>
                <a:gd name="T90" fmla="*/ 12 w 139"/>
                <a:gd name="T91" fmla="*/ 104 h 134"/>
                <a:gd name="T92" fmla="*/ 20 w 139"/>
                <a:gd name="T93" fmla="*/ 115 h 134"/>
                <a:gd name="T94" fmla="*/ 31 w 139"/>
                <a:gd name="T95" fmla="*/ 122 h 134"/>
                <a:gd name="T96" fmla="*/ 43 w 139"/>
                <a:gd name="T97" fmla="*/ 129 h 134"/>
                <a:gd name="T98" fmla="*/ 49 w 139"/>
                <a:gd name="T99" fmla="*/ 131 h 134"/>
                <a:gd name="T100" fmla="*/ 56 w 139"/>
                <a:gd name="T101" fmla="*/ 133 h 134"/>
                <a:gd name="T102" fmla="*/ 63 w 139"/>
                <a:gd name="T103" fmla="*/ 134 h 134"/>
                <a:gd name="T104" fmla="*/ 70 w 139"/>
                <a:gd name="T105" fmla="*/ 134 h 134"/>
                <a:gd name="T106" fmla="*/ 70 w 139"/>
                <a:gd name="T107" fmla="*/ 134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9" h="134">
                  <a:moveTo>
                    <a:pt x="70" y="134"/>
                  </a:moveTo>
                  <a:lnTo>
                    <a:pt x="70" y="134"/>
                  </a:lnTo>
                  <a:lnTo>
                    <a:pt x="77" y="134"/>
                  </a:lnTo>
                  <a:lnTo>
                    <a:pt x="84" y="133"/>
                  </a:lnTo>
                  <a:lnTo>
                    <a:pt x="91" y="131"/>
                  </a:lnTo>
                  <a:lnTo>
                    <a:pt x="96" y="129"/>
                  </a:lnTo>
                  <a:lnTo>
                    <a:pt x="109" y="122"/>
                  </a:lnTo>
                  <a:lnTo>
                    <a:pt x="119" y="115"/>
                  </a:lnTo>
                  <a:lnTo>
                    <a:pt x="128" y="104"/>
                  </a:lnTo>
                  <a:lnTo>
                    <a:pt x="135" y="93"/>
                  </a:lnTo>
                  <a:lnTo>
                    <a:pt x="137" y="87"/>
                  </a:lnTo>
                  <a:lnTo>
                    <a:pt x="138" y="80"/>
                  </a:lnTo>
                  <a:lnTo>
                    <a:pt x="139" y="74"/>
                  </a:lnTo>
                  <a:lnTo>
                    <a:pt x="139" y="67"/>
                  </a:lnTo>
                  <a:lnTo>
                    <a:pt x="139" y="67"/>
                  </a:lnTo>
                  <a:lnTo>
                    <a:pt x="139" y="60"/>
                  </a:lnTo>
                  <a:lnTo>
                    <a:pt x="138" y="53"/>
                  </a:lnTo>
                  <a:lnTo>
                    <a:pt x="137" y="47"/>
                  </a:lnTo>
                  <a:lnTo>
                    <a:pt x="135" y="41"/>
                  </a:lnTo>
                  <a:lnTo>
                    <a:pt x="128" y="29"/>
                  </a:lnTo>
                  <a:lnTo>
                    <a:pt x="119" y="20"/>
                  </a:lnTo>
                  <a:lnTo>
                    <a:pt x="109" y="11"/>
                  </a:lnTo>
                  <a:lnTo>
                    <a:pt x="96" y="5"/>
                  </a:lnTo>
                  <a:lnTo>
                    <a:pt x="91" y="2"/>
                  </a:lnTo>
                  <a:lnTo>
                    <a:pt x="84" y="1"/>
                  </a:lnTo>
                  <a:lnTo>
                    <a:pt x="77" y="0"/>
                  </a:lnTo>
                  <a:lnTo>
                    <a:pt x="70" y="0"/>
                  </a:lnTo>
                  <a:lnTo>
                    <a:pt x="70" y="0"/>
                  </a:lnTo>
                  <a:lnTo>
                    <a:pt x="63" y="0"/>
                  </a:lnTo>
                  <a:lnTo>
                    <a:pt x="56" y="1"/>
                  </a:lnTo>
                  <a:lnTo>
                    <a:pt x="49" y="2"/>
                  </a:lnTo>
                  <a:lnTo>
                    <a:pt x="43" y="5"/>
                  </a:lnTo>
                  <a:lnTo>
                    <a:pt x="31" y="11"/>
                  </a:lnTo>
                  <a:lnTo>
                    <a:pt x="20" y="20"/>
                  </a:lnTo>
                  <a:lnTo>
                    <a:pt x="12" y="29"/>
                  </a:lnTo>
                  <a:lnTo>
                    <a:pt x="6" y="41"/>
                  </a:lnTo>
                  <a:lnTo>
                    <a:pt x="3" y="47"/>
                  </a:lnTo>
                  <a:lnTo>
                    <a:pt x="1" y="53"/>
                  </a:lnTo>
                  <a:lnTo>
                    <a:pt x="0" y="60"/>
                  </a:lnTo>
                  <a:lnTo>
                    <a:pt x="0" y="67"/>
                  </a:lnTo>
                  <a:lnTo>
                    <a:pt x="0" y="67"/>
                  </a:lnTo>
                  <a:lnTo>
                    <a:pt x="0" y="74"/>
                  </a:lnTo>
                  <a:lnTo>
                    <a:pt x="1" y="80"/>
                  </a:lnTo>
                  <a:lnTo>
                    <a:pt x="3" y="87"/>
                  </a:lnTo>
                  <a:lnTo>
                    <a:pt x="6" y="93"/>
                  </a:lnTo>
                  <a:lnTo>
                    <a:pt x="12" y="104"/>
                  </a:lnTo>
                  <a:lnTo>
                    <a:pt x="20" y="115"/>
                  </a:lnTo>
                  <a:lnTo>
                    <a:pt x="31" y="122"/>
                  </a:lnTo>
                  <a:lnTo>
                    <a:pt x="43" y="129"/>
                  </a:lnTo>
                  <a:lnTo>
                    <a:pt x="49" y="131"/>
                  </a:lnTo>
                  <a:lnTo>
                    <a:pt x="56" y="133"/>
                  </a:lnTo>
                  <a:lnTo>
                    <a:pt x="63" y="134"/>
                  </a:lnTo>
                  <a:lnTo>
                    <a:pt x="70" y="134"/>
                  </a:lnTo>
                  <a:lnTo>
                    <a:pt x="70" y="134"/>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85" name="Freeform 299">
              <a:extLst>
                <a:ext uri="{FF2B5EF4-FFF2-40B4-BE49-F238E27FC236}">
                  <a16:creationId xmlns:a16="http://schemas.microsoft.com/office/drawing/2014/main" xmlns="" id="{137DA056-7B22-EC4C-9CE3-238C5C68047F}"/>
                </a:ext>
              </a:extLst>
            </p:cNvPr>
            <p:cNvSpPr>
              <a:spLocks/>
            </p:cNvSpPr>
            <p:nvPr/>
          </p:nvSpPr>
          <p:spPr bwMode="auto">
            <a:xfrm flipH="1">
              <a:off x="9120146" y="2778484"/>
              <a:ext cx="183757" cy="1945864"/>
            </a:xfrm>
            <a:custGeom>
              <a:avLst/>
              <a:gdLst>
                <a:gd name="T0" fmla="*/ 214 w 214"/>
                <a:gd name="T1" fmla="*/ 2 h 2132"/>
                <a:gd name="T2" fmla="*/ 0 w 214"/>
                <a:gd name="T3" fmla="*/ 0 h 2132"/>
                <a:gd name="T4" fmla="*/ 84 w 214"/>
                <a:gd name="T5" fmla="*/ 2132 h 2132"/>
                <a:gd name="T6" fmla="*/ 132 w 214"/>
                <a:gd name="T7" fmla="*/ 2132 h 2132"/>
                <a:gd name="T8" fmla="*/ 214 w 214"/>
                <a:gd name="T9" fmla="*/ 2 h 2132"/>
              </a:gdLst>
              <a:ahLst/>
              <a:cxnLst>
                <a:cxn ang="0">
                  <a:pos x="T0" y="T1"/>
                </a:cxn>
                <a:cxn ang="0">
                  <a:pos x="T2" y="T3"/>
                </a:cxn>
                <a:cxn ang="0">
                  <a:pos x="T4" y="T5"/>
                </a:cxn>
                <a:cxn ang="0">
                  <a:pos x="T6" y="T7"/>
                </a:cxn>
                <a:cxn ang="0">
                  <a:pos x="T8" y="T9"/>
                </a:cxn>
              </a:cxnLst>
              <a:rect l="0" t="0" r="r" b="b"/>
              <a:pathLst>
                <a:path w="214" h="2132">
                  <a:moveTo>
                    <a:pt x="214" y="2"/>
                  </a:moveTo>
                  <a:lnTo>
                    <a:pt x="0" y="0"/>
                  </a:lnTo>
                  <a:lnTo>
                    <a:pt x="84" y="2132"/>
                  </a:lnTo>
                  <a:lnTo>
                    <a:pt x="132" y="2132"/>
                  </a:lnTo>
                  <a:lnTo>
                    <a:pt x="214" y="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86" name="Freeform 300">
              <a:extLst>
                <a:ext uri="{FF2B5EF4-FFF2-40B4-BE49-F238E27FC236}">
                  <a16:creationId xmlns:a16="http://schemas.microsoft.com/office/drawing/2014/main" xmlns="" id="{C6882882-7122-2D47-92AD-B2CCCB14CD11}"/>
                </a:ext>
              </a:extLst>
            </p:cNvPr>
            <p:cNvSpPr>
              <a:spLocks/>
            </p:cNvSpPr>
            <p:nvPr/>
          </p:nvSpPr>
          <p:spPr bwMode="auto">
            <a:xfrm flipH="1">
              <a:off x="8694881" y="2676406"/>
              <a:ext cx="2283832" cy="829385"/>
            </a:xfrm>
            <a:custGeom>
              <a:avLst/>
              <a:gdLst>
                <a:gd name="T0" fmla="*/ 2556 w 2609"/>
                <a:gd name="T1" fmla="*/ 912 h 912"/>
                <a:gd name="T2" fmla="*/ 2609 w 2609"/>
                <a:gd name="T3" fmla="*/ 763 h 912"/>
                <a:gd name="T4" fmla="*/ 11 w 2609"/>
                <a:gd name="T5" fmla="*/ 0 h 912"/>
                <a:gd name="T6" fmla="*/ 0 w 2609"/>
                <a:gd name="T7" fmla="*/ 32 h 912"/>
                <a:gd name="T8" fmla="*/ 2556 w 2609"/>
                <a:gd name="T9" fmla="*/ 912 h 912"/>
              </a:gdLst>
              <a:ahLst/>
              <a:cxnLst>
                <a:cxn ang="0">
                  <a:pos x="T0" y="T1"/>
                </a:cxn>
                <a:cxn ang="0">
                  <a:pos x="T2" y="T3"/>
                </a:cxn>
                <a:cxn ang="0">
                  <a:pos x="T4" y="T5"/>
                </a:cxn>
                <a:cxn ang="0">
                  <a:pos x="T6" y="T7"/>
                </a:cxn>
                <a:cxn ang="0">
                  <a:pos x="T8" y="T9"/>
                </a:cxn>
              </a:cxnLst>
              <a:rect l="0" t="0" r="r" b="b"/>
              <a:pathLst>
                <a:path w="2609" h="912">
                  <a:moveTo>
                    <a:pt x="2556" y="912"/>
                  </a:moveTo>
                  <a:lnTo>
                    <a:pt x="2609" y="763"/>
                  </a:lnTo>
                  <a:lnTo>
                    <a:pt x="11" y="0"/>
                  </a:lnTo>
                  <a:lnTo>
                    <a:pt x="0" y="32"/>
                  </a:lnTo>
                  <a:lnTo>
                    <a:pt x="2556" y="91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87" name="Freeform 301">
              <a:extLst>
                <a:ext uri="{FF2B5EF4-FFF2-40B4-BE49-F238E27FC236}">
                  <a16:creationId xmlns:a16="http://schemas.microsoft.com/office/drawing/2014/main" xmlns="" id="{6B6037CD-531F-354B-8DBC-FF2E19766188}"/>
                </a:ext>
              </a:extLst>
            </p:cNvPr>
            <p:cNvSpPr>
              <a:spLocks/>
            </p:cNvSpPr>
            <p:nvPr/>
          </p:nvSpPr>
          <p:spPr bwMode="auto">
            <a:xfrm flipH="1">
              <a:off x="7923103" y="1955477"/>
              <a:ext cx="1585557" cy="1684291"/>
            </a:xfrm>
            <a:custGeom>
              <a:avLst/>
              <a:gdLst>
                <a:gd name="T0" fmla="*/ 52 w 1812"/>
                <a:gd name="T1" fmla="*/ 1845 h 1845"/>
                <a:gd name="T2" fmla="*/ 1812 w 1812"/>
                <a:gd name="T3" fmla="*/ 0 h 1845"/>
                <a:gd name="T4" fmla="*/ 0 w 1812"/>
                <a:gd name="T5" fmla="*/ 1798 h 1845"/>
                <a:gd name="T6" fmla="*/ 52 w 1812"/>
                <a:gd name="T7" fmla="*/ 1845 h 1845"/>
              </a:gdLst>
              <a:ahLst/>
              <a:cxnLst>
                <a:cxn ang="0">
                  <a:pos x="T0" y="T1"/>
                </a:cxn>
                <a:cxn ang="0">
                  <a:pos x="T2" y="T3"/>
                </a:cxn>
                <a:cxn ang="0">
                  <a:pos x="T4" y="T5"/>
                </a:cxn>
                <a:cxn ang="0">
                  <a:pos x="T6" y="T7"/>
                </a:cxn>
              </a:cxnLst>
              <a:rect l="0" t="0" r="r" b="b"/>
              <a:pathLst>
                <a:path w="1812" h="1845">
                  <a:moveTo>
                    <a:pt x="52" y="1845"/>
                  </a:moveTo>
                  <a:lnTo>
                    <a:pt x="1812" y="0"/>
                  </a:lnTo>
                  <a:lnTo>
                    <a:pt x="0" y="1798"/>
                  </a:lnTo>
                  <a:lnTo>
                    <a:pt x="52" y="1845"/>
                  </a:lnTo>
                  <a:close/>
                </a:path>
              </a:pathLst>
            </a:custGeom>
            <a:solidFill>
              <a:srgbClr val="C320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88" name="Freeform 302">
              <a:extLst>
                <a:ext uri="{FF2B5EF4-FFF2-40B4-BE49-F238E27FC236}">
                  <a16:creationId xmlns:a16="http://schemas.microsoft.com/office/drawing/2014/main" xmlns="" id="{F84700C0-76D1-8340-9700-D54B2E9406F5}"/>
                </a:ext>
              </a:extLst>
            </p:cNvPr>
            <p:cNvSpPr>
              <a:spLocks/>
            </p:cNvSpPr>
            <p:nvPr/>
          </p:nvSpPr>
          <p:spPr bwMode="auto">
            <a:xfrm flipH="1">
              <a:off x="9025643" y="3091098"/>
              <a:ext cx="378014" cy="376412"/>
            </a:xfrm>
            <a:custGeom>
              <a:avLst/>
              <a:gdLst>
                <a:gd name="T0" fmla="*/ 0 w 432"/>
                <a:gd name="T1" fmla="*/ 207 h 414"/>
                <a:gd name="T2" fmla="*/ 5 w 432"/>
                <a:gd name="T3" fmla="*/ 249 h 414"/>
                <a:gd name="T4" fmla="*/ 17 w 432"/>
                <a:gd name="T5" fmla="*/ 288 h 414"/>
                <a:gd name="T6" fmla="*/ 37 w 432"/>
                <a:gd name="T7" fmla="*/ 324 h 414"/>
                <a:gd name="T8" fmla="*/ 63 w 432"/>
                <a:gd name="T9" fmla="*/ 354 h 414"/>
                <a:gd name="T10" fmla="*/ 96 w 432"/>
                <a:gd name="T11" fmla="*/ 380 h 414"/>
                <a:gd name="T12" fmla="*/ 132 w 432"/>
                <a:gd name="T13" fmla="*/ 398 h 414"/>
                <a:gd name="T14" fmla="*/ 173 w 432"/>
                <a:gd name="T15" fmla="*/ 410 h 414"/>
                <a:gd name="T16" fmla="*/ 216 w 432"/>
                <a:gd name="T17" fmla="*/ 414 h 414"/>
                <a:gd name="T18" fmla="*/ 238 w 432"/>
                <a:gd name="T19" fmla="*/ 413 h 414"/>
                <a:gd name="T20" fmla="*/ 280 w 432"/>
                <a:gd name="T21" fmla="*/ 406 h 414"/>
                <a:gd name="T22" fmla="*/ 319 w 432"/>
                <a:gd name="T23" fmla="*/ 390 h 414"/>
                <a:gd name="T24" fmla="*/ 354 w 432"/>
                <a:gd name="T25" fmla="*/ 367 h 414"/>
                <a:gd name="T26" fmla="*/ 383 w 432"/>
                <a:gd name="T27" fmla="*/ 339 h 414"/>
                <a:gd name="T28" fmla="*/ 405 w 432"/>
                <a:gd name="T29" fmla="*/ 306 h 414"/>
                <a:gd name="T30" fmla="*/ 422 w 432"/>
                <a:gd name="T31" fmla="*/ 269 h 414"/>
                <a:gd name="T32" fmla="*/ 431 w 432"/>
                <a:gd name="T33" fmla="*/ 229 h 414"/>
                <a:gd name="T34" fmla="*/ 432 w 432"/>
                <a:gd name="T35" fmla="*/ 207 h 414"/>
                <a:gd name="T36" fmla="*/ 428 w 432"/>
                <a:gd name="T37" fmla="*/ 165 h 414"/>
                <a:gd name="T38" fmla="*/ 414 w 432"/>
                <a:gd name="T39" fmla="*/ 126 h 414"/>
                <a:gd name="T40" fmla="*/ 395 w 432"/>
                <a:gd name="T41" fmla="*/ 91 h 414"/>
                <a:gd name="T42" fmla="*/ 368 w 432"/>
                <a:gd name="T43" fmla="*/ 60 h 414"/>
                <a:gd name="T44" fmla="*/ 337 w 432"/>
                <a:gd name="T45" fmla="*/ 35 h 414"/>
                <a:gd name="T46" fmla="*/ 300 w 432"/>
                <a:gd name="T47" fmla="*/ 16 h 414"/>
                <a:gd name="T48" fmla="*/ 259 w 432"/>
                <a:gd name="T49" fmla="*/ 4 h 414"/>
                <a:gd name="T50" fmla="*/ 216 w 432"/>
                <a:gd name="T51" fmla="*/ 0 h 414"/>
                <a:gd name="T52" fmla="*/ 194 w 432"/>
                <a:gd name="T53" fmla="*/ 1 h 414"/>
                <a:gd name="T54" fmla="*/ 152 w 432"/>
                <a:gd name="T55" fmla="*/ 8 h 414"/>
                <a:gd name="T56" fmla="*/ 114 w 432"/>
                <a:gd name="T57" fmla="*/ 25 h 414"/>
                <a:gd name="T58" fmla="*/ 79 w 432"/>
                <a:gd name="T59" fmla="*/ 47 h 414"/>
                <a:gd name="T60" fmla="*/ 50 w 432"/>
                <a:gd name="T61" fmla="*/ 75 h 414"/>
                <a:gd name="T62" fmla="*/ 26 w 432"/>
                <a:gd name="T63" fmla="*/ 108 h 414"/>
                <a:gd name="T64" fmla="*/ 10 w 432"/>
                <a:gd name="T65" fmla="*/ 145 h 414"/>
                <a:gd name="T66" fmla="*/ 1 w 432"/>
                <a:gd name="T67" fmla="*/ 185 h 414"/>
                <a:gd name="T68" fmla="*/ 0 w 432"/>
                <a:gd name="T69" fmla="*/ 207 h 4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32" h="414">
                  <a:moveTo>
                    <a:pt x="0" y="207"/>
                  </a:moveTo>
                  <a:lnTo>
                    <a:pt x="0" y="207"/>
                  </a:lnTo>
                  <a:lnTo>
                    <a:pt x="1" y="229"/>
                  </a:lnTo>
                  <a:lnTo>
                    <a:pt x="5" y="249"/>
                  </a:lnTo>
                  <a:lnTo>
                    <a:pt x="10" y="269"/>
                  </a:lnTo>
                  <a:lnTo>
                    <a:pt x="17" y="288"/>
                  </a:lnTo>
                  <a:lnTo>
                    <a:pt x="26" y="306"/>
                  </a:lnTo>
                  <a:lnTo>
                    <a:pt x="37" y="324"/>
                  </a:lnTo>
                  <a:lnTo>
                    <a:pt x="50" y="339"/>
                  </a:lnTo>
                  <a:lnTo>
                    <a:pt x="63" y="354"/>
                  </a:lnTo>
                  <a:lnTo>
                    <a:pt x="79" y="367"/>
                  </a:lnTo>
                  <a:lnTo>
                    <a:pt x="96" y="380"/>
                  </a:lnTo>
                  <a:lnTo>
                    <a:pt x="114" y="390"/>
                  </a:lnTo>
                  <a:lnTo>
                    <a:pt x="132" y="398"/>
                  </a:lnTo>
                  <a:lnTo>
                    <a:pt x="152" y="406"/>
                  </a:lnTo>
                  <a:lnTo>
                    <a:pt x="173" y="410"/>
                  </a:lnTo>
                  <a:lnTo>
                    <a:pt x="194" y="413"/>
                  </a:lnTo>
                  <a:lnTo>
                    <a:pt x="216" y="414"/>
                  </a:lnTo>
                  <a:lnTo>
                    <a:pt x="216" y="414"/>
                  </a:lnTo>
                  <a:lnTo>
                    <a:pt x="238" y="413"/>
                  </a:lnTo>
                  <a:lnTo>
                    <a:pt x="259" y="410"/>
                  </a:lnTo>
                  <a:lnTo>
                    <a:pt x="280" y="406"/>
                  </a:lnTo>
                  <a:lnTo>
                    <a:pt x="300" y="398"/>
                  </a:lnTo>
                  <a:lnTo>
                    <a:pt x="319" y="390"/>
                  </a:lnTo>
                  <a:lnTo>
                    <a:pt x="337" y="380"/>
                  </a:lnTo>
                  <a:lnTo>
                    <a:pt x="354" y="367"/>
                  </a:lnTo>
                  <a:lnTo>
                    <a:pt x="368" y="354"/>
                  </a:lnTo>
                  <a:lnTo>
                    <a:pt x="383" y="339"/>
                  </a:lnTo>
                  <a:lnTo>
                    <a:pt x="395" y="324"/>
                  </a:lnTo>
                  <a:lnTo>
                    <a:pt x="405" y="306"/>
                  </a:lnTo>
                  <a:lnTo>
                    <a:pt x="414" y="288"/>
                  </a:lnTo>
                  <a:lnTo>
                    <a:pt x="422" y="269"/>
                  </a:lnTo>
                  <a:lnTo>
                    <a:pt x="428" y="249"/>
                  </a:lnTo>
                  <a:lnTo>
                    <a:pt x="431" y="229"/>
                  </a:lnTo>
                  <a:lnTo>
                    <a:pt x="432" y="207"/>
                  </a:lnTo>
                  <a:lnTo>
                    <a:pt x="432" y="207"/>
                  </a:lnTo>
                  <a:lnTo>
                    <a:pt x="431" y="185"/>
                  </a:lnTo>
                  <a:lnTo>
                    <a:pt x="428" y="165"/>
                  </a:lnTo>
                  <a:lnTo>
                    <a:pt x="422" y="145"/>
                  </a:lnTo>
                  <a:lnTo>
                    <a:pt x="414" y="126"/>
                  </a:lnTo>
                  <a:lnTo>
                    <a:pt x="405" y="108"/>
                  </a:lnTo>
                  <a:lnTo>
                    <a:pt x="395" y="91"/>
                  </a:lnTo>
                  <a:lnTo>
                    <a:pt x="383" y="75"/>
                  </a:lnTo>
                  <a:lnTo>
                    <a:pt x="368" y="60"/>
                  </a:lnTo>
                  <a:lnTo>
                    <a:pt x="354" y="47"/>
                  </a:lnTo>
                  <a:lnTo>
                    <a:pt x="337" y="35"/>
                  </a:lnTo>
                  <a:lnTo>
                    <a:pt x="319" y="25"/>
                  </a:lnTo>
                  <a:lnTo>
                    <a:pt x="300" y="16"/>
                  </a:lnTo>
                  <a:lnTo>
                    <a:pt x="280" y="8"/>
                  </a:lnTo>
                  <a:lnTo>
                    <a:pt x="259" y="4"/>
                  </a:lnTo>
                  <a:lnTo>
                    <a:pt x="238" y="1"/>
                  </a:lnTo>
                  <a:lnTo>
                    <a:pt x="216" y="0"/>
                  </a:lnTo>
                  <a:lnTo>
                    <a:pt x="216" y="0"/>
                  </a:lnTo>
                  <a:lnTo>
                    <a:pt x="194" y="1"/>
                  </a:lnTo>
                  <a:lnTo>
                    <a:pt x="173" y="4"/>
                  </a:lnTo>
                  <a:lnTo>
                    <a:pt x="152" y="8"/>
                  </a:lnTo>
                  <a:lnTo>
                    <a:pt x="132" y="16"/>
                  </a:lnTo>
                  <a:lnTo>
                    <a:pt x="114" y="25"/>
                  </a:lnTo>
                  <a:lnTo>
                    <a:pt x="96" y="35"/>
                  </a:lnTo>
                  <a:lnTo>
                    <a:pt x="79" y="47"/>
                  </a:lnTo>
                  <a:lnTo>
                    <a:pt x="63" y="60"/>
                  </a:lnTo>
                  <a:lnTo>
                    <a:pt x="50" y="75"/>
                  </a:lnTo>
                  <a:lnTo>
                    <a:pt x="37" y="91"/>
                  </a:lnTo>
                  <a:lnTo>
                    <a:pt x="26" y="108"/>
                  </a:lnTo>
                  <a:lnTo>
                    <a:pt x="17" y="126"/>
                  </a:lnTo>
                  <a:lnTo>
                    <a:pt x="10" y="145"/>
                  </a:lnTo>
                  <a:lnTo>
                    <a:pt x="5" y="165"/>
                  </a:lnTo>
                  <a:lnTo>
                    <a:pt x="1" y="185"/>
                  </a:lnTo>
                  <a:lnTo>
                    <a:pt x="0" y="207"/>
                  </a:lnTo>
                  <a:lnTo>
                    <a:pt x="0" y="207"/>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89" name="Freeform 303">
              <a:extLst>
                <a:ext uri="{FF2B5EF4-FFF2-40B4-BE49-F238E27FC236}">
                  <a16:creationId xmlns:a16="http://schemas.microsoft.com/office/drawing/2014/main" xmlns="" id="{F14CA4C9-4104-344C-A223-6BBE493C0AB0}"/>
                </a:ext>
              </a:extLst>
            </p:cNvPr>
            <p:cNvSpPr>
              <a:spLocks/>
            </p:cNvSpPr>
            <p:nvPr/>
          </p:nvSpPr>
          <p:spPr bwMode="auto">
            <a:xfrm flipH="1">
              <a:off x="9067644" y="3135757"/>
              <a:ext cx="288760" cy="287093"/>
            </a:xfrm>
            <a:custGeom>
              <a:avLst/>
              <a:gdLst>
                <a:gd name="T0" fmla="*/ 163 w 326"/>
                <a:gd name="T1" fmla="*/ 315 h 315"/>
                <a:gd name="T2" fmla="*/ 196 w 326"/>
                <a:gd name="T3" fmla="*/ 311 h 315"/>
                <a:gd name="T4" fmla="*/ 227 w 326"/>
                <a:gd name="T5" fmla="*/ 302 h 315"/>
                <a:gd name="T6" fmla="*/ 255 w 326"/>
                <a:gd name="T7" fmla="*/ 288 h 315"/>
                <a:gd name="T8" fmla="*/ 278 w 326"/>
                <a:gd name="T9" fmla="*/ 268 h 315"/>
                <a:gd name="T10" fmla="*/ 298 w 326"/>
                <a:gd name="T11" fmla="*/ 245 h 315"/>
                <a:gd name="T12" fmla="*/ 313 w 326"/>
                <a:gd name="T13" fmla="*/ 219 h 315"/>
                <a:gd name="T14" fmla="*/ 323 w 326"/>
                <a:gd name="T15" fmla="*/ 188 h 315"/>
                <a:gd name="T16" fmla="*/ 326 w 326"/>
                <a:gd name="T17" fmla="*/ 157 h 315"/>
                <a:gd name="T18" fmla="*/ 325 w 326"/>
                <a:gd name="T19" fmla="*/ 141 h 315"/>
                <a:gd name="T20" fmla="*/ 319 w 326"/>
                <a:gd name="T21" fmla="*/ 111 h 315"/>
                <a:gd name="T22" fmla="*/ 306 w 326"/>
                <a:gd name="T23" fmla="*/ 83 h 315"/>
                <a:gd name="T24" fmla="*/ 288 w 326"/>
                <a:gd name="T25" fmla="*/ 58 h 315"/>
                <a:gd name="T26" fmla="*/ 267 w 326"/>
                <a:gd name="T27" fmla="*/ 36 h 315"/>
                <a:gd name="T28" fmla="*/ 241 w 326"/>
                <a:gd name="T29" fmla="*/ 19 h 315"/>
                <a:gd name="T30" fmla="*/ 211 w 326"/>
                <a:gd name="T31" fmla="*/ 7 h 315"/>
                <a:gd name="T32" fmla="*/ 180 w 326"/>
                <a:gd name="T33" fmla="*/ 0 h 315"/>
                <a:gd name="T34" fmla="*/ 163 w 326"/>
                <a:gd name="T35" fmla="*/ 0 h 315"/>
                <a:gd name="T36" fmla="*/ 130 w 326"/>
                <a:gd name="T37" fmla="*/ 4 h 315"/>
                <a:gd name="T38" fmla="*/ 100 w 326"/>
                <a:gd name="T39" fmla="*/ 12 h 315"/>
                <a:gd name="T40" fmla="*/ 72 w 326"/>
                <a:gd name="T41" fmla="*/ 26 h 315"/>
                <a:gd name="T42" fmla="*/ 47 w 326"/>
                <a:gd name="T43" fmla="*/ 46 h 315"/>
                <a:gd name="T44" fmla="*/ 28 w 326"/>
                <a:gd name="T45" fmla="*/ 70 h 315"/>
                <a:gd name="T46" fmla="*/ 12 w 326"/>
                <a:gd name="T47" fmla="*/ 95 h 315"/>
                <a:gd name="T48" fmla="*/ 3 w 326"/>
                <a:gd name="T49" fmla="*/ 126 h 315"/>
                <a:gd name="T50" fmla="*/ 0 w 326"/>
                <a:gd name="T51" fmla="*/ 157 h 315"/>
                <a:gd name="T52" fmla="*/ 1 w 326"/>
                <a:gd name="T53" fmla="*/ 173 h 315"/>
                <a:gd name="T54" fmla="*/ 7 w 326"/>
                <a:gd name="T55" fmla="*/ 203 h 315"/>
                <a:gd name="T56" fmla="*/ 19 w 326"/>
                <a:gd name="T57" fmla="*/ 232 h 315"/>
                <a:gd name="T58" fmla="*/ 37 w 326"/>
                <a:gd name="T59" fmla="*/ 257 h 315"/>
                <a:gd name="T60" fmla="*/ 59 w 326"/>
                <a:gd name="T61" fmla="*/ 278 h 315"/>
                <a:gd name="T62" fmla="*/ 85 w 326"/>
                <a:gd name="T63" fmla="*/ 295 h 315"/>
                <a:gd name="T64" fmla="*/ 114 w 326"/>
                <a:gd name="T65" fmla="*/ 307 h 315"/>
                <a:gd name="T66" fmla="*/ 146 w 326"/>
                <a:gd name="T67" fmla="*/ 314 h 315"/>
                <a:gd name="T68" fmla="*/ 163 w 326"/>
                <a:gd name="T69" fmla="*/ 315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6" h="315">
                  <a:moveTo>
                    <a:pt x="163" y="315"/>
                  </a:moveTo>
                  <a:lnTo>
                    <a:pt x="163" y="315"/>
                  </a:lnTo>
                  <a:lnTo>
                    <a:pt x="180" y="314"/>
                  </a:lnTo>
                  <a:lnTo>
                    <a:pt x="196" y="311"/>
                  </a:lnTo>
                  <a:lnTo>
                    <a:pt x="211" y="307"/>
                  </a:lnTo>
                  <a:lnTo>
                    <a:pt x="227" y="302"/>
                  </a:lnTo>
                  <a:lnTo>
                    <a:pt x="241" y="295"/>
                  </a:lnTo>
                  <a:lnTo>
                    <a:pt x="255" y="288"/>
                  </a:lnTo>
                  <a:lnTo>
                    <a:pt x="267" y="278"/>
                  </a:lnTo>
                  <a:lnTo>
                    <a:pt x="278" y="268"/>
                  </a:lnTo>
                  <a:lnTo>
                    <a:pt x="288" y="257"/>
                  </a:lnTo>
                  <a:lnTo>
                    <a:pt x="298" y="245"/>
                  </a:lnTo>
                  <a:lnTo>
                    <a:pt x="306" y="232"/>
                  </a:lnTo>
                  <a:lnTo>
                    <a:pt x="313" y="219"/>
                  </a:lnTo>
                  <a:lnTo>
                    <a:pt x="319" y="203"/>
                  </a:lnTo>
                  <a:lnTo>
                    <a:pt x="323" y="188"/>
                  </a:lnTo>
                  <a:lnTo>
                    <a:pt x="325" y="173"/>
                  </a:lnTo>
                  <a:lnTo>
                    <a:pt x="326" y="157"/>
                  </a:lnTo>
                  <a:lnTo>
                    <a:pt x="326" y="157"/>
                  </a:lnTo>
                  <a:lnTo>
                    <a:pt x="325" y="141"/>
                  </a:lnTo>
                  <a:lnTo>
                    <a:pt x="323" y="126"/>
                  </a:lnTo>
                  <a:lnTo>
                    <a:pt x="319" y="111"/>
                  </a:lnTo>
                  <a:lnTo>
                    <a:pt x="313" y="95"/>
                  </a:lnTo>
                  <a:lnTo>
                    <a:pt x="306" y="83"/>
                  </a:lnTo>
                  <a:lnTo>
                    <a:pt x="298" y="70"/>
                  </a:lnTo>
                  <a:lnTo>
                    <a:pt x="288" y="58"/>
                  </a:lnTo>
                  <a:lnTo>
                    <a:pt x="278" y="46"/>
                  </a:lnTo>
                  <a:lnTo>
                    <a:pt x="267" y="36"/>
                  </a:lnTo>
                  <a:lnTo>
                    <a:pt x="255" y="26"/>
                  </a:lnTo>
                  <a:lnTo>
                    <a:pt x="241" y="19"/>
                  </a:lnTo>
                  <a:lnTo>
                    <a:pt x="227" y="12"/>
                  </a:lnTo>
                  <a:lnTo>
                    <a:pt x="211" y="7"/>
                  </a:lnTo>
                  <a:lnTo>
                    <a:pt x="196" y="4"/>
                  </a:lnTo>
                  <a:lnTo>
                    <a:pt x="180" y="0"/>
                  </a:lnTo>
                  <a:lnTo>
                    <a:pt x="163" y="0"/>
                  </a:lnTo>
                  <a:lnTo>
                    <a:pt x="163" y="0"/>
                  </a:lnTo>
                  <a:lnTo>
                    <a:pt x="146" y="0"/>
                  </a:lnTo>
                  <a:lnTo>
                    <a:pt x="130" y="4"/>
                  </a:lnTo>
                  <a:lnTo>
                    <a:pt x="114" y="7"/>
                  </a:lnTo>
                  <a:lnTo>
                    <a:pt x="100" y="12"/>
                  </a:lnTo>
                  <a:lnTo>
                    <a:pt x="85" y="19"/>
                  </a:lnTo>
                  <a:lnTo>
                    <a:pt x="72" y="26"/>
                  </a:lnTo>
                  <a:lnTo>
                    <a:pt x="59" y="36"/>
                  </a:lnTo>
                  <a:lnTo>
                    <a:pt x="47" y="46"/>
                  </a:lnTo>
                  <a:lnTo>
                    <a:pt x="37" y="58"/>
                  </a:lnTo>
                  <a:lnTo>
                    <a:pt x="28" y="70"/>
                  </a:lnTo>
                  <a:lnTo>
                    <a:pt x="19" y="83"/>
                  </a:lnTo>
                  <a:lnTo>
                    <a:pt x="12" y="95"/>
                  </a:lnTo>
                  <a:lnTo>
                    <a:pt x="7" y="111"/>
                  </a:lnTo>
                  <a:lnTo>
                    <a:pt x="3" y="126"/>
                  </a:lnTo>
                  <a:lnTo>
                    <a:pt x="1" y="141"/>
                  </a:lnTo>
                  <a:lnTo>
                    <a:pt x="0" y="157"/>
                  </a:lnTo>
                  <a:lnTo>
                    <a:pt x="0" y="157"/>
                  </a:lnTo>
                  <a:lnTo>
                    <a:pt x="1" y="173"/>
                  </a:lnTo>
                  <a:lnTo>
                    <a:pt x="3" y="188"/>
                  </a:lnTo>
                  <a:lnTo>
                    <a:pt x="7" y="203"/>
                  </a:lnTo>
                  <a:lnTo>
                    <a:pt x="12" y="219"/>
                  </a:lnTo>
                  <a:lnTo>
                    <a:pt x="19" y="232"/>
                  </a:lnTo>
                  <a:lnTo>
                    <a:pt x="28" y="245"/>
                  </a:lnTo>
                  <a:lnTo>
                    <a:pt x="37" y="257"/>
                  </a:lnTo>
                  <a:lnTo>
                    <a:pt x="47" y="268"/>
                  </a:lnTo>
                  <a:lnTo>
                    <a:pt x="59" y="278"/>
                  </a:lnTo>
                  <a:lnTo>
                    <a:pt x="72" y="288"/>
                  </a:lnTo>
                  <a:lnTo>
                    <a:pt x="85" y="295"/>
                  </a:lnTo>
                  <a:lnTo>
                    <a:pt x="100" y="302"/>
                  </a:lnTo>
                  <a:lnTo>
                    <a:pt x="114" y="307"/>
                  </a:lnTo>
                  <a:lnTo>
                    <a:pt x="130" y="311"/>
                  </a:lnTo>
                  <a:lnTo>
                    <a:pt x="146" y="314"/>
                  </a:lnTo>
                  <a:lnTo>
                    <a:pt x="163" y="315"/>
                  </a:lnTo>
                  <a:lnTo>
                    <a:pt x="163" y="315"/>
                  </a:lnTo>
                  <a:close/>
                </a:path>
              </a:pathLst>
            </a:custGeom>
            <a:solidFill>
              <a:srgbClr val="E5E5E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90" name="Freeform 304">
              <a:extLst>
                <a:ext uri="{FF2B5EF4-FFF2-40B4-BE49-F238E27FC236}">
                  <a16:creationId xmlns:a16="http://schemas.microsoft.com/office/drawing/2014/main" xmlns="" id="{72CB9E1D-60A9-1C4C-8586-A7C4EC645A31}"/>
                </a:ext>
              </a:extLst>
            </p:cNvPr>
            <p:cNvSpPr>
              <a:spLocks/>
            </p:cNvSpPr>
            <p:nvPr/>
          </p:nvSpPr>
          <p:spPr bwMode="auto">
            <a:xfrm flipH="1">
              <a:off x="9151647" y="3218694"/>
              <a:ext cx="120754" cy="121217"/>
            </a:xfrm>
            <a:custGeom>
              <a:avLst/>
              <a:gdLst>
                <a:gd name="T0" fmla="*/ 70 w 139"/>
                <a:gd name="T1" fmla="*/ 134 h 134"/>
                <a:gd name="T2" fmla="*/ 70 w 139"/>
                <a:gd name="T3" fmla="*/ 134 h 134"/>
                <a:gd name="T4" fmla="*/ 78 w 139"/>
                <a:gd name="T5" fmla="*/ 134 h 134"/>
                <a:gd name="T6" fmla="*/ 84 w 139"/>
                <a:gd name="T7" fmla="*/ 133 h 134"/>
                <a:gd name="T8" fmla="*/ 91 w 139"/>
                <a:gd name="T9" fmla="*/ 131 h 134"/>
                <a:gd name="T10" fmla="*/ 97 w 139"/>
                <a:gd name="T11" fmla="*/ 129 h 134"/>
                <a:gd name="T12" fmla="*/ 109 w 139"/>
                <a:gd name="T13" fmla="*/ 123 h 134"/>
                <a:gd name="T14" fmla="*/ 119 w 139"/>
                <a:gd name="T15" fmla="*/ 115 h 134"/>
                <a:gd name="T16" fmla="*/ 128 w 139"/>
                <a:gd name="T17" fmla="*/ 105 h 134"/>
                <a:gd name="T18" fmla="*/ 135 w 139"/>
                <a:gd name="T19" fmla="*/ 93 h 134"/>
                <a:gd name="T20" fmla="*/ 137 w 139"/>
                <a:gd name="T21" fmla="*/ 88 h 134"/>
                <a:gd name="T22" fmla="*/ 138 w 139"/>
                <a:gd name="T23" fmla="*/ 81 h 134"/>
                <a:gd name="T24" fmla="*/ 139 w 139"/>
                <a:gd name="T25" fmla="*/ 74 h 134"/>
                <a:gd name="T26" fmla="*/ 139 w 139"/>
                <a:gd name="T27" fmla="*/ 67 h 134"/>
                <a:gd name="T28" fmla="*/ 139 w 139"/>
                <a:gd name="T29" fmla="*/ 67 h 134"/>
                <a:gd name="T30" fmla="*/ 139 w 139"/>
                <a:gd name="T31" fmla="*/ 61 h 134"/>
                <a:gd name="T32" fmla="*/ 138 w 139"/>
                <a:gd name="T33" fmla="*/ 54 h 134"/>
                <a:gd name="T34" fmla="*/ 137 w 139"/>
                <a:gd name="T35" fmla="*/ 48 h 134"/>
                <a:gd name="T36" fmla="*/ 135 w 139"/>
                <a:gd name="T37" fmla="*/ 41 h 134"/>
                <a:gd name="T38" fmla="*/ 128 w 139"/>
                <a:gd name="T39" fmla="*/ 29 h 134"/>
                <a:gd name="T40" fmla="*/ 119 w 139"/>
                <a:gd name="T41" fmla="*/ 20 h 134"/>
                <a:gd name="T42" fmla="*/ 109 w 139"/>
                <a:gd name="T43" fmla="*/ 12 h 134"/>
                <a:gd name="T44" fmla="*/ 97 w 139"/>
                <a:gd name="T45" fmla="*/ 5 h 134"/>
                <a:gd name="T46" fmla="*/ 91 w 139"/>
                <a:gd name="T47" fmla="*/ 3 h 134"/>
                <a:gd name="T48" fmla="*/ 84 w 139"/>
                <a:gd name="T49" fmla="*/ 1 h 134"/>
                <a:gd name="T50" fmla="*/ 78 w 139"/>
                <a:gd name="T51" fmla="*/ 0 h 134"/>
                <a:gd name="T52" fmla="*/ 70 w 139"/>
                <a:gd name="T53" fmla="*/ 0 h 134"/>
                <a:gd name="T54" fmla="*/ 70 w 139"/>
                <a:gd name="T55" fmla="*/ 0 h 134"/>
                <a:gd name="T56" fmla="*/ 63 w 139"/>
                <a:gd name="T57" fmla="*/ 0 h 134"/>
                <a:gd name="T58" fmla="*/ 56 w 139"/>
                <a:gd name="T59" fmla="*/ 1 h 134"/>
                <a:gd name="T60" fmla="*/ 49 w 139"/>
                <a:gd name="T61" fmla="*/ 3 h 134"/>
                <a:gd name="T62" fmla="*/ 43 w 139"/>
                <a:gd name="T63" fmla="*/ 5 h 134"/>
                <a:gd name="T64" fmla="*/ 32 w 139"/>
                <a:gd name="T65" fmla="*/ 12 h 134"/>
                <a:gd name="T66" fmla="*/ 20 w 139"/>
                <a:gd name="T67" fmla="*/ 20 h 134"/>
                <a:gd name="T68" fmla="*/ 12 w 139"/>
                <a:gd name="T69" fmla="*/ 29 h 134"/>
                <a:gd name="T70" fmla="*/ 6 w 139"/>
                <a:gd name="T71" fmla="*/ 41 h 134"/>
                <a:gd name="T72" fmla="*/ 3 w 139"/>
                <a:gd name="T73" fmla="*/ 48 h 134"/>
                <a:gd name="T74" fmla="*/ 1 w 139"/>
                <a:gd name="T75" fmla="*/ 54 h 134"/>
                <a:gd name="T76" fmla="*/ 0 w 139"/>
                <a:gd name="T77" fmla="*/ 61 h 134"/>
                <a:gd name="T78" fmla="*/ 0 w 139"/>
                <a:gd name="T79" fmla="*/ 67 h 134"/>
                <a:gd name="T80" fmla="*/ 0 w 139"/>
                <a:gd name="T81" fmla="*/ 67 h 134"/>
                <a:gd name="T82" fmla="*/ 0 w 139"/>
                <a:gd name="T83" fmla="*/ 74 h 134"/>
                <a:gd name="T84" fmla="*/ 1 w 139"/>
                <a:gd name="T85" fmla="*/ 81 h 134"/>
                <a:gd name="T86" fmla="*/ 3 w 139"/>
                <a:gd name="T87" fmla="*/ 88 h 134"/>
                <a:gd name="T88" fmla="*/ 6 w 139"/>
                <a:gd name="T89" fmla="*/ 93 h 134"/>
                <a:gd name="T90" fmla="*/ 12 w 139"/>
                <a:gd name="T91" fmla="*/ 105 h 134"/>
                <a:gd name="T92" fmla="*/ 20 w 139"/>
                <a:gd name="T93" fmla="*/ 115 h 134"/>
                <a:gd name="T94" fmla="*/ 32 w 139"/>
                <a:gd name="T95" fmla="*/ 123 h 134"/>
                <a:gd name="T96" fmla="*/ 43 w 139"/>
                <a:gd name="T97" fmla="*/ 129 h 134"/>
                <a:gd name="T98" fmla="*/ 49 w 139"/>
                <a:gd name="T99" fmla="*/ 131 h 134"/>
                <a:gd name="T100" fmla="*/ 56 w 139"/>
                <a:gd name="T101" fmla="*/ 133 h 134"/>
                <a:gd name="T102" fmla="*/ 63 w 139"/>
                <a:gd name="T103" fmla="*/ 134 h 134"/>
                <a:gd name="T104" fmla="*/ 70 w 139"/>
                <a:gd name="T105" fmla="*/ 134 h 134"/>
                <a:gd name="T106" fmla="*/ 70 w 139"/>
                <a:gd name="T107" fmla="*/ 134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9" h="134">
                  <a:moveTo>
                    <a:pt x="70" y="134"/>
                  </a:moveTo>
                  <a:lnTo>
                    <a:pt x="70" y="134"/>
                  </a:lnTo>
                  <a:lnTo>
                    <a:pt x="78" y="134"/>
                  </a:lnTo>
                  <a:lnTo>
                    <a:pt x="84" y="133"/>
                  </a:lnTo>
                  <a:lnTo>
                    <a:pt x="91" y="131"/>
                  </a:lnTo>
                  <a:lnTo>
                    <a:pt x="97" y="129"/>
                  </a:lnTo>
                  <a:lnTo>
                    <a:pt x="109" y="123"/>
                  </a:lnTo>
                  <a:lnTo>
                    <a:pt x="119" y="115"/>
                  </a:lnTo>
                  <a:lnTo>
                    <a:pt x="128" y="105"/>
                  </a:lnTo>
                  <a:lnTo>
                    <a:pt x="135" y="93"/>
                  </a:lnTo>
                  <a:lnTo>
                    <a:pt x="137" y="88"/>
                  </a:lnTo>
                  <a:lnTo>
                    <a:pt x="138" y="81"/>
                  </a:lnTo>
                  <a:lnTo>
                    <a:pt x="139" y="74"/>
                  </a:lnTo>
                  <a:lnTo>
                    <a:pt x="139" y="67"/>
                  </a:lnTo>
                  <a:lnTo>
                    <a:pt x="139" y="67"/>
                  </a:lnTo>
                  <a:lnTo>
                    <a:pt x="139" y="61"/>
                  </a:lnTo>
                  <a:lnTo>
                    <a:pt x="138" y="54"/>
                  </a:lnTo>
                  <a:lnTo>
                    <a:pt x="137" y="48"/>
                  </a:lnTo>
                  <a:lnTo>
                    <a:pt x="135" y="41"/>
                  </a:lnTo>
                  <a:lnTo>
                    <a:pt x="128" y="29"/>
                  </a:lnTo>
                  <a:lnTo>
                    <a:pt x="119" y="20"/>
                  </a:lnTo>
                  <a:lnTo>
                    <a:pt x="109" y="12"/>
                  </a:lnTo>
                  <a:lnTo>
                    <a:pt x="97" y="5"/>
                  </a:lnTo>
                  <a:lnTo>
                    <a:pt x="91" y="3"/>
                  </a:lnTo>
                  <a:lnTo>
                    <a:pt x="84" y="1"/>
                  </a:lnTo>
                  <a:lnTo>
                    <a:pt x="78" y="0"/>
                  </a:lnTo>
                  <a:lnTo>
                    <a:pt x="70" y="0"/>
                  </a:lnTo>
                  <a:lnTo>
                    <a:pt x="70" y="0"/>
                  </a:lnTo>
                  <a:lnTo>
                    <a:pt x="63" y="0"/>
                  </a:lnTo>
                  <a:lnTo>
                    <a:pt x="56" y="1"/>
                  </a:lnTo>
                  <a:lnTo>
                    <a:pt x="49" y="3"/>
                  </a:lnTo>
                  <a:lnTo>
                    <a:pt x="43" y="5"/>
                  </a:lnTo>
                  <a:lnTo>
                    <a:pt x="32" y="12"/>
                  </a:lnTo>
                  <a:lnTo>
                    <a:pt x="20" y="20"/>
                  </a:lnTo>
                  <a:lnTo>
                    <a:pt x="12" y="29"/>
                  </a:lnTo>
                  <a:lnTo>
                    <a:pt x="6" y="41"/>
                  </a:lnTo>
                  <a:lnTo>
                    <a:pt x="3" y="48"/>
                  </a:lnTo>
                  <a:lnTo>
                    <a:pt x="1" y="54"/>
                  </a:lnTo>
                  <a:lnTo>
                    <a:pt x="0" y="61"/>
                  </a:lnTo>
                  <a:lnTo>
                    <a:pt x="0" y="67"/>
                  </a:lnTo>
                  <a:lnTo>
                    <a:pt x="0" y="67"/>
                  </a:lnTo>
                  <a:lnTo>
                    <a:pt x="0" y="74"/>
                  </a:lnTo>
                  <a:lnTo>
                    <a:pt x="1" y="81"/>
                  </a:lnTo>
                  <a:lnTo>
                    <a:pt x="3" y="88"/>
                  </a:lnTo>
                  <a:lnTo>
                    <a:pt x="6" y="93"/>
                  </a:lnTo>
                  <a:lnTo>
                    <a:pt x="12" y="105"/>
                  </a:lnTo>
                  <a:lnTo>
                    <a:pt x="20" y="115"/>
                  </a:lnTo>
                  <a:lnTo>
                    <a:pt x="32" y="123"/>
                  </a:lnTo>
                  <a:lnTo>
                    <a:pt x="43" y="129"/>
                  </a:lnTo>
                  <a:lnTo>
                    <a:pt x="49" y="131"/>
                  </a:lnTo>
                  <a:lnTo>
                    <a:pt x="56" y="133"/>
                  </a:lnTo>
                  <a:lnTo>
                    <a:pt x="63" y="134"/>
                  </a:lnTo>
                  <a:lnTo>
                    <a:pt x="70" y="134"/>
                  </a:lnTo>
                  <a:lnTo>
                    <a:pt x="70" y="134"/>
                  </a:lnTo>
                  <a:close/>
                </a:path>
              </a:pathLst>
            </a:custGeom>
            <a:solidFill>
              <a:srgbClr val="C320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91" name="Freeform 305">
              <a:extLst>
                <a:ext uri="{FF2B5EF4-FFF2-40B4-BE49-F238E27FC236}">
                  <a16:creationId xmlns:a16="http://schemas.microsoft.com/office/drawing/2014/main" xmlns="" id="{85C525B6-E104-F84C-A488-CC57C5793A42}"/>
                </a:ext>
              </a:extLst>
            </p:cNvPr>
            <p:cNvSpPr>
              <a:spLocks/>
            </p:cNvSpPr>
            <p:nvPr/>
          </p:nvSpPr>
          <p:spPr bwMode="auto">
            <a:xfrm flipH="1">
              <a:off x="8143611" y="1502504"/>
              <a:ext cx="152255" cy="197775"/>
            </a:xfrm>
            <a:custGeom>
              <a:avLst/>
              <a:gdLst>
                <a:gd name="T0" fmla="*/ 0 w 168"/>
                <a:gd name="T1" fmla="*/ 185 h 218"/>
                <a:gd name="T2" fmla="*/ 110 w 168"/>
                <a:gd name="T3" fmla="*/ 0 h 218"/>
                <a:gd name="T4" fmla="*/ 168 w 168"/>
                <a:gd name="T5" fmla="*/ 32 h 218"/>
                <a:gd name="T6" fmla="*/ 58 w 168"/>
                <a:gd name="T7" fmla="*/ 218 h 218"/>
                <a:gd name="T8" fmla="*/ 58 w 168"/>
                <a:gd name="T9" fmla="*/ 218 h 218"/>
                <a:gd name="T10" fmla="*/ 0 w 168"/>
                <a:gd name="T11" fmla="*/ 185 h 218"/>
                <a:gd name="T12" fmla="*/ 0 w 168"/>
                <a:gd name="T13" fmla="*/ 185 h 218"/>
              </a:gdLst>
              <a:ahLst/>
              <a:cxnLst>
                <a:cxn ang="0">
                  <a:pos x="T0" y="T1"/>
                </a:cxn>
                <a:cxn ang="0">
                  <a:pos x="T2" y="T3"/>
                </a:cxn>
                <a:cxn ang="0">
                  <a:pos x="T4" y="T5"/>
                </a:cxn>
                <a:cxn ang="0">
                  <a:pos x="T6" y="T7"/>
                </a:cxn>
                <a:cxn ang="0">
                  <a:pos x="T8" y="T9"/>
                </a:cxn>
                <a:cxn ang="0">
                  <a:pos x="T10" y="T11"/>
                </a:cxn>
                <a:cxn ang="0">
                  <a:pos x="T12" y="T13"/>
                </a:cxn>
              </a:cxnLst>
              <a:rect l="0" t="0" r="r" b="b"/>
              <a:pathLst>
                <a:path w="168" h="218">
                  <a:moveTo>
                    <a:pt x="0" y="185"/>
                  </a:moveTo>
                  <a:lnTo>
                    <a:pt x="110" y="0"/>
                  </a:lnTo>
                  <a:lnTo>
                    <a:pt x="168" y="32"/>
                  </a:lnTo>
                  <a:lnTo>
                    <a:pt x="58" y="218"/>
                  </a:lnTo>
                  <a:lnTo>
                    <a:pt x="58" y="218"/>
                  </a:lnTo>
                  <a:lnTo>
                    <a:pt x="0" y="185"/>
                  </a:lnTo>
                  <a:lnTo>
                    <a:pt x="0" y="185"/>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92" name="Freeform 306">
              <a:extLst>
                <a:ext uri="{FF2B5EF4-FFF2-40B4-BE49-F238E27FC236}">
                  <a16:creationId xmlns:a16="http://schemas.microsoft.com/office/drawing/2014/main" xmlns="" id="{82C1CB73-8E91-8B40-AF02-5636E670C06B}"/>
                </a:ext>
              </a:extLst>
            </p:cNvPr>
            <p:cNvSpPr>
              <a:spLocks/>
            </p:cNvSpPr>
            <p:nvPr/>
          </p:nvSpPr>
          <p:spPr bwMode="auto">
            <a:xfrm flipH="1">
              <a:off x="10091431" y="4909363"/>
              <a:ext cx="152255" cy="197775"/>
            </a:xfrm>
            <a:custGeom>
              <a:avLst/>
              <a:gdLst>
                <a:gd name="T0" fmla="*/ 169 w 169"/>
                <a:gd name="T1" fmla="*/ 31 h 217"/>
                <a:gd name="T2" fmla="*/ 59 w 169"/>
                <a:gd name="T3" fmla="*/ 217 h 217"/>
                <a:gd name="T4" fmla="*/ 0 w 169"/>
                <a:gd name="T5" fmla="*/ 185 h 217"/>
                <a:gd name="T6" fmla="*/ 111 w 169"/>
                <a:gd name="T7" fmla="*/ 0 h 217"/>
                <a:gd name="T8" fmla="*/ 111 w 169"/>
                <a:gd name="T9" fmla="*/ 0 h 217"/>
                <a:gd name="T10" fmla="*/ 169 w 169"/>
                <a:gd name="T11" fmla="*/ 31 h 217"/>
                <a:gd name="T12" fmla="*/ 169 w 169"/>
                <a:gd name="T13" fmla="*/ 31 h 217"/>
              </a:gdLst>
              <a:ahLst/>
              <a:cxnLst>
                <a:cxn ang="0">
                  <a:pos x="T0" y="T1"/>
                </a:cxn>
                <a:cxn ang="0">
                  <a:pos x="T2" y="T3"/>
                </a:cxn>
                <a:cxn ang="0">
                  <a:pos x="T4" y="T5"/>
                </a:cxn>
                <a:cxn ang="0">
                  <a:pos x="T6" y="T7"/>
                </a:cxn>
                <a:cxn ang="0">
                  <a:pos x="T8" y="T9"/>
                </a:cxn>
                <a:cxn ang="0">
                  <a:pos x="T10" y="T11"/>
                </a:cxn>
                <a:cxn ang="0">
                  <a:pos x="T12" y="T13"/>
                </a:cxn>
              </a:cxnLst>
              <a:rect l="0" t="0" r="r" b="b"/>
              <a:pathLst>
                <a:path w="169" h="217">
                  <a:moveTo>
                    <a:pt x="169" y="31"/>
                  </a:moveTo>
                  <a:lnTo>
                    <a:pt x="59" y="217"/>
                  </a:lnTo>
                  <a:lnTo>
                    <a:pt x="0" y="185"/>
                  </a:lnTo>
                  <a:lnTo>
                    <a:pt x="111" y="0"/>
                  </a:lnTo>
                  <a:lnTo>
                    <a:pt x="111" y="0"/>
                  </a:lnTo>
                  <a:lnTo>
                    <a:pt x="169" y="31"/>
                  </a:lnTo>
                  <a:lnTo>
                    <a:pt x="169" y="31"/>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93" name="Freeform 307">
              <a:extLst>
                <a:ext uri="{FF2B5EF4-FFF2-40B4-BE49-F238E27FC236}">
                  <a16:creationId xmlns:a16="http://schemas.microsoft.com/office/drawing/2014/main" xmlns="" id="{ABCF000D-3765-CC40-BB37-03D7A8D7F0FA}"/>
                </a:ext>
              </a:extLst>
            </p:cNvPr>
            <p:cNvSpPr>
              <a:spLocks/>
            </p:cNvSpPr>
            <p:nvPr/>
          </p:nvSpPr>
          <p:spPr bwMode="auto">
            <a:xfrm flipH="1">
              <a:off x="7398085" y="2255331"/>
              <a:ext cx="194257" cy="146738"/>
            </a:xfrm>
            <a:custGeom>
              <a:avLst/>
              <a:gdLst>
                <a:gd name="T0" fmla="*/ 0 w 225"/>
                <a:gd name="T1" fmla="*/ 106 h 162"/>
                <a:gd name="T2" fmla="*/ 191 w 225"/>
                <a:gd name="T3" fmla="*/ 0 h 162"/>
                <a:gd name="T4" fmla="*/ 225 w 225"/>
                <a:gd name="T5" fmla="*/ 56 h 162"/>
                <a:gd name="T6" fmla="*/ 33 w 225"/>
                <a:gd name="T7" fmla="*/ 162 h 162"/>
                <a:gd name="T8" fmla="*/ 33 w 225"/>
                <a:gd name="T9" fmla="*/ 162 h 162"/>
                <a:gd name="T10" fmla="*/ 0 w 225"/>
                <a:gd name="T11" fmla="*/ 106 h 162"/>
                <a:gd name="T12" fmla="*/ 0 w 225"/>
                <a:gd name="T13" fmla="*/ 106 h 162"/>
              </a:gdLst>
              <a:ahLst/>
              <a:cxnLst>
                <a:cxn ang="0">
                  <a:pos x="T0" y="T1"/>
                </a:cxn>
                <a:cxn ang="0">
                  <a:pos x="T2" y="T3"/>
                </a:cxn>
                <a:cxn ang="0">
                  <a:pos x="T4" y="T5"/>
                </a:cxn>
                <a:cxn ang="0">
                  <a:pos x="T6" y="T7"/>
                </a:cxn>
                <a:cxn ang="0">
                  <a:pos x="T8" y="T9"/>
                </a:cxn>
                <a:cxn ang="0">
                  <a:pos x="T10" y="T11"/>
                </a:cxn>
                <a:cxn ang="0">
                  <a:pos x="T12" y="T13"/>
                </a:cxn>
              </a:cxnLst>
              <a:rect l="0" t="0" r="r" b="b"/>
              <a:pathLst>
                <a:path w="225" h="162">
                  <a:moveTo>
                    <a:pt x="0" y="106"/>
                  </a:moveTo>
                  <a:lnTo>
                    <a:pt x="191" y="0"/>
                  </a:lnTo>
                  <a:lnTo>
                    <a:pt x="225" y="56"/>
                  </a:lnTo>
                  <a:lnTo>
                    <a:pt x="33" y="162"/>
                  </a:lnTo>
                  <a:lnTo>
                    <a:pt x="33" y="162"/>
                  </a:lnTo>
                  <a:lnTo>
                    <a:pt x="0" y="106"/>
                  </a:lnTo>
                  <a:lnTo>
                    <a:pt x="0" y="106"/>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94" name="Freeform 308">
              <a:extLst>
                <a:ext uri="{FF2B5EF4-FFF2-40B4-BE49-F238E27FC236}">
                  <a16:creationId xmlns:a16="http://schemas.microsoft.com/office/drawing/2014/main" xmlns="" id="{E4FE2722-765F-1749-B254-DF321C61279E}"/>
                </a:ext>
              </a:extLst>
            </p:cNvPr>
            <p:cNvSpPr>
              <a:spLocks/>
            </p:cNvSpPr>
            <p:nvPr/>
          </p:nvSpPr>
          <p:spPr bwMode="auto">
            <a:xfrm flipH="1">
              <a:off x="10794956" y="4207577"/>
              <a:ext cx="199507" cy="146738"/>
            </a:xfrm>
            <a:custGeom>
              <a:avLst/>
              <a:gdLst>
                <a:gd name="T0" fmla="*/ 227 w 227"/>
                <a:gd name="T1" fmla="*/ 56 h 162"/>
                <a:gd name="T2" fmla="*/ 34 w 227"/>
                <a:gd name="T3" fmla="*/ 162 h 162"/>
                <a:gd name="T4" fmla="*/ 0 w 227"/>
                <a:gd name="T5" fmla="*/ 106 h 162"/>
                <a:gd name="T6" fmla="*/ 193 w 227"/>
                <a:gd name="T7" fmla="*/ 0 h 162"/>
                <a:gd name="T8" fmla="*/ 193 w 227"/>
                <a:gd name="T9" fmla="*/ 0 h 162"/>
                <a:gd name="T10" fmla="*/ 227 w 227"/>
                <a:gd name="T11" fmla="*/ 56 h 162"/>
                <a:gd name="T12" fmla="*/ 227 w 227"/>
                <a:gd name="T13" fmla="*/ 56 h 162"/>
              </a:gdLst>
              <a:ahLst/>
              <a:cxnLst>
                <a:cxn ang="0">
                  <a:pos x="T0" y="T1"/>
                </a:cxn>
                <a:cxn ang="0">
                  <a:pos x="T2" y="T3"/>
                </a:cxn>
                <a:cxn ang="0">
                  <a:pos x="T4" y="T5"/>
                </a:cxn>
                <a:cxn ang="0">
                  <a:pos x="T6" y="T7"/>
                </a:cxn>
                <a:cxn ang="0">
                  <a:pos x="T8" y="T9"/>
                </a:cxn>
                <a:cxn ang="0">
                  <a:pos x="T10" y="T11"/>
                </a:cxn>
                <a:cxn ang="0">
                  <a:pos x="T12" y="T13"/>
                </a:cxn>
              </a:cxnLst>
              <a:rect l="0" t="0" r="r" b="b"/>
              <a:pathLst>
                <a:path w="227" h="162">
                  <a:moveTo>
                    <a:pt x="227" y="56"/>
                  </a:moveTo>
                  <a:lnTo>
                    <a:pt x="34" y="162"/>
                  </a:lnTo>
                  <a:lnTo>
                    <a:pt x="0" y="106"/>
                  </a:lnTo>
                  <a:lnTo>
                    <a:pt x="193" y="0"/>
                  </a:lnTo>
                  <a:lnTo>
                    <a:pt x="193" y="0"/>
                  </a:lnTo>
                  <a:lnTo>
                    <a:pt x="227" y="56"/>
                  </a:lnTo>
                  <a:lnTo>
                    <a:pt x="227" y="56"/>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95" name="Freeform 309">
              <a:extLst>
                <a:ext uri="{FF2B5EF4-FFF2-40B4-BE49-F238E27FC236}">
                  <a16:creationId xmlns:a16="http://schemas.microsoft.com/office/drawing/2014/main" xmlns="" id="{BCFC9051-F2DA-3744-9764-F7801090E08C}"/>
                </a:ext>
              </a:extLst>
            </p:cNvPr>
            <p:cNvSpPr>
              <a:spLocks/>
            </p:cNvSpPr>
            <p:nvPr/>
          </p:nvSpPr>
          <p:spPr bwMode="auto">
            <a:xfrm flipH="1">
              <a:off x="10794956" y="2255331"/>
              <a:ext cx="194257" cy="146738"/>
            </a:xfrm>
            <a:custGeom>
              <a:avLst/>
              <a:gdLst>
                <a:gd name="T0" fmla="*/ 192 w 226"/>
                <a:gd name="T1" fmla="*/ 162 h 162"/>
                <a:gd name="T2" fmla="*/ 0 w 226"/>
                <a:gd name="T3" fmla="*/ 56 h 162"/>
                <a:gd name="T4" fmla="*/ 34 w 226"/>
                <a:gd name="T5" fmla="*/ 0 h 162"/>
                <a:gd name="T6" fmla="*/ 226 w 226"/>
                <a:gd name="T7" fmla="*/ 106 h 162"/>
                <a:gd name="T8" fmla="*/ 226 w 226"/>
                <a:gd name="T9" fmla="*/ 106 h 162"/>
                <a:gd name="T10" fmla="*/ 192 w 226"/>
                <a:gd name="T11" fmla="*/ 162 h 162"/>
                <a:gd name="T12" fmla="*/ 192 w 226"/>
                <a:gd name="T13" fmla="*/ 162 h 162"/>
              </a:gdLst>
              <a:ahLst/>
              <a:cxnLst>
                <a:cxn ang="0">
                  <a:pos x="T0" y="T1"/>
                </a:cxn>
                <a:cxn ang="0">
                  <a:pos x="T2" y="T3"/>
                </a:cxn>
                <a:cxn ang="0">
                  <a:pos x="T4" y="T5"/>
                </a:cxn>
                <a:cxn ang="0">
                  <a:pos x="T6" y="T7"/>
                </a:cxn>
                <a:cxn ang="0">
                  <a:pos x="T8" y="T9"/>
                </a:cxn>
                <a:cxn ang="0">
                  <a:pos x="T10" y="T11"/>
                </a:cxn>
                <a:cxn ang="0">
                  <a:pos x="T12" y="T13"/>
                </a:cxn>
              </a:cxnLst>
              <a:rect l="0" t="0" r="r" b="b"/>
              <a:pathLst>
                <a:path w="226" h="162">
                  <a:moveTo>
                    <a:pt x="192" y="162"/>
                  </a:moveTo>
                  <a:lnTo>
                    <a:pt x="0" y="56"/>
                  </a:lnTo>
                  <a:lnTo>
                    <a:pt x="34" y="0"/>
                  </a:lnTo>
                  <a:lnTo>
                    <a:pt x="226" y="106"/>
                  </a:lnTo>
                  <a:lnTo>
                    <a:pt x="226" y="106"/>
                  </a:lnTo>
                  <a:lnTo>
                    <a:pt x="192" y="162"/>
                  </a:lnTo>
                  <a:lnTo>
                    <a:pt x="192" y="16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96" name="Freeform 310">
              <a:extLst>
                <a:ext uri="{FF2B5EF4-FFF2-40B4-BE49-F238E27FC236}">
                  <a16:creationId xmlns:a16="http://schemas.microsoft.com/office/drawing/2014/main" xmlns="" id="{1898B4EE-5762-7D40-9ECB-D79AD92CA3BD}"/>
                </a:ext>
              </a:extLst>
            </p:cNvPr>
            <p:cNvSpPr>
              <a:spLocks/>
            </p:cNvSpPr>
            <p:nvPr/>
          </p:nvSpPr>
          <p:spPr bwMode="auto">
            <a:xfrm flipH="1">
              <a:off x="7398085" y="4207577"/>
              <a:ext cx="194257" cy="146738"/>
            </a:xfrm>
            <a:custGeom>
              <a:avLst/>
              <a:gdLst>
                <a:gd name="T0" fmla="*/ 33 w 226"/>
                <a:gd name="T1" fmla="*/ 0 h 162"/>
                <a:gd name="T2" fmla="*/ 226 w 226"/>
                <a:gd name="T3" fmla="*/ 106 h 162"/>
                <a:gd name="T4" fmla="*/ 192 w 226"/>
                <a:gd name="T5" fmla="*/ 162 h 162"/>
                <a:gd name="T6" fmla="*/ 0 w 226"/>
                <a:gd name="T7" fmla="*/ 56 h 162"/>
                <a:gd name="T8" fmla="*/ 0 w 226"/>
                <a:gd name="T9" fmla="*/ 56 h 162"/>
                <a:gd name="T10" fmla="*/ 33 w 226"/>
                <a:gd name="T11" fmla="*/ 0 h 162"/>
                <a:gd name="T12" fmla="*/ 33 w 226"/>
                <a:gd name="T13" fmla="*/ 0 h 162"/>
              </a:gdLst>
              <a:ahLst/>
              <a:cxnLst>
                <a:cxn ang="0">
                  <a:pos x="T0" y="T1"/>
                </a:cxn>
                <a:cxn ang="0">
                  <a:pos x="T2" y="T3"/>
                </a:cxn>
                <a:cxn ang="0">
                  <a:pos x="T4" y="T5"/>
                </a:cxn>
                <a:cxn ang="0">
                  <a:pos x="T6" y="T7"/>
                </a:cxn>
                <a:cxn ang="0">
                  <a:pos x="T8" y="T9"/>
                </a:cxn>
                <a:cxn ang="0">
                  <a:pos x="T10" y="T11"/>
                </a:cxn>
                <a:cxn ang="0">
                  <a:pos x="T12" y="T13"/>
                </a:cxn>
              </a:cxnLst>
              <a:rect l="0" t="0" r="r" b="b"/>
              <a:pathLst>
                <a:path w="226" h="162">
                  <a:moveTo>
                    <a:pt x="33" y="0"/>
                  </a:moveTo>
                  <a:lnTo>
                    <a:pt x="226" y="106"/>
                  </a:lnTo>
                  <a:lnTo>
                    <a:pt x="192" y="162"/>
                  </a:lnTo>
                  <a:lnTo>
                    <a:pt x="0" y="56"/>
                  </a:lnTo>
                  <a:lnTo>
                    <a:pt x="0" y="56"/>
                  </a:lnTo>
                  <a:lnTo>
                    <a:pt x="33" y="0"/>
                  </a:lnTo>
                  <a:lnTo>
                    <a:pt x="33"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97" name="Freeform 311">
              <a:extLst>
                <a:ext uri="{FF2B5EF4-FFF2-40B4-BE49-F238E27FC236}">
                  <a16:creationId xmlns:a16="http://schemas.microsoft.com/office/drawing/2014/main" xmlns="" id="{6547379D-1939-8E42-AC00-CFCBB6DCF4AE}"/>
                </a:ext>
              </a:extLst>
            </p:cNvPr>
            <p:cNvSpPr>
              <a:spLocks/>
            </p:cNvSpPr>
            <p:nvPr/>
          </p:nvSpPr>
          <p:spPr bwMode="auto">
            <a:xfrm flipH="1">
              <a:off x="10096681" y="1502504"/>
              <a:ext cx="147005" cy="197775"/>
            </a:xfrm>
            <a:custGeom>
              <a:avLst/>
              <a:gdLst>
                <a:gd name="T0" fmla="*/ 109 w 168"/>
                <a:gd name="T1" fmla="*/ 217 h 217"/>
                <a:gd name="T2" fmla="*/ 0 w 168"/>
                <a:gd name="T3" fmla="*/ 32 h 217"/>
                <a:gd name="T4" fmla="*/ 58 w 168"/>
                <a:gd name="T5" fmla="*/ 0 h 217"/>
                <a:gd name="T6" fmla="*/ 168 w 168"/>
                <a:gd name="T7" fmla="*/ 185 h 217"/>
                <a:gd name="T8" fmla="*/ 168 w 168"/>
                <a:gd name="T9" fmla="*/ 185 h 217"/>
                <a:gd name="T10" fmla="*/ 109 w 168"/>
                <a:gd name="T11" fmla="*/ 217 h 217"/>
                <a:gd name="T12" fmla="*/ 109 w 168"/>
                <a:gd name="T13" fmla="*/ 217 h 217"/>
              </a:gdLst>
              <a:ahLst/>
              <a:cxnLst>
                <a:cxn ang="0">
                  <a:pos x="T0" y="T1"/>
                </a:cxn>
                <a:cxn ang="0">
                  <a:pos x="T2" y="T3"/>
                </a:cxn>
                <a:cxn ang="0">
                  <a:pos x="T4" y="T5"/>
                </a:cxn>
                <a:cxn ang="0">
                  <a:pos x="T6" y="T7"/>
                </a:cxn>
                <a:cxn ang="0">
                  <a:pos x="T8" y="T9"/>
                </a:cxn>
                <a:cxn ang="0">
                  <a:pos x="T10" y="T11"/>
                </a:cxn>
                <a:cxn ang="0">
                  <a:pos x="T12" y="T13"/>
                </a:cxn>
              </a:cxnLst>
              <a:rect l="0" t="0" r="r" b="b"/>
              <a:pathLst>
                <a:path w="168" h="217">
                  <a:moveTo>
                    <a:pt x="109" y="217"/>
                  </a:moveTo>
                  <a:lnTo>
                    <a:pt x="0" y="32"/>
                  </a:lnTo>
                  <a:lnTo>
                    <a:pt x="58" y="0"/>
                  </a:lnTo>
                  <a:lnTo>
                    <a:pt x="168" y="185"/>
                  </a:lnTo>
                  <a:lnTo>
                    <a:pt x="168" y="185"/>
                  </a:lnTo>
                  <a:lnTo>
                    <a:pt x="109" y="217"/>
                  </a:lnTo>
                  <a:lnTo>
                    <a:pt x="109" y="217"/>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98" name="Freeform 312">
              <a:extLst>
                <a:ext uri="{FF2B5EF4-FFF2-40B4-BE49-F238E27FC236}">
                  <a16:creationId xmlns:a16="http://schemas.microsoft.com/office/drawing/2014/main" xmlns="" id="{055172E7-9E3B-2D49-8726-F4B8B4FC0B80}"/>
                </a:ext>
              </a:extLst>
            </p:cNvPr>
            <p:cNvSpPr>
              <a:spLocks/>
            </p:cNvSpPr>
            <p:nvPr/>
          </p:nvSpPr>
          <p:spPr bwMode="auto">
            <a:xfrm flipH="1">
              <a:off x="8143611" y="4902985"/>
              <a:ext cx="147005" cy="197775"/>
            </a:xfrm>
            <a:custGeom>
              <a:avLst/>
              <a:gdLst>
                <a:gd name="T0" fmla="*/ 59 w 170"/>
                <a:gd name="T1" fmla="*/ 0 h 217"/>
                <a:gd name="T2" fmla="*/ 170 w 170"/>
                <a:gd name="T3" fmla="*/ 185 h 217"/>
                <a:gd name="T4" fmla="*/ 111 w 170"/>
                <a:gd name="T5" fmla="*/ 217 h 217"/>
                <a:gd name="T6" fmla="*/ 0 w 170"/>
                <a:gd name="T7" fmla="*/ 32 h 217"/>
                <a:gd name="T8" fmla="*/ 0 w 170"/>
                <a:gd name="T9" fmla="*/ 32 h 217"/>
                <a:gd name="T10" fmla="*/ 59 w 170"/>
                <a:gd name="T11" fmla="*/ 0 h 217"/>
                <a:gd name="T12" fmla="*/ 59 w 170"/>
                <a:gd name="T13" fmla="*/ 0 h 217"/>
              </a:gdLst>
              <a:ahLst/>
              <a:cxnLst>
                <a:cxn ang="0">
                  <a:pos x="T0" y="T1"/>
                </a:cxn>
                <a:cxn ang="0">
                  <a:pos x="T2" y="T3"/>
                </a:cxn>
                <a:cxn ang="0">
                  <a:pos x="T4" y="T5"/>
                </a:cxn>
                <a:cxn ang="0">
                  <a:pos x="T6" y="T7"/>
                </a:cxn>
                <a:cxn ang="0">
                  <a:pos x="T8" y="T9"/>
                </a:cxn>
                <a:cxn ang="0">
                  <a:pos x="T10" y="T11"/>
                </a:cxn>
                <a:cxn ang="0">
                  <a:pos x="T12" y="T13"/>
                </a:cxn>
              </a:cxnLst>
              <a:rect l="0" t="0" r="r" b="b"/>
              <a:pathLst>
                <a:path w="170" h="217">
                  <a:moveTo>
                    <a:pt x="59" y="0"/>
                  </a:moveTo>
                  <a:lnTo>
                    <a:pt x="170" y="185"/>
                  </a:lnTo>
                  <a:lnTo>
                    <a:pt x="111" y="217"/>
                  </a:lnTo>
                  <a:lnTo>
                    <a:pt x="0" y="32"/>
                  </a:lnTo>
                  <a:lnTo>
                    <a:pt x="0" y="32"/>
                  </a:lnTo>
                  <a:lnTo>
                    <a:pt x="59" y="0"/>
                  </a:lnTo>
                  <a:lnTo>
                    <a:pt x="59"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99" name="Freeform 313">
              <a:extLst>
                <a:ext uri="{FF2B5EF4-FFF2-40B4-BE49-F238E27FC236}">
                  <a16:creationId xmlns:a16="http://schemas.microsoft.com/office/drawing/2014/main" xmlns="" id="{9E0BA629-B33A-9D4C-9745-CD3C907E4633}"/>
                </a:ext>
              </a:extLst>
            </p:cNvPr>
            <p:cNvSpPr>
              <a:spLocks/>
            </p:cNvSpPr>
            <p:nvPr/>
          </p:nvSpPr>
          <p:spPr bwMode="auto">
            <a:xfrm flipH="1">
              <a:off x="7104074" y="3263353"/>
              <a:ext cx="336012" cy="57419"/>
            </a:xfrm>
            <a:custGeom>
              <a:avLst/>
              <a:gdLst>
                <a:gd name="T0" fmla="*/ 0 w 382"/>
                <a:gd name="T1" fmla="*/ 44 h 64"/>
                <a:gd name="T2" fmla="*/ 0 w 382"/>
                <a:gd name="T3" fmla="*/ 44 h 64"/>
                <a:gd name="T4" fmla="*/ 0 w 382"/>
                <a:gd name="T5" fmla="*/ 0 h 64"/>
                <a:gd name="T6" fmla="*/ 382 w 382"/>
                <a:gd name="T7" fmla="*/ 0 h 64"/>
                <a:gd name="T8" fmla="*/ 382 w 382"/>
                <a:gd name="T9" fmla="*/ 64 h 64"/>
                <a:gd name="T10" fmla="*/ 0 w 382"/>
                <a:gd name="T11" fmla="*/ 64 h 64"/>
                <a:gd name="T12" fmla="*/ 0 w 382"/>
                <a:gd name="T13" fmla="*/ 64 h 64"/>
                <a:gd name="T14" fmla="*/ 0 w 382"/>
                <a:gd name="T15" fmla="*/ 44 h 64"/>
                <a:gd name="T16" fmla="*/ 0 w 382"/>
                <a:gd name="T17" fmla="*/ 44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2" h="64">
                  <a:moveTo>
                    <a:pt x="0" y="44"/>
                  </a:moveTo>
                  <a:lnTo>
                    <a:pt x="0" y="44"/>
                  </a:lnTo>
                  <a:lnTo>
                    <a:pt x="0" y="0"/>
                  </a:lnTo>
                  <a:lnTo>
                    <a:pt x="382" y="0"/>
                  </a:lnTo>
                  <a:lnTo>
                    <a:pt x="382" y="64"/>
                  </a:lnTo>
                  <a:lnTo>
                    <a:pt x="0" y="64"/>
                  </a:lnTo>
                  <a:lnTo>
                    <a:pt x="0" y="64"/>
                  </a:lnTo>
                  <a:lnTo>
                    <a:pt x="0" y="44"/>
                  </a:lnTo>
                  <a:lnTo>
                    <a:pt x="0" y="44"/>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00" name="Freeform 314">
              <a:extLst>
                <a:ext uri="{FF2B5EF4-FFF2-40B4-BE49-F238E27FC236}">
                  <a16:creationId xmlns:a16="http://schemas.microsoft.com/office/drawing/2014/main" xmlns="" id="{04D9AD9A-F4EF-8748-AA95-1D5DF3C60A7B}"/>
                </a:ext>
              </a:extLst>
            </p:cNvPr>
            <p:cNvSpPr>
              <a:spLocks/>
            </p:cNvSpPr>
            <p:nvPr/>
          </p:nvSpPr>
          <p:spPr bwMode="auto">
            <a:xfrm flipH="1">
              <a:off x="10947212" y="3263353"/>
              <a:ext cx="341262" cy="57419"/>
            </a:xfrm>
            <a:custGeom>
              <a:avLst/>
              <a:gdLst>
                <a:gd name="T0" fmla="*/ 391 w 391"/>
                <a:gd name="T1" fmla="*/ 0 h 64"/>
                <a:gd name="T2" fmla="*/ 391 w 391"/>
                <a:gd name="T3" fmla="*/ 0 h 64"/>
                <a:gd name="T4" fmla="*/ 390 w 391"/>
                <a:gd name="T5" fmla="*/ 44 h 64"/>
                <a:gd name="T6" fmla="*/ 390 w 391"/>
                <a:gd name="T7" fmla="*/ 44 h 64"/>
                <a:gd name="T8" fmla="*/ 390 w 391"/>
                <a:gd name="T9" fmla="*/ 64 h 64"/>
                <a:gd name="T10" fmla="*/ 0 w 391"/>
                <a:gd name="T11" fmla="*/ 64 h 64"/>
                <a:gd name="T12" fmla="*/ 0 w 391"/>
                <a:gd name="T13" fmla="*/ 0 h 64"/>
                <a:gd name="T14" fmla="*/ 391 w 391"/>
                <a:gd name="T15" fmla="*/ 0 h 6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91" h="64">
                  <a:moveTo>
                    <a:pt x="391" y="0"/>
                  </a:moveTo>
                  <a:lnTo>
                    <a:pt x="391" y="0"/>
                  </a:lnTo>
                  <a:lnTo>
                    <a:pt x="390" y="44"/>
                  </a:lnTo>
                  <a:lnTo>
                    <a:pt x="390" y="44"/>
                  </a:lnTo>
                  <a:lnTo>
                    <a:pt x="390" y="64"/>
                  </a:lnTo>
                  <a:lnTo>
                    <a:pt x="0" y="64"/>
                  </a:lnTo>
                  <a:lnTo>
                    <a:pt x="0" y="0"/>
                  </a:lnTo>
                  <a:lnTo>
                    <a:pt x="391"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01" name="Freeform 315">
              <a:extLst>
                <a:ext uri="{FF2B5EF4-FFF2-40B4-BE49-F238E27FC236}">
                  <a16:creationId xmlns:a16="http://schemas.microsoft.com/office/drawing/2014/main" xmlns="" id="{69BC271A-C6A2-7C4C-A360-BC67CCD52F41}"/>
                </a:ext>
              </a:extLst>
            </p:cNvPr>
            <p:cNvSpPr>
              <a:spLocks/>
            </p:cNvSpPr>
            <p:nvPr/>
          </p:nvSpPr>
          <p:spPr bwMode="auto">
            <a:xfrm flipH="1">
              <a:off x="9167398" y="5062483"/>
              <a:ext cx="57752" cy="331753"/>
            </a:xfrm>
            <a:custGeom>
              <a:avLst/>
              <a:gdLst>
                <a:gd name="T0" fmla="*/ 38 w 67"/>
                <a:gd name="T1" fmla="*/ 1 h 361"/>
                <a:gd name="T2" fmla="*/ 38 w 67"/>
                <a:gd name="T3" fmla="*/ 1 h 361"/>
                <a:gd name="T4" fmla="*/ 67 w 67"/>
                <a:gd name="T5" fmla="*/ 0 h 361"/>
                <a:gd name="T6" fmla="*/ 67 w 67"/>
                <a:gd name="T7" fmla="*/ 361 h 361"/>
                <a:gd name="T8" fmla="*/ 0 w 67"/>
                <a:gd name="T9" fmla="*/ 361 h 361"/>
                <a:gd name="T10" fmla="*/ 0 w 67"/>
                <a:gd name="T11" fmla="*/ 0 h 361"/>
                <a:gd name="T12" fmla="*/ 0 w 67"/>
                <a:gd name="T13" fmla="*/ 0 h 361"/>
                <a:gd name="T14" fmla="*/ 38 w 67"/>
                <a:gd name="T15" fmla="*/ 1 h 361"/>
                <a:gd name="T16" fmla="*/ 38 w 67"/>
                <a:gd name="T17" fmla="*/ 1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7" h="361">
                  <a:moveTo>
                    <a:pt x="38" y="1"/>
                  </a:moveTo>
                  <a:lnTo>
                    <a:pt x="38" y="1"/>
                  </a:lnTo>
                  <a:lnTo>
                    <a:pt x="67" y="0"/>
                  </a:lnTo>
                  <a:lnTo>
                    <a:pt x="67" y="361"/>
                  </a:lnTo>
                  <a:lnTo>
                    <a:pt x="0" y="361"/>
                  </a:lnTo>
                  <a:lnTo>
                    <a:pt x="0" y="0"/>
                  </a:lnTo>
                  <a:lnTo>
                    <a:pt x="0" y="0"/>
                  </a:lnTo>
                  <a:lnTo>
                    <a:pt x="38" y="1"/>
                  </a:lnTo>
                  <a:lnTo>
                    <a:pt x="38" y="1"/>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02" name="Freeform 316">
              <a:extLst>
                <a:ext uri="{FF2B5EF4-FFF2-40B4-BE49-F238E27FC236}">
                  <a16:creationId xmlns:a16="http://schemas.microsoft.com/office/drawing/2014/main" xmlns="" id="{D38C344D-1EB1-A942-ABC8-6D6E6804D1FA}"/>
                </a:ext>
              </a:extLst>
            </p:cNvPr>
            <p:cNvSpPr>
              <a:spLocks/>
            </p:cNvSpPr>
            <p:nvPr/>
          </p:nvSpPr>
          <p:spPr bwMode="auto">
            <a:xfrm flipH="1">
              <a:off x="9167398" y="1196272"/>
              <a:ext cx="57752" cy="350895"/>
            </a:xfrm>
            <a:custGeom>
              <a:avLst/>
              <a:gdLst>
                <a:gd name="T0" fmla="*/ 38 w 67"/>
                <a:gd name="T1" fmla="*/ 383 h 384"/>
                <a:gd name="T2" fmla="*/ 38 w 67"/>
                <a:gd name="T3" fmla="*/ 383 h 384"/>
                <a:gd name="T4" fmla="*/ 0 w 67"/>
                <a:gd name="T5" fmla="*/ 384 h 384"/>
                <a:gd name="T6" fmla="*/ 0 w 67"/>
                <a:gd name="T7" fmla="*/ 0 h 384"/>
                <a:gd name="T8" fmla="*/ 67 w 67"/>
                <a:gd name="T9" fmla="*/ 0 h 384"/>
                <a:gd name="T10" fmla="*/ 67 w 67"/>
                <a:gd name="T11" fmla="*/ 384 h 384"/>
                <a:gd name="T12" fmla="*/ 67 w 67"/>
                <a:gd name="T13" fmla="*/ 384 h 384"/>
                <a:gd name="T14" fmla="*/ 38 w 67"/>
                <a:gd name="T15" fmla="*/ 383 h 384"/>
                <a:gd name="T16" fmla="*/ 38 w 67"/>
                <a:gd name="T17" fmla="*/ 383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7" h="384">
                  <a:moveTo>
                    <a:pt x="38" y="383"/>
                  </a:moveTo>
                  <a:lnTo>
                    <a:pt x="38" y="383"/>
                  </a:lnTo>
                  <a:lnTo>
                    <a:pt x="0" y="384"/>
                  </a:lnTo>
                  <a:lnTo>
                    <a:pt x="0" y="0"/>
                  </a:lnTo>
                  <a:lnTo>
                    <a:pt x="67" y="0"/>
                  </a:lnTo>
                  <a:lnTo>
                    <a:pt x="67" y="384"/>
                  </a:lnTo>
                  <a:lnTo>
                    <a:pt x="67" y="384"/>
                  </a:lnTo>
                  <a:lnTo>
                    <a:pt x="38" y="383"/>
                  </a:lnTo>
                  <a:lnTo>
                    <a:pt x="38" y="383"/>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grpSp>
      <p:sp>
        <p:nvSpPr>
          <p:cNvPr id="103" name="Right Arrow 102">
            <a:extLst>
              <a:ext uri="{FF2B5EF4-FFF2-40B4-BE49-F238E27FC236}">
                <a16:creationId xmlns:a16="http://schemas.microsoft.com/office/drawing/2014/main" xmlns="" id="{39986C96-3D1B-0E46-AE04-14888B1FED0D}"/>
              </a:ext>
            </a:extLst>
          </p:cNvPr>
          <p:cNvSpPr/>
          <p:nvPr/>
        </p:nvSpPr>
        <p:spPr>
          <a:xfrm>
            <a:off x="3078611" y="179656"/>
            <a:ext cx="527643" cy="385186"/>
          </a:xfrm>
          <a:prstGeom prst="rightArrow">
            <a:avLst/>
          </a:prstGeom>
          <a:solidFill>
            <a:srgbClr val="7BA21A">
              <a:alpha val="53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262010652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xmlns="" id="{ACCCF7FC-3E96-47D0-BFF8-F05C68498519}"/>
              </a:ext>
            </a:extLst>
          </p:cNvPr>
          <p:cNvGraphicFramePr>
            <a:graphicFrameLocks noGrp="1"/>
          </p:cNvGraphicFramePr>
          <p:nvPr>
            <p:extLst>
              <p:ext uri="{D42A27DB-BD31-4B8C-83A1-F6EECF244321}">
                <p14:modId xmlns:p14="http://schemas.microsoft.com/office/powerpoint/2010/main" val="3165809986"/>
              </p:ext>
            </p:extLst>
          </p:nvPr>
        </p:nvGraphicFramePr>
        <p:xfrm>
          <a:off x="19050" y="0"/>
          <a:ext cx="12172949" cy="6858000"/>
        </p:xfrm>
        <a:graphic>
          <a:graphicData uri="http://schemas.openxmlformats.org/drawingml/2006/table">
            <a:tbl>
              <a:tblPr firstRow="1" bandRow="1">
                <a:effectLst>
                  <a:outerShdw dist="38100" sx="1000" sy="1000" algn="l" rotWithShape="0">
                    <a:prstClr val="black">
                      <a:alpha val="65000"/>
                    </a:prstClr>
                  </a:outerShdw>
                </a:effectLst>
                <a:tableStyleId>{5C22544A-7EE6-4342-B048-85BDC9FD1C3A}</a:tableStyleId>
              </a:tblPr>
              <a:tblGrid>
                <a:gridCol w="2340675">
                  <a:extLst>
                    <a:ext uri="{9D8B030D-6E8A-4147-A177-3AD203B41FA5}">
                      <a16:colId xmlns:a16="http://schemas.microsoft.com/office/drawing/2014/main" xmlns="" val="1560926920"/>
                    </a:ext>
                  </a:extLst>
                </a:gridCol>
                <a:gridCol w="4916137">
                  <a:extLst>
                    <a:ext uri="{9D8B030D-6E8A-4147-A177-3AD203B41FA5}">
                      <a16:colId xmlns:a16="http://schemas.microsoft.com/office/drawing/2014/main" xmlns="" val="1975310804"/>
                    </a:ext>
                  </a:extLst>
                </a:gridCol>
                <a:gridCol w="4916137">
                  <a:extLst>
                    <a:ext uri="{9D8B030D-6E8A-4147-A177-3AD203B41FA5}">
                      <a16:colId xmlns:a16="http://schemas.microsoft.com/office/drawing/2014/main" xmlns="" val="567559854"/>
                    </a:ext>
                  </a:extLst>
                </a:gridCol>
              </a:tblGrid>
              <a:tr h="762191">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200" b="1" kern="1200" dirty="0" smtClean="0">
                          <a:solidFill>
                            <a:schemeClr val="accent2"/>
                          </a:solidFill>
                          <a:latin typeface="+mn-lt"/>
                          <a:ea typeface="+mn-ea"/>
                          <a:cs typeface="+mn-cs"/>
                        </a:rPr>
                        <a:t>Iniciar</a:t>
                      </a:r>
                      <a:r>
                        <a:rPr lang="en-US" sz="2200" b="1" kern="1200" baseline="0" dirty="0" smtClean="0">
                          <a:solidFill>
                            <a:schemeClr val="accent2"/>
                          </a:solidFill>
                          <a:latin typeface="+mn-lt"/>
                          <a:ea typeface="+mn-ea"/>
                          <a:cs typeface="+mn-cs"/>
                        </a:rPr>
                        <a:t> la sesión</a:t>
                      </a:r>
                      <a:endParaRPr lang="en-US" sz="2200" b="1" kern="1200" dirty="0">
                        <a:solidFill>
                          <a:schemeClr val="accent2"/>
                        </a:solidFill>
                        <a:latin typeface="+mn-lt"/>
                        <a:ea typeface="+mn-ea"/>
                        <a:cs typeface="+mn-cs"/>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2500" b="1" kern="1200" dirty="0">
                          <a:solidFill>
                            <a:srgbClr val="FF0000"/>
                          </a:solidFill>
                          <a:latin typeface="Arial" panose="020B0604020202020204" pitchFamily="34" charset="0"/>
                          <a:ea typeface="+mn-ea"/>
                          <a:cs typeface="Arial" panose="020B0604020202020204" pitchFamily="34" charset="0"/>
                        </a:rPr>
                        <a:t>   </a:t>
                      </a:r>
                      <a:r>
                        <a:rPr lang="en-US" sz="2500" b="1" kern="1200" dirty="0">
                          <a:solidFill>
                            <a:schemeClr val="tx2"/>
                          </a:solidFill>
                          <a:latin typeface="Arial" panose="020B0604020202020204" pitchFamily="34" charset="0"/>
                          <a:ea typeface="+mn-ea"/>
                          <a:cs typeface="Arial" panose="020B0604020202020204" pitchFamily="34" charset="0"/>
                        </a:rPr>
                        <a:t>10 </a:t>
                      </a:r>
                      <a:r>
                        <a:rPr lang="en-US" sz="2500" b="1" kern="1200" dirty="0" smtClean="0">
                          <a:solidFill>
                            <a:schemeClr val="tx2"/>
                          </a:solidFill>
                          <a:latin typeface="Arial" panose="020B0604020202020204" pitchFamily="34" charset="0"/>
                          <a:ea typeface="+mn-ea"/>
                          <a:cs typeface="Arial" panose="020B0604020202020204" pitchFamily="34" charset="0"/>
                        </a:rPr>
                        <a:t>a </a:t>
                      </a:r>
                      <a:r>
                        <a:rPr lang="en-US" sz="2500" b="1" kern="1200" dirty="0">
                          <a:solidFill>
                            <a:schemeClr val="tx2"/>
                          </a:solidFill>
                          <a:latin typeface="Arial" panose="020B0604020202020204" pitchFamily="34" charset="0"/>
                          <a:ea typeface="+mn-ea"/>
                          <a:cs typeface="Arial" panose="020B0604020202020204" pitchFamily="34" charset="0"/>
                        </a:rPr>
                        <a:t>25 </a:t>
                      </a:r>
                      <a:r>
                        <a:rPr lang="en-US" sz="2500" b="1" kern="1200" dirty="0" smtClean="0">
                          <a:solidFill>
                            <a:schemeClr val="tx2"/>
                          </a:solidFill>
                          <a:latin typeface="Arial" panose="020B0604020202020204" pitchFamily="34" charset="0"/>
                          <a:ea typeface="+mn-ea"/>
                          <a:cs typeface="Arial" panose="020B0604020202020204" pitchFamily="34" charset="0"/>
                        </a:rPr>
                        <a:t>minutos</a:t>
                      </a:r>
                      <a:endParaRPr lang="en-US" sz="2500" dirty="0">
                        <a:solidFill>
                          <a:schemeClr val="tx2"/>
                        </a:solidFill>
                        <a:latin typeface="Arial" panose="020B0604020202020204" pitchFamily="34" charset="0"/>
                        <a:cs typeface="Arial" panose="020B0604020202020204" pitchFamily="34" charset="0"/>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tc>
                  <a:txBody>
                    <a:bodyPr/>
                    <a:lstStyle/>
                    <a:p>
                      <a:r>
                        <a:rPr lang="en-US" sz="2500" b="1" kern="1200" dirty="0">
                          <a:solidFill>
                            <a:schemeClr val="tx2"/>
                          </a:solidFill>
                          <a:latin typeface="Arial" panose="020B0604020202020204" pitchFamily="34" charset="0"/>
                          <a:ea typeface="+mn-ea"/>
                          <a:cs typeface="Arial" panose="020B0604020202020204" pitchFamily="34" charset="0"/>
                        </a:rPr>
                        <a:t>25 </a:t>
                      </a:r>
                      <a:r>
                        <a:rPr lang="en-US" sz="2500" b="1" kern="1200" dirty="0" smtClean="0">
                          <a:solidFill>
                            <a:schemeClr val="tx2"/>
                          </a:solidFill>
                          <a:latin typeface="Arial" panose="020B0604020202020204" pitchFamily="34" charset="0"/>
                          <a:ea typeface="+mn-ea"/>
                          <a:cs typeface="Arial" panose="020B0604020202020204" pitchFamily="34" charset="0"/>
                        </a:rPr>
                        <a:t>a </a:t>
                      </a:r>
                      <a:r>
                        <a:rPr lang="en-US" sz="2500" b="1" kern="1200" dirty="0">
                          <a:solidFill>
                            <a:schemeClr val="tx2"/>
                          </a:solidFill>
                          <a:latin typeface="Arial" panose="020B0604020202020204" pitchFamily="34" charset="0"/>
                          <a:ea typeface="+mn-ea"/>
                          <a:cs typeface="Arial" panose="020B0604020202020204" pitchFamily="34" charset="0"/>
                        </a:rPr>
                        <a:t>30 </a:t>
                      </a:r>
                      <a:r>
                        <a:rPr lang="en-US" sz="2500" b="1" kern="1200" dirty="0" smtClean="0">
                          <a:solidFill>
                            <a:schemeClr val="tx2"/>
                          </a:solidFill>
                          <a:latin typeface="Arial" panose="020B0604020202020204" pitchFamily="34" charset="0"/>
                          <a:ea typeface="+mn-ea"/>
                          <a:cs typeface="Arial" panose="020B0604020202020204" pitchFamily="34" charset="0"/>
                        </a:rPr>
                        <a:t>minutos</a:t>
                      </a:r>
                      <a:endParaRPr lang="en-ZA" dirty="0">
                        <a:solidFill>
                          <a:schemeClr val="tx2"/>
                        </a:solidFill>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extLst>
                  <a:ext uri="{0D108BD9-81ED-4DB2-BD59-A6C34878D82A}">
                    <a16:rowId xmlns:a16="http://schemas.microsoft.com/office/drawing/2014/main" xmlns="" val="423117710"/>
                  </a:ext>
                </a:extLst>
              </a:tr>
              <a:tr h="1802482">
                <a:tc>
                  <a:txBody>
                    <a:bodyPr/>
                    <a:lstStyle/>
                    <a:p>
                      <a:pPr algn="ctr">
                        <a:lnSpc>
                          <a:spcPct val="107000"/>
                        </a:lnSpc>
                        <a:spcAft>
                          <a:spcPts val="0"/>
                        </a:spcAft>
                      </a:pPr>
                      <a:endParaRPr lang="en-US" sz="1800" b="1" dirty="0" smtClean="0">
                        <a:solidFill>
                          <a:schemeClr val="bg1"/>
                        </a:solidFill>
                        <a:effectLst/>
                        <a:latin typeface="Arial" panose="020B0604020202020204" pitchFamily="34" charset="0"/>
                        <a:ea typeface="+mn-ea"/>
                        <a:cs typeface="Arial" panose="020B0604020202020204" pitchFamily="34" charset="0"/>
                      </a:endParaRPr>
                    </a:p>
                    <a:p>
                      <a:pPr algn="ctr">
                        <a:lnSpc>
                          <a:spcPct val="107000"/>
                        </a:lnSpc>
                        <a:spcAft>
                          <a:spcPts val="0"/>
                        </a:spcAft>
                      </a:pPr>
                      <a:r>
                        <a:rPr lang="en-US" sz="1800" b="1" dirty="0" smtClean="0">
                          <a:solidFill>
                            <a:schemeClr val="bg1"/>
                          </a:solidFill>
                          <a:effectLst/>
                          <a:latin typeface="Arial" panose="020B0604020202020204" pitchFamily="34" charset="0"/>
                          <a:ea typeface="+mn-ea"/>
                          <a:cs typeface="Arial" panose="020B0604020202020204" pitchFamily="34" charset="0"/>
                        </a:rPr>
                        <a:t>Moderador</a:t>
                      </a:r>
                      <a:endParaRPr lang="en-ZA" sz="1800" b="1" dirty="0">
                        <a:solidFill>
                          <a:schemeClr val="bg1"/>
                        </a:solidFill>
                        <a:effectLst/>
                        <a:latin typeface="Arial" panose="020B0604020202020204" pitchFamily="34" charset="0"/>
                        <a:ea typeface="Calibri" panose="020F0502020204030204" pitchFamily="34" charset="0"/>
                        <a:cs typeface="Arial" panose="020B0604020202020204" pitchFamily="34" charset="0"/>
                      </a:endParaRPr>
                    </a:p>
                  </a:txBody>
                  <a:tcPr>
                    <a:lnT w="12700" cmpd="sng">
                      <a:noFill/>
                    </a:lnT>
                    <a:solidFill>
                      <a:schemeClr val="accent1"/>
                    </a:solidFill>
                  </a:tcPr>
                </a:tc>
                <a:tc>
                  <a:txBody>
                    <a:bodyPr/>
                    <a:lstStyle/>
                    <a:p>
                      <a:pPr>
                        <a:spcAft>
                          <a:spcPts val="0"/>
                        </a:spcAft>
                      </a:pPr>
                      <a:r>
                        <a:rPr lang="en-US" sz="1700" dirty="0" smtClean="0">
                          <a:latin typeface="+mn-lt"/>
                        </a:rPr>
                        <a:t>Inviar</a:t>
                      </a:r>
                      <a:r>
                        <a:rPr lang="en-US" sz="1700" baseline="0" dirty="0" smtClean="0">
                          <a:latin typeface="+mn-lt"/>
                        </a:rPr>
                        <a:t> a los participantes a presentarse diciendo su nombre y su organización.</a:t>
                      </a:r>
                      <a:endParaRPr lang="en-US" sz="1700" dirty="0">
                        <a:latin typeface="+mn-lt"/>
                      </a:endParaRPr>
                    </a:p>
                  </a:txBody>
                  <a:tcPr>
                    <a:lnR w="12700" cap="flat" cmpd="sng" algn="ctr">
                      <a:solidFill>
                        <a:schemeClr val="tx1"/>
                      </a:solidFill>
                      <a:prstDash val="solid"/>
                      <a:round/>
                      <a:headEnd type="none" w="med" len="med"/>
                      <a:tailEnd type="none" w="med" len="med"/>
                    </a:lnR>
                    <a:lnT w="12700" cmpd="sng">
                      <a:noFill/>
                    </a:lnT>
                    <a:solidFill>
                      <a:schemeClr val="bg1"/>
                    </a:solidFill>
                  </a:tcPr>
                </a:tc>
                <a:tc>
                  <a:txBody>
                    <a:bodyPr/>
                    <a:lstStyle/>
                    <a:p>
                      <a:pPr fontAlgn="t"/>
                      <a:r>
                        <a:rPr lang="en-US" sz="1700" kern="1200" dirty="0" smtClean="0">
                          <a:solidFill>
                            <a:schemeClr val="dk1"/>
                          </a:solidFill>
                          <a:effectLst/>
                          <a:latin typeface="+mn-lt"/>
                          <a:ea typeface="+mn-ea"/>
                          <a:cs typeface="+mn-cs"/>
                        </a:rPr>
                        <a:t>Explicar</a:t>
                      </a:r>
                      <a:r>
                        <a:rPr lang="en-US" sz="1700" kern="1200" baseline="0" dirty="0" smtClean="0">
                          <a:solidFill>
                            <a:schemeClr val="dk1"/>
                          </a:solidFill>
                          <a:effectLst/>
                          <a:latin typeface="+mn-lt"/>
                          <a:ea typeface="+mn-ea"/>
                          <a:cs typeface="+mn-cs"/>
                        </a:rPr>
                        <a:t> la reglas de </a:t>
                      </a:r>
                      <a:r>
                        <a:rPr lang="en-US" sz="1700" kern="1200" baseline="0" dirty="0" smtClean="0">
                          <a:solidFill>
                            <a:schemeClr val="dk1"/>
                          </a:solidFill>
                          <a:effectLst/>
                          <a:latin typeface="+mn-lt"/>
                          <a:ea typeface="+mn-ea"/>
                          <a:cs typeface="+mn-cs"/>
                        </a:rPr>
                        <a:t>la sesión.</a:t>
                      </a:r>
                      <a:endParaRPr lang="en-US" sz="1700" kern="1200" dirty="0">
                        <a:solidFill>
                          <a:schemeClr val="dk1"/>
                        </a:solidFill>
                        <a:effectLst/>
                        <a:latin typeface="+mn-lt"/>
                        <a:ea typeface="+mn-ea"/>
                        <a:cs typeface="+mn-cs"/>
                      </a:endParaRPr>
                    </a:p>
                  </a:txBody>
                  <a:tcPr>
                    <a:lnL w="12700" cap="flat" cmpd="sng" algn="ctr">
                      <a:solidFill>
                        <a:schemeClr val="tx1"/>
                      </a:solidFill>
                      <a:prstDash val="solid"/>
                      <a:round/>
                      <a:headEnd type="none" w="med" len="med"/>
                      <a:tailEnd type="none" w="med" len="med"/>
                    </a:lnL>
                    <a:lnT w="12700" cmpd="sng">
                      <a:noFill/>
                    </a:lnT>
                    <a:solidFill>
                      <a:schemeClr val="bg1"/>
                    </a:solidFill>
                  </a:tcPr>
                </a:tc>
                <a:extLst>
                  <a:ext uri="{0D108BD9-81ED-4DB2-BD59-A6C34878D82A}">
                    <a16:rowId xmlns:a16="http://schemas.microsoft.com/office/drawing/2014/main" xmlns="" val="2826885672"/>
                  </a:ext>
                </a:extLst>
              </a:tr>
              <a:tr h="2560963">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endParaRPr lang="en-US" sz="18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endParaRPr lang="en-US" sz="18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endParaRPr lang="en-US" sz="18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r>
                        <a:rPr lang="en-US" sz="1800" b="1" kern="1200" dirty="0" smtClean="0">
                          <a:solidFill>
                            <a:schemeClr val="bg1"/>
                          </a:solidFill>
                          <a:effectLst/>
                          <a:latin typeface="Arial" panose="020B0604020202020204" pitchFamily="34" charset="0"/>
                          <a:ea typeface="+mn-ea"/>
                          <a:cs typeface="Arial" panose="020B0604020202020204" pitchFamily="34" charset="0"/>
                        </a:rPr>
                        <a:t>Notas</a:t>
                      </a:r>
                      <a:r>
                        <a:rPr lang="en-US" sz="1800" b="1" kern="1200" baseline="0" dirty="0" smtClean="0">
                          <a:solidFill>
                            <a:schemeClr val="bg1"/>
                          </a:solidFill>
                          <a:effectLst/>
                          <a:latin typeface="Arial" panose="020B0604020202020204" pitchFamily="34" charset="0"/>
                          <a:ea typeface="+mn-ea"/>
                          <a:cs typeface="Arial" panose="020B0604020202020204" pitchFamily="34" charset="0"/>
                        </a:rPr>
                        <a:t> </a:t>
                      </a:r>
                      <a:r>
                        <a:rPr lang="en-US" sz="1800" b="1" kern="1200" baseline="0" dirty="0" smtClean="0">
                          <a:solidFill>
                            <a:schemeClr val="bg1"/>
                          </a:solidFill>
                          <a:effectLst/>
                          <a:latin typeface="Arial" panose="020B0604020202020204" pitchFamily="34" charset="0"/>
                          <a:ea typeface="+mn-ea"/>
                          <a:cs typeface="Arial" panose="020B0604020202020204" pitchFamily="34" charset="0"/>
                        </a:rPr>
                        <a:t>para el moderador</a:t>
                      </a:r>
                      <a:endParaRPr lang="en-US" sz="1800" b="1" kern="1200" dirty="0">
                        <a:solidFill>
                          <a:schemeClr val="bg1"/>
                        </a:solidFill>
                        <a:effectLst/>
                        <a:latin typeface="Arial" panose="020B0604020202020204" pitchFamily="34" charset="0"/>
                        <a:ea typeface="+mn-ea"/>
                        <a:cs typeface="Arial" panose="020B0604020202020204" pitchFamily="34" charset="0"/>
                      </a:endParaRPr>
                    </a:p>
                  </a:txBody>
                  <a:tcPr>
                    <a:solidFill>
                      <a:schemeClr val="accent3"/>
                    </a:solidFill>
                  </a:tcPr>
                </a:tc>
                <a:tc>
                  <a:txBody>
                    <a:bodyPr/>
                    <a:lstStyle/>
                    <a:p>
                      <a:pPr>
                        <a:spcAft>
                          <a:spcPts val="0"/>
                        </a:spcAft>
                      </a:pPr>
                      <a:r>
                        <a:rPr lang="en-US" sz="1700" dirty="0" smtClean="0">
                          <a:latin typeface="+mn-lt"/>
                        </a:rPr>
                        <a:t>Dar</a:t>
                      </a:r>
                      <a:r>
                        <a:rPr lang="en-US" sz="1700" baseline="0" dirty="0" smtClean="0">
                          <a:latin typeface="+mn-lt"/>
                        </a:rPr>
                        <a:t> 30 segundos o un minuto por persona (dependiendo del número de participantes</a:t>
                      </a:r>
                      <a:r>
                        <a:rPr lang="en-US" sz="1700" baseline="0" dirty="0" smtClean="0">
                          <a:latin typeface="+mn-lt"/>
                        </a:rPr>
                        <a:t>).</a:t>
                      </a:r>
                      <a:endParaRPr lang="en-US" sz="1700" dirty="0" smtClean="0">
                        <a:latin typeface="+mn-lt"/>
                      </a:endParaRPr>
                    </a:p>
                    <a:p>
                      <a:pPr>
                        <a:spcAft>
                          <a:spcPts val="0"/>
                        </a:spcAft>
                      </a:pPr>
                      <a:endParaRPr lang="en-US" sz="1700" dirty="0">
                        <a:latin typeface="+mn-lt"/>
                      </a:endParaRPr>
                    </a:p>
                    <a:p>
                      <a:pPr>
                        <a:spcAft>
                          <a:spcPts val="0"/>
                        </a:spcAft>
                      </a:pPr>
                      <a:r>
                        <a:rPr lang="es-VE" sz="1700" dirty="0" smtClean="0">
                          <a:latin typeface="+mn-lt"/>
                        </a:rPr>
                        <a:t>Pedir </a:t>
                      </a:r>
                      <a:r>
                        <a:rPr lang="es-VE" sz="1700" dirty="0" smtClean="0">
                          <a:latin typeface="+mn-lt"/>
                        </a:rPr>
                        <a:t>a los participantes que escriban en el chat:</a:t>
                      </a:r>
                    </a:p>
                    <a:p>
                      <a:pPr marL="285750" indent="-285750">
                        <a:spcAft>
                          <a:spcPts val="0"/>
                        </a:spcAft>
                        <a:buFont typeface="Arial" panose="020B0604020202020204" pitchFamily="34" charset="0"/>
                        <a:buChar char="•"/>
                      </a:pPr>
                      <a:r>
                        <a:rPr lang="es-VE" sz="1700" dirty="0" smtClean="0">
                          <a:latin typeface="+mn-lt"/>
                        </a:rPr>
                        <a:t>Su nombre</a:t>
                      </a:r>
                    </a:p>
                    <a:p>
                      <a:pPr marL="285750" indent="-285750">
                        <a:spcAft>
                          <a:spcPts val="0"/>
                        </a:spcAft>
                        <a:buFont typeface="Arial" panose="020B0604020202020204" pitchFamily="34" charset="0"/>
                        <a:buChar char="•"/>
                      </a:pPr>
                      <a:r>
                        <a:rPr lang="es-VE" sz="1700" dirty="0" smtClean="0">
                          <a:latin typeface="+mn-lt"/>
                        </a:rPr>
                        <a:t>Su organización</a:t>
                      </a:r>
                    </a:p>
                    <a:p>
                      <a:pPr marL="285750" indent="-285750">
                        <a:spcAft>
                          <a:spcPts val="0"/>
                        </a:spcAft>
                        <a:buFont typeface="Arial" panose="020B0604020202020204" pitchFamily="34" charset="0"/>
                        <a:buChar char="•"/>
                      </a:pPr>
                      <a:r>
                        <a:rPr lang="es-VE" sz="1700" dirty="0" smtClean="0">
                          <a:latin typeface="+mn-lt"/>
                        </a:rPr>
                        <a:t>¿Qué aporte esperan hacer en esta reunión?</a:t>
                      </a:r>
                      <a:endParaRPr lang="en-US" sz="1700" dirty="0">
                        <a:latin typeface="+mn-lt"/>
                      </a:endParaRPr>
                    </a:p>
                  </a:txBody>
                  <a:tcPr>
                    <a:solidFill>
                      <a:schemeClr val="bg1">
                        <a:lumMod val="85000"/>
                      </a:schemeClr>
                    </a:solidFill>
                  </a:tcPr>
                </a:tc>
                <a:tc>
                  <a:txBody>
                    <a:bodyPr/>
                    <a:lstStyle/>
                    <a:p>
                      <a:pPr>
                        <a:spcAft>
                          <a:spcPts val="0"/>
                        </a:spcAft>
                      </a:pPr>
                      <a:r>
                        <a:rPr lang="es-VE" sz="1700" dirty="0" smtClean="0">
                          <a:latin typeface="+mn-lt"/>
                        </a:rPr>
                        <a:t>Establecer reglas para el grupo de enfoque</a:t>
                      </a:r>
                    </a:p>
                    <a:p>
                      <a:pPr>
                        <a:spcAft>
                          <a:spcPts val="0"/>
                        </a:spcAft>
                      </a:pPr>
                      <a:endParaRPr lang="es-VE" sz="1700" dirty="0" smtClean="0">
                        <a:latin typeface="+mn-lt"/>
                      </a:endParaRPr>
                    </a:p>
                    <a:p>
                      <a:pPr>
                        <a:spcAft>
                          <a:spcPts val="0"/>
                        </a:spcAft>
                      </a:pPr>
                      <a:r>
                        <a:rPr lang="es-VE" sz="1700" dirty="0" smtClean="0">
                          <a:latin typeface="+mn-lt"/>
                        </a:rPr>
                        <a:t>Pedir </a:t>
                      </a:r>
                      <a:r>
                        <a:rPr lang="es-VE" sz="1700" dirty="0" smtClean="0">
                          <a:latin typeface="+mn-lt"/>
                        </a:rPr>
                        <a:t>a los participantes que escriban en el chat:</a:t>
                      </a:r>
                    </a:p>
                    <a:p>
                      <a:pPr marL="285750" indent="-285750">
                        <a:spcAft>
                          <a:spcPts val="0"/>
                        </a:spcAft>
                        <a:buFont typeface="Arial" panose="020B0604020202020204" pitchFamily="34" charset="0"/>
                        <a:buChar char="•"/>
                      </a:pPr>
                      <a:r>
                        <a:rPr lang="es-VE" sz="1700" dirty="0" smtClean="0">
                          <a:latin typeface="+mn-lt"/>
                        </a:rPr>
                        <a:t>¿Cómo debemos comportarnos en nuestro momento juntos?</a:t>
                      </a:r>
                      <a:endParaRPr lang="en-US" sz="1700" dirty="0">
                        <a:latin typeface="+mn-lt"/>
                      </a:endParaRPr>
                    </a:p>
                  </a:txBody>
                  <a:tcPr>
                    <a:solidFill>
                      <a:schemeClr val="bg1">
                        <a:lumMod val="85000"/>
                      </a:schemeClr>
                    </a:solidFill>
                  </a:tcPr>
                </a:tc>
                <a:extLst>
                  <a:ext uri="{0D108BD9-81ED-4DB2-BD59-A6C34878D82A}">
                    <a16:rowId xmlns:a16="http://schemas.microsoft.com/office/drawing/2014/main" xmlns="" val="1172992013"/>
                  </a:ext>
                </a:extLst>
              </a:tr>
              <a:tr h="1732364">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r>
                        <a:rPr lang="en-US" sz="1800" b="1" kern="1200" dirty="0" smtClean="0">
                          <a:solidFill>
                            <a:schemeClr val="bg1"/>
                          </a:solidFill>
                          <a:effectLst/>
                          <a:latin typeface="Arial" panose="020B0604020202020204" pitchFamily="34" charset="0"/>
                          <a:ea typeface="+mn-ea"/>
                          <a:cs typeface="Arial" panose="020B0604020202020204" pitchFamily="34" charset="0"/>
                        </a:rPr>
                        <a:t>Técnicos/</a:t>
                      </a:r>
                    </a:p>
                    <a:p>
                      <a:pPr marL="0" marR="0" indent="0" algn="ctr" defTabSz="914400" rtl="0" eaLnBrk="1" fontAlgn="auto" latinLnBrk="0" hangingPunct="1">
                        <a:lnSpc>
                          <a:spcPct val="107000"/>
                        </a:lnSpc>
                        <a:spcBef>
                          <a:spcPts val="0"/>
                        </a:spcBef>
                        <a:spcAft>
                          <a:spcPts val="0"/>
                        </a:spcAft>
                        <a:buClrTx/>
                        <a:buSzTx/>
                        <a:buFontTx/>
                        <a:buNone/>
                        <a:tabLst/>
                        <a:defRPr/>
                      </a:pPr>
                      <a:r>
                        <a:rPr lang="en-US" sz="1800" b="1" kern="1200" dirty="0" smtClean="0">
                          <a:solidFill>
                            <a:schemeClr val="bg1"/>
                          </a:solidFill>
                          <a:effectLst/>
                          <a:latin typeface="Arial" panose="020B0604020202020204" pitchFamily="34" charset="0"/>
                          <a:ea typeface="+mn-ea"/>
                          <a:cs typeface="Arial" panose="020B0604020202020204" pitchFamily="34" charset="0"/>
                        </a:rPr>
                        <a:t>Encargados</a:t>
                      </a:r>
                      <a:r>
                        <a:rPr lang="en-US" sz="1800" b="1" kern="1200" baseline="0" dirty="0" smtClean="0">
                          <a:solidFill>
                            <a:schemeClr val="bg1"/>
                          </a:solidFill>
                          <a:effectLst/>
                          <a:latin typeface="Arial" panose="020B0604020202020204" pitchFamily="34" charset="0"/>
                          <a:ea typeface="+mn-ea"/>
                          <a:cs typeface="Arial" panose="020B0604020202020204" pitchFamily="34" charset="0"/>
                        </a:rPr>
                        <a:t> de la toma de notas</a:t>
                      </a:r>
                      <a:endParaRPr lang="en-US" sz="18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endParaRPr lang="en-US" sz="1800" b="1" kern="1200" dirty="0">
                        <a:solidFill>
                          <a:schemeClr val="bg1"/>
                        </a:solidFill>
                        <a:effectLst/>
                        <a:latin typeface="Arial" panose="020B0604020202020204" pitchFamily="34" charset="0"/>
                        <a:ea typeface="+mn-ea"/>
                        <a:cs typeface="Arial" panose="020B0604020202020204" pitchFamily="34" charset="0"/>
                      </a:endParaRPr>
                    </a:p>
                  </a:txBody>
                  <a:tcPr>
                    <a:solidFill>
                      <a:schemeClr val="accent4"/>
                    </a:solidFill>
                  </a:tcPr>
                </a:tc>
                <a:tc>
                  <a:txBody>
                    <a:bodyPr/>
                    <a:lstStyle/>
                    <a:p>
                      <a:pPr marR="459740">
                        <a:lnSpc>
                          <a:spcPct val="107000"/>
                        </a:lnSpc>
                        <a:spcAft>
                          <a:spcPts val="0"/>
                        </a:spcAft>
                      </a:pPr>
                      <a:r>
                        <a:rPr lang="es-VE" sz="1700" dirty="0" smtClean="0">
                          <a:effectLst/>
                          <a:latin typeface="+mn-lt"/>
                          <a:ea typeface="Calibri" panose="020F0502020204030204" pitchFamily="34" charset="0"/>
                          <a:cs typeface="Times New Roman" panose="02020603050405020304" pitchFamily="18" charset="0"/>
                        </a:rPr>
                        <a:t>Vigilar y anotar los </a:t>
                      </a:r>
                      <a:r>
                        <a:rPr lang="es-VE" sz="1700" dirty="0" smtClean="0">
                          <a:effectLst/>
                          <a:latin typeface="+mn-lt"/>
                          <a:ea typeface="Calibri" panose="020F0502020204030204" pitchFamily="34" charset="0"/>
                          <a:cs typeface="Times New Roman" panose="02020603050405020304" pitchFamily="18" charset="0"/>
                        </a:rPr>
                        <a:t>mensajes</a:t>
                      </a:r>
                      <a:br>
                        <a:rPr lang="es-VE" sz="1700" dirty="0" smtClean="0">
                          <a:effectLst/>
                          <a:latin typeface="+mn-lt"/>
                          <a:ea typeface="Calibri" panose="020F0502020204030204" pitchFamily="34" charset="0"/>
                          <a:cs typeface="Times New Roman" panose="02020603050405020304" pitchFamily="18" charset="0"/>
                        </a:rPr>
                      </a:br>
                      <a:r>
                        <a:rPr lang="es-VE" sz="1700" dirty="0" smtClean="0">
                          <a:effectLst/>
                          <a:latin typeface="+mn-lt"/>
                          <a:ea typeface="Calibri" panose="020F0502020204030204" pitchFamily="34" charset="0"/>
                          <a:cs typeface="Times New Roman" panose="02020603050405020304" pitchFamily="18" charset="0"/>
                        </a:rPr>
                        <a:t>de </a:t>
                      </a:r>
                      <a:r>
                        <a:rPr lang="es-VE" sz="1700" dirty="0" smtClean="0">
                          <a:effectLst/>
                          <a:latin typeface="+mn-lt"/>
                          <a:ea typeface="Calibri" panose="020F0502020204030204" pitchFamily="34" charset="0"/>
                          <a:cs typeface="Times New Roman" panose="02020603050405020304" pitchFamily="18" charset="0"/>
                        </a:rPr>
                        <a:t>los participantes en el chat.</a:t>
                      </a:r>
                      <a:endParaRPr lang="en-ZA" sz="1700" dirty="0">
                        <a:effectLst/>
                        <a:latin typeface="+mn-lt"/>
                        <a:ea typeface="Calibri" panose="020F0502020204030204" pitchFamily="34" charset="0"/>
                        <a:cs typeface="Times New Roman" panose="02020603050405020304" pitchFamily="18" charset="0"/>
                      </a:endParaRPr>
                    </a:p>
                  </a:txBody>
                  <a:tcPr>
                    <a:lnR w="12700" cap="flat" cmpd="sng" algn="ctr">
                      <a:solidFill>
                        <a:schemeClr val="tx1"/>
                      </a:solidFill>
                      <a:prstDash val="solid"/>
                      <a:round/>
                      <a:headEnd type="none" w="med" len="med"/>
                      <a:tailEnd type="none" w="med" len="med"/>
                    </a:lnR>
                    <a:solidFill>
                      <a:schemeClr val="bg1"/>
                    </a:solidFill>
                  </a:tcPr>
                </a:tc>
                <a:tc>
                  <a:txBody>
                    <a:bodyPr/>
                    <a:lstStyle/>
                    <a:p>
                      <a:r>
                        <a:rPr lang="es-VE" sz="1700" dirty="0" smtClean="0">
                          <a:latin typeface="+mn-lt"/>
                        </a:rPr>
                        <a:t>Vigilar y anotar los mensajes </a:t>
                      </a:r>
                      <a:r>
                        <a:rPr lang="es-VE" sz="1700" dirty="0" smtClean="0">
                          <a:latin typeface="+mn-lt"/>
                        </a:rPr>
                        <a:t/>
                      </a:r>
                      <a:br>
                        <a:rPr lang="es-VE" sz="1700" dirty="0" smtClean="0">
                          <a:latin typeface="+mn-lt"/>
                        </a:rPr>
                      </a:br>
                      <a:r>
                        <a:rPr lang="es-VE" sz="1700" dirty="0" smtClean="0">
                          <a:latin typeface="+mn-lt"/>
                        </a:rPr>
                        <a:t>de </a:t>
                      </a:r>
                      <a:r>
                        <a:rPr lang="es-VE" sz="1700" dirty="0" smtClean="0">
                          <a:latin typeface="+mn-lt"/>
                        </a:rPr>
                        <a:t>los participantes en el chat.</a:t>
                      </a:r>
                      <a:endParaRPr lang="en-ZA" sz="1700" dirty="0">
                        <a:latin typeface="+mn-lt"/>
                      </a:endParaRPr>
                    </a:p>
                  </a:txBody>
                  <a:tcPr>
                    <a:lnL w="12700" cap="flat" cmpd="sng" algn="ctr">
                      <a:solidFill>
                        <a:schemeClr val="tx1"/>
                      </a:solidFill>
                      <a:prstDash val="solid"/>
                      <a:round/>
                      <a:headEnd type="none" w="med" len="med"/>
                      <a:tailEnd type="none" w="med" len="med"/>
                    </a:lnL>
                    <a:solidFill>
                      <a:schemeClr val="bg1"/>
                    </a:solidFill>
                  </a:tcPr>
                </a:tc>
                <a:extLst>
                  <a:ext uri="{0D108BD9-81ED-4DB2-BD59-A6C34878D82A}">
                    <a16:rowId xmlns:a16="http://schemas.microsoft.com/office/drawing/2014/main" xmlns="" val="899445866"/>
                  </a:ext>
                </a:extLst>
              </a:tr>
            </a:tbl>
          </a:graphicData>
        </a:graphic>
      </p:graphicFrame>
      <p:grpSp>
        <p:nvGrpSpPr>
          <p:cNvPr id="3" name="Group 2">
            <a:extLst>
              <a:ext uri="{FF2B5EF4-FFF2-40B4-BE49-F238E27FC236}">
                <a16:creationId xmlns:a16="http://schemas.microsoft.com/office/drawing/2014/main" xmlns="" id="{AD1D78F4-E5D2-8148-AD53-5A173A22F9DD}"/>
              </a:ext>
            </a:extLst>
          </p:cNvPr>
          <p:cNvGrpSpPr/>
          <p:nvPr/>
        </p:nvGrpSpPr>
        <p:grpSpPr>
          <a:xfrm>
            <a:off x="2464006" y="81505"/>
            <a:ext cx="527644" cy="484423"/>
            <a:chOff x="6600056" y="692261"/>
            <a:chExt cx="5192436" cy="5205985"/>
          </a:xfrm>
        </p:grpSpPr>
        <p:sp>
          <p:nvSpPr>
            <p:cNvPr id="5" name="Freeform 282">
              <a:extLst>
                <a:ext uri="{FF2B5EF4-FFF2-40B4-BE49-F238E27FC236}">
                  <a16:creationId xmlns:a16="http://schemas.microsoft.com/office/drawing/2014/main" xmlns="" id="{00D7603B-5E10-0C42-8276-BA92C9D0AA99}"/>
                </a:ext>
              </a:extLst>
            </p:cNvPr>
            <p:cNvSpPr>
              <a:spLocks/>
            </p:cNvSpPr>
            <p:nvPr/>
          </p:nvSpPr>
          <p:spPr bwMode="auto">
            <a:xfrm flipH="1">
              <a:off x="6600056" y="692261"/>
              <a:ext cx="5192436" cy="5205985"/>
            </a:xfrm>
            <a:custGeom>
              <a:avLst/>
              <a:gdLst>
                <a:gd name="T0" fmla="*/ 3195 w 5934"/>
                <a:gd name="T1" fmla="*/ 5704 h 5712"/>
                <a:gd name="T2" fmla="*/ 3564 w 5934"/>
                <a:gd name="T3" fmla="*/ 5654 h 5712"/>
                <a:gd name="T4" fmla="*/ 3917 w 5934"/>
                <a:gd name="T5" fmla="*/ 5562 h 5712"/>
                <a:gd name="T6" fmla="*/ 4252 w 5934"/>
                <a:gd name="T7" fmla="*/ 5431 h 5712"/>
                <a:gd name="T8" fmla="*/ 4565 w 5934"/>
                <a:gd name="T9" fmla="*/ 5262 h 5712"/>
                <a:gd name="T10" fmla="*/ 4854 w 5934"/>
                <a:gd name="T11" fmla="*/ 5059 h 5712"/>
                <a:gd name="T12" fmla="*/ 5114 w 5934"/>
                <a:gd name="T13" fmla="*/ 4826 h 5712"/>
                <a:gd name="T14" fmla="*/ 5344 w 5934"/>
                <a:gd name="T15" fmla="*/ 4564 h 5712"/>
                <a:gd name="T16" fmla="*/ 5540 w 5934"/>
                <a:gd name="T17" fmla="*/ 4277 h 5712"/>
                <a:gd name="T18" fmla="*/ 5701 w 5934"/>
                <a:gd name="T19" fmla="*/ 3967 h 5712"/>
                <a:gd name="T20" fmla="*/ 5822 w 5934"/>
                <a:gd name="T21" fmla="*/ 3637 h 5712"/>
                <a:gd name="T22" fmla="*/ 5900 w 5934"/>
                <a:gd name="T23" fmla="*/ 3290 h 5712"/>
                <a:gd name="T24" fmla="*/ 5933 w 5934"/>
                <a:gd name="T25" fmla="*/ 2930 h 5712"/>
                <a:gd name="T26" fmla="*/ 5925 w 5934"/>
                <a:gd name="T27" fmla="*/ 2637 h 5712"/>
                <a:gd name="T28" fmla="*/ 5873 w 5934"/>
                <a:gd name="T29" fmla="*/ 2282 h 5712"/>
                <a:gd name="T30" fmla="*/ 5778 w 5934"/>
                <a:gd name="T31" fmla="*/ 1941 h 5712"/>
                <a:gd name="T32" fmla="*/ 5641 w 5934"/>
                <a:gd name="T33" fmla="*/ 1619 h 5712"/>
                <a:gd name="T34" fmla="*/ 5466 w 5934"/>
                <a:gd name="T35" fmla="*/ 1317 h 5712"/>
                <a:gd name="T36" fmla="*/ 5255 w 5934"/>
                <a:gd name="T37" fmla="*/ 1040 h 5712"/>
                <a:gd name="T38" fmla="*/ 5013 w 5934"/>
                <a:gd name="T39" fmla="*/ 789 h 5712"/>
                <a:gd name="T40" fmla="*/ 4742 w 5934"/>
                <a:gd name="T41" fmla="*/ 568 h 5712"/>
                <a:gd name="T42" fmla="*/ 4443 w 5934"/>
                <a:gd name="T43" fmla="*/ 379 h 5712"/>
                <a:gd name="T44" fmla="*/ 4121 w 5934"/>
                <a:gd name="T45" fmla="*/ 224 h 5712"/>
                <a:gd name="T46" fmla="*/ 3778 w 5934"/>
                <a:gd name="T47" fmla="*/ 108 h 5712"/>
                <a:gd name="T48" fmla="*/ 3418 w 5934"/>
                <a:gd name="T49" fmla="*/ 32 h 5712"/>
                <a:gd name="T50" fmla="*/ 3043 w 5934"/>
                <a:gd name="T51" fmla="*/ 1 h 5712"/>
                <a:gd name="T52" fmla="*/ 2739 w 5934"/>
                <a:gd name="T53" fmla="*/ 8 h 5712"/>
                <a:gd name="T54" fmla="*/ 2370 w 5934"/>
                <a:gd name="T55" fmla="*/ 58 h 5712"/>
                <a:gd name="T56" fmla="*/ 2017 w 5934"/>
                <a:gd name="T57" fmla="*/ 150 h 5712"/>
                <a:gd name="T58" fmla="*/ 1681 w 5934"/>
                <a:gd name="T59" fmla="*/ 282 h 5712"/>
                <a:gd name="T60" fmla="*/ 1368 w 5934"/>
                <a:gd name="T61" fmla="*/ 450 h 5712"/>
                <a:gd name="T62" fmla="*/ 1080 w 5934"/>
                <a:gd name="T63" fmla="*/ 653 h 5712"/>
                <a:gd name="T64" fmla="*/ 820 w 5934"/>
                <a:gd name="T65" fmla="*/ 886 h 5712"/>
                <a:gd name="T66" fmla="*/ 590 w 5934"/>
                <a:gd name="T67" fmla="*/ 1148 h 5712"/>
                <a:gd name="T68" fmla="*/ 393 w 5934"/>
                <a:gd name="T69" fmla="*/ 1435 h 5712"/>
                <a:gd name="T70" fmla="*/ 233 w 5934"/>
                <a:gd name="T71" fmla="*/ 1745 h 5712"/>
                <a:gd name="T72" fmla="*/ 112 w 5934"/>
                <a:gd name="T73" fmla="*/ 2075 h 5712"/>
                <a:gd name="T74" fmla="*/ 33 w 5934"/>
                <a:gd name="T75" fmla="*/ 2422 h 5712"/>
                <a:gd name="T76" fmla="*/ 1 w 5934"/>
                <a:gd name="T77" fmla="*/ 2783 h 5712"/>
                <a:gd name="T78" fmla="*/ 9 w 5934"/>
                <a:gd name="T79" fmla="*/ 3075 h 5712"/>
                <a:gd name="T80" fmla="*/ 60 w 5934"/>
                <a:gd name="T81" fmla="*/ 3431 h 5712"/>
                <a:gd name="T82" fmla="*/ 156 w 5934"/>
                <a:gd name="T83" fmla="*/ 3771 h 5712"/>
                <a:gd name="T84" fmla="*/ 293 w 5934"/>
                <a:gd name="T85" fmla="*/ 4094 h 5712"/>
                <a:gd name="T86" fmla="*/ 468 w 5934"/>
                <a:gd name="T87" fmla="*/ 4395 h 5712"/>
                <a:gd name="T88" fmla="*/ 678 w 5934"/>
                <a:gd name="T89" fmla="*/ 4672 h 5712"/>
                <a:gd name="T90" fmla="*/ 921 w 5934"/>
                <a:gd name="T91" fmla="*/ 4923 h 5712"/>
                <a:gd name="T92" fmla="*/ 1192 w 5934"/>
                <a:gd name="T93" fmla="*/ 5144 h 5712"/>
                <a:gd name="T94" fmla="*/ 1491 w 5934"/>
                <a:gd name="T95" fmla="*/ 5333 h 5712"/>
                <a:gd name="T96" fmla="*/ 1813 w 5934"/>
                <a:gd name="T97" fmla="*/ 5488 h 5712"/>
                <a:gd name="T98" fmla="*/ 2156 w 5934"/>
                <a:gd name="T99" fmla="*/ 5604 h 5712"/>
                <a:gd name="T100" fmla="*/ 2516 w 5934"/>
                <a:gd name="T101" fmla="*/ 5680 h 5712"/>
                <a:gd name="T102" fmla="*/ 2891 w 5934"/>
                <a:gd name="T103" fmla="*/ 5711 h 57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34" h="5712">
                  <a:moveTo>
                    <a:pt x="2967" y="5712"/>
                  </a:moveTo>
                  <a:lnTo>
                    <a:pt x="2967" y="5712"/>
                  </a:lnTo>
                  <a:lnTo>
                    <a:pt x="3043" y="5711"/>
                  </a:lnTo>
                  <a:lnTo>
                    <a:pt x="3119" y="5709"/>
                  </a:lnTo>
                  <a:lnTo>
                    <a:pt x="3195" y="5704"/>
                  </a:lnTo>
                  <a:lnTo>
                    <a:pt x="3270" y="5697"/>
                  </a:lnTo>
                  <a:lnTo>
                    <a:pt x="3344" y="5690"/>
                  </a:lnTo>
                  <a:lnTo>
                    <a:pt x="3418" y="5680"/>
                  </a:lnTo>
                  <a:lnTo>
                    <a:pt x="3492" y="5668"/>
                  </a:lnTo>
                  <a:lnTo>
                    <a:pt x="3564" y="5654"/>
                  </a:lnTo>
                  <a:lnTo>
                    <a:pt x="3637" y="5639"/>
                  </a:lnTo>
                  <a:lnTo>
                    <a:pt x="3707" y="5623"/>
                  </a:lnTo>
                  <a:lnTo>
                    <a:pt x="3778" y="5604"/>
                  </a:lnTo>
                  <a:lnTo>
                    <a:pt x="3849" y="5584"/>
                  </a:lnTo>
                  <a:lnTo>
                    <a:pt x="3917" y="5562"/>
                  </a:lnTo>
                  <a:lnTo>
                    <a:pt x="3987" y="5539"/>
                  </a:lnTo>
                  <a:lnTo>
                    <a:pt x="4054" y="5514"/>
                  </a:lnTo>
                  <a:lnTo>
                    <a:pt x="4121" y="5488"/>
                  </a:lnTo>
                  <a:lnTo>
                    <a:pt x="4187" y="5460"/>
                  </a:lnTo>
                  <a:lnTo>
                    <a:pt x="4252" y="5431"/>
                  </a:lnTo>
                  <a:lnTo>
                    <a:pt x="4316" y="5399"/>
                  </a:lnTo>
                  <a:lnTo>
                    <a:pt x="4380" y="5367"/>
                  </a:lnTo>
                  <a:lnTo>
                    <a:pt x="4443" y="5333"/>
                  </a:lnTo>
                  <a:lnTo>
                    <a:pt x="4505" y="5299"/>
                  </a:lnTo>
                  <a:lnTo>
                    <a:pt x="4565" y="5262"/>
                  </a:lnTo>
                  <a:lnTo>
                    <a:pt x="4625" y="5224"/>
                  </a:lnTo>
                  <a:lnTo>
                    <a:pt x="4683" y="5184"/>
                  </a:lnTo>
                  <a:lnTo>
                    <a:pt x="4742" y="5144"/>
                  </a:lnTo>
                  <a:lnTo>
                    <a:pt x="4798" y="5102"/>
                  </a:lnTo>
                  <a:lnTo>
                    <a:pt x="4854" y="5059"/>
                  </a:lnTo>
                  <a:lnTo>
                    <a:pt x="4908" y="5015"/>
                  </a:lnTo>
                  <a:lnTo>
                    <a:pt x="4961" y="4969"/>
                  </a:lnTo>
                  <a:lnTo>
                    <a:pt x="5013" y="4923"/>
                  </a:lnTo>
                  <a:lnTo>
                    <a:pt x="5065" y="4875"/>
                  </a:lnTo>
                  <a:lnTo>
                    <a:pt x="5114" y="4826"/>
                  </a:lnTo>
                  <a:lnTo>
                    <a:pt x="5162" y="4776"/>
                  </a:lnTo>
                  <a:lnTo>
                    <a:pt x="5209" y="4724"/>
                  </a:lnTo>
                  <a:lnTo>
                    <a:pt x="5255" y="4672"/>
                  </a:lnTo>
                  <a:lnTo>
                    <a:pt x="5300" y="4618"/>
                  </a:lnTo>
                  <a:lnTo>
                    <a:pt x="5344" y="4564"/>
                  </a:lnTo>
                  <a:lnTo>
                    <a:pt x="5385" y="4508"/>
                  </a:lnTo>
                  <a:lnTo>
                    <a:pt x="5427" y="4452"/>
                  </a:lnTo>
                  <a:lnTo>
                    <a:pt x="5466" y="4395"/>
                  </a:lnTo>
                  <a:lnTo>
                    <a:pt x="5504" y="4337"/>
                  </a:lnTo>
                  <a:lnTo>
                    <a:pt x="5540" y="4277"/>
                  </a:lnTo>
                  <a:lnTo>
                    <a:pt x="5575" y="4217"/>
                  </a:lnTo>
                  <a:lnTo>
                    <a:pt x="5609" y="4155"/>
                  </a:lnTo>
                  <a:lnTo>
                    <a:pt x="5641" y="4094"/>
                  </a:lnTo>
                  <a:lnTo>
                    <a:pt x="5672" y="4031"/>
                  </a:lnTo>
                  <a:lnTo>
                    <a:pt x="5701" y="3967"/>
                  </a:lnTo>
                  <a:lnTo>
                    <a:pt x="5728" y="3902"/>
                  </a:lnTo>
                  <a:lnTo>
                    <a:pt x="5753" y="3838"/>
                  </a:lnTo>
                  <a:lnTo>
                    <a:pt x="5778" y="3771"/>
                  </a:lnTo>
                  <a:lnTo>
                    <a:pt x="5801" y="3705"/>
                  </a:lnTo>
                  <a:lnTo>
                    <a:pt x="5822" y="3637"/>
                  </a:lnTo>
                  <a:lnTo>
                    <a:pt x="5841" y="3569"/>
                  </a:lnTo>
                  <a:lnTo>
                    <a:pt x="5858" y="3501"/>
                  </a:lnTo>
                  <a:lnTo>
                    <a:pt x="5873" y="3431"/>
                  </a:lnTo>
                  <a:lnTo>
                    <a:pt x="5888" y="3361"/>
                  </a:lnTo>
                  <a:lnTo>
                    <a:pt x="5900" y="3290"/>
                  </a:lnTo>
                  <a:lnTo>
                    <a:pt x="5910" y="3219"/>
                  </a:lnTo>
                  <a:lnTo>
                    <a:pt x="5918" y="3148"/>
                  </a:lnTo>
                  <a:lnTo>
                    <a:pt x="5925" y="3075"/>
                  </a:lnTo>
                  <a:lnTo>
                    <a:pt x="5931" y="3003"/>
                  </a:lnTo>
                  <a:lnTo>
                    <a:pt x="5933" y="2930"/>
                  </a:lnTo>
                  <a:lnTo>
                    <a:pt x="5934" y="2856"/>
                  </a:lnTo>
                  <a:lnTo>
                    <a:pt x="5934" y="2856"/>
                  </a:lnTo>
                  <a:lnTo>
                    <a:pt x="5933" y="2783"/>
                  </a:lnTo>
                  <a:lnTo>
                    <a:pt x="5931" y="2709"/>
                  </a:lnTo>
                  <a:lnTo>
                    <a:pt x="5925" y="2637"/>
                  </a:lnTo>
                  <a:lnTo>
                    <a:pt x="5918" y="2564"/>
                  </a:lnTo>
                  <a:lnTo>
                    <a:pt x="5910" y="2493"/>
                  </a:lnTo>
                  <a:lnTo>
                    <a:pt x="5900" y="2422"/>
                  </a:lnTo>
                  <a:lnTo>
                    <a:pt x="5888" y="2351"/>
                  </a:lnTo>
                  <a:lnTo>
                    <a:pt x="5873" y="2282"/>
                  </a:lnTo>
                  <a:lnTo>
                    <a:pt x="5858" y="2211"/>
                  </a:lnTo>
                  <a:lnTo>
                    <a:pt x="5841" y="2143"/>
                  </a:lnTo>
                  <a:lnTo>
                    <a:pt x="5822" y="2075"/>
                  </a:lnTo>
                  <a:lnTo>
                    <a:pt x="5801" y="2007"/>
                  </a:lnTo>
                  <a:lnTo>
                    <a:pt x="5778" y="1941"/>
                  </a:lnTo>
                  <a:lnTo>
                    <a:pt x="5753" y="1874"/>
                  </a:lnTo>
                  <a:lnTo>
                    <a:pt x="5728" y="1810"/>
                  </a:lnTo>
                  <a:lnTo>
                    <a:pt x="5701" y="1745"/>
                  </a:lnTo>
                  <a:lnTo>
                    <a:pt x="5672" y="1681"/>
                  </a:lnTo>
                  <a:lnTo>
                    <a:pt x="5641" y="1619"/>
                  </a:lnTo>
                  <a:lnTo>
                    <a:pt x="5609" y="1557"/>
                  </a:lnTo>
                  <a:lnTo>
                    <a:pt x="5575" y="1495"/>
                  </a:lnTo>
                  <a:lnTo>
                    <a:pt x="5540" y="1435"/>
                  </a:lnTo>
                  <a:lnTo>
                    <a:pt x="5504" y="1376"/>
                  </a:lnTo>
                  <a:lnTo>
                    <a:pt x="5466" y="1317"/>
                  </a:lnTo>
                  <a:lnTo>
                    <a:pt x="5427" y="1260"/>
                  </a:lnTo>
                  <a:lnTo>
                    <a:pt x="5385" y="1204"/>
                  </a:lnTo>
                  <a:lnTo>
                    <a:pt x="5344" y="1148"/>
                  </a:lnTo>
                  <a:lnTo>
                    <a:pt x="5300" y="1094"/>
                  </a:lnTo>
                  <a:lnTo>
                    <a:pt x="5255" y="1040"/>
                  </a:lnTo>
                  <a:lnTo>
                    <a:pt x="5209" y="988"/>
                  </a:lnTo>
                  <a:lnTo>
                    <a:pt x="5162" y="936"/>
                  </a:lnTo>
                  <a:lnTo>
                    <a:pt x="5114" y="886"/>
                  </a:lnTo>
                  <a:lnTo>
                    <a:pt x="5065" y="838"/>
                  </a:lnTo>
                  <a:lnTo>
                    <a:pt x="5013" y="789"/>
                  </a:lnTo>
                  <a:lnTo>
                    <a:pt x="4961" y="743"/>
                  </a:lnTo>
                  <a:lnTo>
                    <a:pt x="4908" y="697"/>
                  </a:lnTo>
                  <a:lnTo>
                    <a:pt x="4854" y="653"/>
                  </a:lnTo>
                  <a:lnTo>
                    <a:pt x="4798" y="610"/>
                  </a:lnTo>
                  <a:lnTo>
                    <a:pt x="4742" y="568"/>
                  </a:lnTo>
                  <a:lnTo>
                    <a:pt x="4683" y="528"/>
                  </a:lnTo>
                  <a:lnTo>
                    <a:pt x="4625" y="488"/>
                  </a:lnTo>
                  <a:lnTo>
                    <a:pt x="4565" y="450"/>
                  </a:lnTo>
                  <a:lnTo>
                    <a:pt x="4505" y="413"/>
                  </a:lnTo>
                  <a:lnTo>
                    <a:pt x="4443" y="379"/>
                  </a:lnTo>
                  <a:lnTo>
                    <a:pt x="4380" y="345"/>
                  </a:lnTo>
                  <a:lnTo>
                    <a:pt x="4316" y="313"/>
                  </a:lnTo>
                  <a:lnTo>
                    <a:pt x="4252" y="282"/>
                  </a:lnTo>
                  <a:lnTo>
                    <a:pt x="4187" y="252"/>
                  </a:lnTo>
                  <a:lnTo>
                    <a:pt x="4121" y="224"/>
                  </a:lnTo>
                  <a:lnTo>
                    <a:pt x="4054" y="198"/>
                  </a:lnTo>
                  <a:lnTo>
                    <a:pt x="3987" y="174"/>
                  </a:lnTo>
                  <a:lnTo>
                    <a:pt x="3917" y="150"/>
                  </a:lnTo>
                  <a:lnTo>
                    <a:pt x="3849" y="128"/>
                  </a:lnTo>
                  <a:lnTo>
                    <a:pt x="3778" y="108"/>
                  </a:lnTo>
                  <a:lnTo>
                    <a:pt x="3707" y="89"/>
                  </a:lnTo>
                  <a:lnTo>
                    <a:pt x="3637" y="73"/>
                  </a:lnTo>
                  <a:lnTo>
                    <a:pt x="3564" y="58"/>
                  </a:lnTo>
                  <a:lnTo>
                    <a:pt x="3492" y="44"/>
                  </a:lnTo>
                  <a:lnTo>
                    <a:pt x="3418" y="32"/>
                  </a:lnTo>
                  <a:lnTo>
                    <a:pt x="3344" y="22"/>
                  </a:lnTo>
                  <a:lnTo>
                    <a:pt x="3270" y="15"/>
                  </a:lnTo>
                  <a:lnTo>
                    <a:pt x="3195" y="8"/>
                  </a:lnTo>
                  <a:lnTo>
                    <a:pt x="3119" y="3"/>
                  </a:lnTo>
                  <a:lnTo>
                    <a:pt x="3043" y="1"/>
                  </a:lnTo>
                  <a:lnTo>
                    <a:pt x="2967" y="0"/>
                  </a:lnTo>
                  <a:lnTo>
                    <a:pt x="2967" y="0"/>
                  </a:lnTo>
                  <a:lnTo>
                    <a:pt x="2891" y="1"/>
                  </a:lnTo>
                  <a:lnTo>
                    <a:pt x="2814" y="3"/>
                  </a:lnTo>
                  <a:lnTo>
                    <a:pt x="2739" y="8"/>
                  </a:lnTo>
                  <a:lnTo>
                    <a:pt x="2664" y="15"/>
                  </a:lnTo>
                  <a:lnTo>
                    <a:pt x="2590" y="22"/>
                  </a:lnTo>
                  <a:lnTo>
                    <a:pt x="2516" y="32"/>
                  </a:lnTo>
                  <a:lnTo>
                    <a:pt x="2442" y="44"/>
                  </a:lnTo>
                  <a:lnTo>
                    <a:pt x="2370" y="58"/>
                  </a:lnTo>
                  <a:lnTo>
                    <a:pt x="2297" y="73"/>
                  </a:lnTo>
                  <a:lnTo>
                    <a:pt x="2226" y="89"/>
                  </a:lnTo>
                  <a:lnTo>
                    <a:pt x="2156" y="108"/>
                  </a:lnTo>
                  <a:lnTo>
                    <a:pt x="2085" y="128"/>
                  </a:lnTo>
                  <a:lnTo>
                    <a:pt x="2017" y="150"/>
                  </a:lnTo>
                  <a:lnTo>
                    <a:pt x="1947" y="174"/>
                  </a:lnTo>
                  <a:lnTo>
                    <a:pt x="1880" y="198"/>
                  </a:lnTo>
                  <a:lnTo>
                    <a:pt x="1813" y="224"/>
                  </a:lnTo>
                  <a:lnTo>
                    <a:pt x="1746" y="252"/>
                  </a:lnTo>
                  <a:lnTo>
                    <a:pt x="1681" y="282"/>
                  </a:lnTo>
                  <a:lnTo>
                    <a:pt x="1617" y="313"/>
                  </a:lnTo>
                  <a:lnTo>
                    <a:pt x="1553" y="345"/>
                  </a:lnTo>
                  <a:lnTo>
                    <a:pt x="1491" y="379"/>
                  </a:lnTo>
                  <a:lnTo>
                    <a:pt x="1429" y="413"/>
                  </a:lnTo>
                  <a:lnTo>
                    <a:pt x="1368" y="450"/>
                  </a:lnTo>
                  <a:lnTo>
                    <a:pt x="1309" y="488"/>
                  </a:lnTo>
                  <a:lnTo>
                    <a:pt x="1251" y="528"/>
                  </a:lnTo>
                  <a:lnTo>
                    <a:pt x="1192" y="568"/>
                  </a:lnTo>
                  <a:lnTo>
                    <a:pt x="1136" y="610"/>
                  </a:lnTo>
                  <a:lnTo>
                    <a:pt x="1080" y="653"/>
                  </a:lnTo>
                  <a:lnTo>
                    <a:pt x="1026" y="697"/>
                  </a:lnTo>
                  <a:lnTo>
                    <a:pt x="972" y="743"/>
                  </a:lnTo>
                  <a:lnTo>
                    <a:pt x="921" y="789"/>
                  </a:lnTo>
                  <a:lnTo>
                    <a:pt x="870" y="838"/>
                  </a:lnTo>
                  <a:lnTo>
                    <a:pt x="820" y="886"/>
                  </a:lnTo>
                  <a:lnTo>
                    <a:pt x="772" y="936"/>
                  </a:lnTo>
                  <a:lnTo>
                    <a:pt x="724" y="988"/>
                  </a:lnTo>
                  <a:lnTo>
                    <a:pt x="678" y="1040"/>
                  </a:lnTo>
                  <a:lnTo>
                    <a:pt x="634" y="1094"/>
                  </a:lnTo>
                  <a:lnTo>
                    <a:pt x="590" y="1148"/>
                  </a:lnTo>
                  <a:lnTo>
                    <a:pt x="548" y="1204"/>
                  </a:lnTo>
                  <a:lnTo>
                    <a:pt x="507" y="1260"/>
                  </a:lnTo>
                  <a:lnTo>
                    <a:pt x="468" y="1317"/>
                  </a:lnTo>
                  <a:lnTo>
                    <a:pt x="429" y="1376"/>
                  </a:lnTo>
                  <a:lnTo>
                    <a:pt x="393" y="1435"/>
                  </a:lnTo>
                  <a:lnTo>
                    <a:pt x="359" y="1495"/>
                  </a:lnTo>
                  <a:lnTo>
                    <a:pt x="325" y="1557"/>
                  </a:lnTo>
                  <a:lnTo>
                    <a:pt x="293" y="1619"/>
                  </a:lnTo>
                  <a:lnTo>
                    <a:pt x="262" y="1681"/>
                  </a:lnTo>
                  <a:lnTo>
                    <a:pt x="233" y="1745"/>
                  </a:lnTo>
                  <a:lnTo>
                    <a:pt x="206" y="1810"/>
                  </a:lnTo>
                  <a:lnTo>
                    <a:pt x="180" y="1874"/>
                  </a:lnTo>
                  <a:lnTo>
                    <a:pt x="156" y="1941"/>
                  </a:lnTo>
                  <a:lnTo>
                    <a:pt x="133" y="2007"/>
                  </a:lnTo>
                  <a:lnTo>
                    <a:pt x="112" y="2075"/>
                  </a:lnTo>
                  <a:lnTo>
                    <a:pt x="93" y="2143"/>
                  </a:lnTo>
                  <a:lnTo>
                    <a:pt x="76" y="2211"/>
                  </a:lnTo>
                  <a:lnTo>
                    <a:pt x="60" y="2282"/>
                  </a:lnTo>
                  <a:lnTo>
                    <a:pt x="46" y="2351"/>
                  </a:lnTo>
                  <a:lnTo>
                    <a:pt x="33" y="2422"/>
                  </a:lnTo>
                  <a:lnTo>
                    <a:pt x="23" y="2493"/>
                  </a:lnTo>
                  <a:lnTo>
                    <a:pt x="15" y="2564"/>
                  </a:lnTo>
                  <a:lnTo>
                    <a:pt x="9" y="2637"/>
                  </a:lnTo>
                  <a:lnTo>
                    <a:pt x="3" y="2709"/>
                  </a:lnTo>
                  <a:lnTo>
                    <a:pt x="1" y="2783"/>
                  </a:lnTo>
                  <a:lnTo>
                    <a:pt x="0" y="2856"/>
                  </a:lnTo>
                  <a:lnTo>
                    <a:pt x="0" y="2856"/>
                  </a:lnTo>
                  <a:lnTo>
                    <a:pt x="1" y="2930"/>
                  </a:lnTo>
                  <a:lnTo>
                    <a:pt x="3" y="3003"/>
                  </a:lnTo>
                  <a:lnTo>
                    <a:pt x="9" y="3075"/>
                  </a:lnTo>
                  <a:lnTo>
                    <a:pt x="15" y="3148"/>
                  </a:lnTo>
                  <a:lnTo>
                    <a:pt x="23" y="3219"/>
                  </a:lnTo>
                  <a:lnTo>
                    <a:pt x="33" y="3290"/>
                  </a:lnTo>
                  <a:lnTo>
                    <a:pt x="46" y="3361"/>
                  </a:lnTo>
                  <a:lnTo>
                    <a:pt x="60" y="3431"/>
                  </a:lnTo>
                  <a:lnTo>
                    <a:pt x="76" y="3501"/>
                  </a:lnTo>
                  <a:lnTo>
                    <a:pt x="93" y="3569"/>
                  </a:lnTo>
                  <a:lnTo>
                    <a:pt x="112" y="3637"/>
                  </a:lnTo>
                  <a:lnTo>
                    <a:pt x="133" y="3705"/>
                  </a:lnTo>
                  <a:lnTo>
                    <a:pt x="156" y="3771"/>
                  </a:lnTo>
                  <a:lnTo>
                    <a:pt x="180" y="3838"/>
                  </a:lnTo>
                  <a:lnTo>
                    <a:pt x="206" y="3902"/>
                  </a:lnTo>
                  <a:lnTo>
                    <a:pt x="233" y="3967"/>
                  </a:lnTo>
                  <a:lnTo>
                    <a:pt x="262" y="4031"/>
                  </a:lnTo>
                  <a:lnTo>
                    <a:pt x="293" y="4094"/>
                  </a:lnTo>
                  <a:lnTo>
                    <a:pt x="325" y="4155"/>
                  </a:lnTo>
                  <a:lnTo>
                    <a:pt x="359" y="4217"/>
                  </a:lnTo>
                  <a:lnTo>
                    <a:pt x="393" y="4277"/>
                  </a:lnTo>
                  <a:lnTo>
                    <a:pt x="429" y="4337"/>
                  </a:lnTo>
                  <a:lnTo>
                    <a:pt x="468" y="4395"/>
                  </a:lnTo>
                  <a:lnTo>
                    <a:pt x="507" y="4452"/>
                  </a:lnTo>
                  <a:lnTo>
                    <a:pt x="548" y="4508"/>
                  </a:lnTo>
                  <a:lnTo>
                    <a:pt x="590" y="4564"/>
                  </a:lnTo>
                  <a:lnTo>
                    <a:pt x="634" y="4618"/>
                  </a:lnTo>
                  <a:lnTo>
                    <a:pt x="678" y="4672"/>
                  </a:lnTo>
                  <a:lnTo>
                    <a:pt x="724" y="4724"/>
                  </a:lnTo>
                  <a:lnTo>
                    <a:pt x="772" y="4776"/>
                  </a:lnTo>
                  <a:lnTo>
                    <a:pt x="820" y="4826"/>
                  </a:lnTo>
                  <a:lnTo>
                    <a:pt x="870" y="4875"/>
                  </a:lnTo>
                  <a:lnTo>
                    <a:pt x="921" y="4923"/>
                  </a:lnTo>
                  <a:lnTo>
                    <a:pt x="972" y="4969"/>
                  </a:lnTo>
                  <a:lnTo>
                    <a:pt x="1026" y="5015"/>
                  </a:lnTo>
                  <a:lnTo>
                    <a:pt x="1080" y="5059"/>
                  </a:lnTo>
                  <a:lnTo>
                    <a:pt x="1136" y="5102"/>
                  </a:lnTo>
                  <a:lnTo>
                    <a:pt x="1192" y="5144"/>
                  </a:lnTo>
                  <a:lnTo>
                    <a:pt x="1251" y="5184"/>
                  </a:lnTo>
                  <a:lnTo>
                    <a:pt x="1309" y="5224"/>
                  </a:lnTo>
                  <a:lnTo>
                    <a:pt x="1368" y="5262"/>
                  </a:lnTo>
                  <a:lnTo>
                    <a:pt x="1429" y="5299"/>
                  </a:lnTo>
                  <a:lnTo>
                    <a:pt x="1491" y="5333"/>
                  </a:lnTo>
                  <a:lnTo>
                    <a:pt x="1553" y="5367"/>
                  </a:lnTo>
                  <a:lnTo>
                    <a:pt x="1617" y="5399"/>
                  </a:lnTo>
                  <a:lnTo>
                    <a:pt x="1681" y="5431"/>
                  </a:lnTo>
                  <a:lnTo>
                    <a:pt x="1746" y="5460"/>
                  </a:lnTo>
                  <a:lnTo>
                    <a:pt x="1813" y="5488"/>
                  </a:lnTo>
                  <a:lnTo>
                    <a:pt x="1880" y="5514"/>
                  </a:lnTo>
                  <a:lnTo>
                    <a:pt x="1947" y="5539"/>
                  </a:lnTo>
                  <a:lnTo>
                    <a:pt x="2017" y="5562"/>
                  </a:lnTo>
                  <a:lnTo>
                    <a:pt x="2085" y="5584"/>
                  </a:lnTo>
                  <a:lnTo>
                    <a:pt x="2156" y="5604"/>
                  </a:lnTo>
                  <a:lnTo>
                    <a:pt x="2226" y="5623"/>
                  </a:lnTo>
                  <a:lnTo>
                    <a:pt x="2297" y="5639"/>
                  </a:lnTo>
                  <a:lnTo>
                    <a:pt x="2370" y="5654"/>
                  </a:lnTo>
                  <a:lnTo>
                    <a:pt x="2442" y="5668"/>
                  </a:lnTo>
                  <a:lnTo>
                    <a:pt x="2516" y="5680"/>
                  </a:lnTo>
                  <a:lnTo>
                    <a:pt x="2590" y="5690"/>
                  </a:lnTo>
                  <a:lnTo>
                    <a:pt x="2664" y="5697"/>
                  </a:lnTo>
                  <a:lnTo>
                    <a:pt x="2739" y="5704"/>
                  </a:lnTo>
                  <a:lnTo>
                    <a:pt x="2814" y="5709"/>
                  </a:lnTo>
                  <a:lnTo>
                    <a:pt x="2891" y="5711"/>
                  </a:lnTo>
                  <a:lnTo>
                    <a:pt x="2967" y="5712"/>
                  </a:lnTo>
                  <a:close/>
                </a:path>
              </a:pathLst>
            </a:custGeom>
            <a:solidFill>
              <a:schemeClr val="bg1">
                <a:lumMod val="95000"/>
              </a:schemeClr>
            </a:solidFill>
            <a:ln w="57150">
              <a:solidFill>
                <a:srgbClr val="7BA21A"/>
              </a:solidFill>
            </a:ln>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6" name="Freeform 283">
              <a:extLst>
                <a:ext uri="{FF2B5EF4-FFF2-40B4-BE49-F238E27FC236}">
                  <a16:creationId xmlns:a16="http://schemas.microsoft.com/office/drawing/2014/main" xmlns="" id="{3916D246-F80D-604A-A9C5-DC82A9B99872}"/>
                </a:ext>
              </a:extLst>
            </p:cNvPr>
            <p:cNvSpPr>
              <a:spLocks/>
            </p:cNvSpPr>
            <p:nvPr/>
          </p:nvSpPr>
          <p:spPr bwMode="auto">
            <a:xfrm flipH="1">
              <a:off x="6600056" y="692261"/>
              <a:ext cx="5192436" cy="5205985"/>
            </a:xfrm>
            <a:custGeom>
              <a:avLst/>
              <a:gdLst>
                <a:gd name="T0" fmla="*/ 3195 w 5934"/>
                <a:gd name="T1" fmla="*/ 5704 h 5712"/>
                <a:gd name="T2" fmla="*/ 3564 w 5934"/>
                <a:gd name="T3" fmla="*/ 5654 h 5712"/>
                <a:gd name="T4" fmla="*/ 3917 w 5934"/>
                <a:gd name="T5" fmla="*/ 5562 h 5712"/>
                <a:gd name="T6" fmla="*/ 4252 w 5934"/>
                <a:gd name="T7" fmla="*/ 5431 h 5712"/>
                <a:gd name="T8" fmla="*/ 4565 w 5934"/>
                <a:gd name="T9" fmla="*/ 5262 h 5712"/>
                <a:gd name="T10" fmla="*/ 4854 w 5934"/>
                <a:gd name="T11" fmla="*/ 5059 h 5712"/>
                <a:gd name="T12" fmla="*/ 5114 w 5934"/>
                <a:gd name="T13" fmla="*/ 4826 h 5712"/>
                <a:gd name="T14" fmla="*/ 5344 w 5934"/>
                <a:gd name="T15" fmla="*/ 4564 h 5712"/>
                <a:gd name="T16" fmla="*/ 5540 w 5934"/>
                <a:gd name="T17" fmla="*/ 4277 h 5712"/>
                <a:gd name="T18" fmla="*/ 5701 w 5934"/>
                <a:gd name="T19" fmla="*/ 3967 h 5712"/>
                <a:gd name="T20" fmla="*/ 5822 w 5934"/>
                <a:gd name="T21" fmla="*/ 3637 h 5712"/>
                <a:gd name="T22" fmla="*/ 5900 w 5934"/>
                <a:gd name="T23" fmla="*/ 3290 h 5712"/>
                <a:gd name="T24" fmla="*/ 5933 w 5934"/>
                <a:gd name="T25" fmla="*/ 2930 h 5712"/>
                <a:gd name="T26" fmla="*/ 5925 w 5934"/>
                <a:gd name="T27" fmla="*/ 2637 h 5712"/>
                <a:gd name="T28" fmla="*/ 5873 w 5934"/>
                <a:gd name="T29" fmla="*/ 2282 h 5712"/>
                <a:gd name="T30" fmla="*/ 5778 w 5934"/>
                <a:gd name="T31" fmla="*/ 1941 h 5712"/>
                <a:gd name="T32" fmla="*/ 5641 w 5934"/>
                <a:gd name="T33" fmla="*/ 1619 h 5712"/>
                <a:gd name="T34" fmla="*/ 5466 w 5934"/>
                <a:gd name="T35" fmla="*/ 1317 h 5712"/>
                <a:gd name="T36" fmla="*/ 5255 w 5934"/>
                <a:gd name="T37" fmla="*/ 1040 h 5712"/>
                <a:gd name="T38" fmla="*/ 5013 w 5934"/>
                <a:gd name="T39" fmla="*/ 789 h 5712"/>
                <a:gd name="T40" fmla="*/ 4742 w 5934"/>
                <a:gd name="T41" fmla="*/ 568 h 5712"/>
                <a:gd name="T42" fmla="*/ 4443 w 5934"/>
                <a:gd name="T43" fmla="*/ 379 h 5712"/>
                <a:gd name="T44" fmla="*/ 4121 w 5934"/>
                <a:gd name="T45" fmla="*/ 224 h 5712"/>
                <a:gd name="T46" fmla="*/ 3778 w 5934"/>
                <a:gd name="T47" fmla="*/ 108 h 5712"/>
                <a:gd name="T48" fmla="*/ 3418 w 5934"/>
                <a:gd name="T49" fmla="*/ 32 h 5712"/>
                <a:gd name="T50" fmla="*/ 3043 w 5934"/>
                <a:gd name="T51" fmla="*/ 1 h 5712"/>
                <a:gd name="T52" fmla="*/ 2739 w 5934"/>
                <a:gd name="T53" fmla="*/ 8 h 5712"/>
                <a:gd name="T54" fmla="*/ 2370 w 5934"/>
                <a:gd name="T55" fmla="*/ 58 h 5712"/>
                <a:gd name="T56" fmla="*/ 2017 w 5934"/>
                <a:gd name="T57" fmla="*/ 150 h 5712"/>
                <a:gd name="T58" fmla="*/ 1681 w 5934"/>
                <a:gd name="T59" fmla="*/ 282 h 5712"/>
                <a:gd name="T60" fmla="*/ 1368 w 5934"/>
                <a:gd name="T61" fmla="*/ 450 h 5712"/>
                <a:gd name="T62" fmla="*/ 1080 w 5934"/>
                <a:gd name="T63" fmla="*/ 653 h 5712"/>
                <a:gd name="T64" fmla="*/ 820 w 5934"/>
                <a:gd name="T65" fmla="*/ 886 h 5712"/>
                <a:gd name="T66" fmla="*/ 590 w 5934"/>
                <a:gd name="T67" fmla="*/ 1148 h 5712"/>
                <a:gd name="T68" fmla="*/ 393 w 5934"/>
                <a:gd name="T69" fmla="*/ 1435 h 5712"/>
                <a:gd name="T70" fmla="*/ 233 w 5934"/>
                <a:gd name="T71" fmla="*/ 1745 h 5712"/>
                <a:gd name="T72" fmla="*/ 112 w 5934"/>
                <a:gd name="T73" fmla="*/ 2075 h 5712"/>
                <a:gd name="T74" fmla="*/ 33 w 5934"/>
                <a:gd name="T75" fmla="*/ 2422 h 5712"/>
                <a:gd name="T76" fmla="*/ 1 w 5934"/>
                <a:gd name="T77" fmla="*/ 2783 h 5712"/>
                <a:gd name="T78" fmla="*/ 9 w 5934"/>
                <a:gd name="T79" fmla="*/ 3075 h 5712"/>
                <a:gd name="T80" fmla="*/ 60 w 5934"/>
                <a:gd name="T81" fmla="*/ 3431 h 5712"/>
                <a:gd name="T82" fmla="*/ 156 w 5934"/>
                <a:gd name="T83" fmla="*/ 3771 h 5712"/>
                <a:gd name="T84" fmla="*/ 293 w 5934"/>
                <a:gd name="T85" fmla="*/ 4094 h 5712"/>
                <a:gd name="T86" fmla="*/ 468 w 5934"/>
                <a:gd name="T87" fmla="*/ 4395 h 5712"/>
                <a:gd name="T88" fmla="*/ 678 w 5934"/>
                <a:gd name="T89" fmla="*/ 4672 h 5712"/>
                <a:gd name="T90" fmla="*/ 921 w 5934"/>
                <a:gd name="T91" fmla="*/ 4923 h 5712"/>
                <a:gd name="T92" fmla="*/ 1192 w 5934"/>
                <a:gd name="T93" fmla="*/ 5144 h 5712"/>
                <a:gd name="T94" fmla="*/ 1491 w 5934"/>
                <a:gd name="T95" fmla="*/ 5333 h 5712"/>
                <a:gd name="T96" fmla="*/ 1813 w 5934"/>
                <a:gd name="T97" fmla="*/ 5488 h 5712"/>
                <a:gd name="T98" fmla="*/ 2156 w 5934"/>
                <a:gd name="T99" fmla="*/ 5604 h 5712"/>
                <a:gd name="T100" fmla="*/ 2516 w 5934"/>
                <a:gd name="T101" fmla="*/ 5680 h 5712"/>
                <a:gd name="T102" fmla="*/ 2891 w 5934"/>
                <a:gd name="T103" fmla="*/ 5711 h 57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34" h="5712">
                  <a:moveTo>
                    <a:pt x="2967" y="5712"/>
                  </a:moveTo>
                  <a:lnTo>
                    <a:pt x="2967" y="5712"/>
                  </a:lnTo>
                  <a:lnTo>
                    <a:pt x="3043" y="5711"/>
                  </a:lnTo>
                  <a:lnTo>
                    <a:pt x="3119" y="5709"/>
                  </a:lnTo>
                  <a:lnTo>
                    <a:pt x="3195" y="5704"/>
                  </a:lnTo>
                  <a:lnTo>
                    <a:pt x="3270" y="5697"/>
                  </a:lnTo>
                  <a:lnTo>
                    <a:pt x="3344" y="5690"/>
                  </a:lnTo>
                  <a:lnTo>
                    <a:pt x="3418" y="5680"/>
                  </a:lnTo>
                  <a:lnTo>
                    <a:pt x="3492" y="5668"/>
                  </a:lnTo>
                  <a:lnTo>
                    <a:pt x="3564" y="5654"/>
                  </a:lnTo>
                  <a:lnTo>
                    <a:pt x="3637" y="5639"/>
                  </a:lnTo>
                  <a:lnTo>
                    <a:pt x="3707" y="5623"/>
                  </a:lnTo>
                  <a:lnTo>
                    <a:pt x="3778" y="5604"/>
                  </a:lnTo>
                  <a:lnTo>
                    <a:pt x="3849" y="5584"/>
                  </a:lnTo>
                  <a:lnTo>
                    <a:pt x="3917" y="5562"/>
                  </a:lnTo>
                  <a:lnTo>
                    <a:pt x="3987" y="5539"/>
                  </a:lnTo>
                  <a:lnTo>
                    <a:pt x="4054" y="5514"/>
                  </a:lnTo>
                  <a:lnTo>
                    <a:pt x="4121" y="5488"/>
                  </a:lnTo>
                  <a:lnTo>
                    <a:pt x="4187" y="5460"/>
                  </a:lnTo>
                  <a:lnTo>
                    <a:pt x="4252" y="5431"/>
                  </a:lnTo>
                  <a:lnTo>
                    <a:pt x="4316" y="5399"/>
                  </a:lnTo>
                  <a:lnTo>
                    <a:pt x="4380" y="5367"/>
                  </a:lnTo>
                  <a:lnTo>
                    <a:pt x="4443" y="5333"/>
                  </a:lnTo>
                  <a:lnTo>
                    <a:pt x="4505" y="5299"/>
                  </a:lnTo>
                  <a:lnTo>
                    <a:pt x="4565" y="5262"/>
                  </a:lnTo>
                  <a:lnTo>
                    <a:pt x="4625" y="5224"/>
                  </a:lnTo>
                  <a:lnTo>
                    <a:pt x="4683" y="5184"/>
                  </a:lnTo>
                  <a:lnTo>
                    <a:pt x="4742" y="5144"/>
                  </a:lnTo>
                  <a:lnTo>
                    <a:pt x="4798" y="5102"/>
                  </a:lnTo>
                  <a:lnTo>
                    <a:pt x="4854" y="5059"/>
                  </a:lnTo>
                  <a:lnTo>
                    <a:pt x="4908" y="5015"/>
                  </a:lnTo>
                  <a:lnTo>
                    <a:pt x="4961" y="4969"/>
                  </a:lnTo>
                  <a:lnTo>
                    <a:pt x="5013" y="4923"/>
                  </a:lnTo>
                  <a:lnTo>
                    <a:pt x="5065" y="4875"/>
                  </a:lnTo>
                  <a:lnTo>
                    <a:pt x="5114" y="4826"/>
                  </a:lnTo>
                  <a:lnTo>
                    <a:pt x="5162" y="4776"/>
                  </a:lnTo>
                  <a:lnTo>
                    <a:pt x="5209" y="4724"/>
                  </a:lnTo>
                  <a:lnTo>
                    <a:pt x="5255" y="4672"/>
                  </a:lnTo>
                  <a:lnTo>
                    <a:pt x="5300" y="4618"/>
                  </a:lnTo>
                  <a:lnTo>
                    <a:pt x="5344" y="4564"/>
                  </a:lnTo>
                  <a:lnTo>
                    <a:pt x="5385" y="4508"/>
                  </a:lnTo>
                  <a:lnTo>
                    <a:pt x="5427" y="4452"/>
                  </a:lnTo>
                  <a:lnTo>
                    <a:pt x="5466" y="4395"/>
                  </a:lnTo>
                  <a:lnTo>
                    <a:pt x="5504" y="4337"/>
                  </a:lnTo>
                  <a:lnTo>
                    <a:pt x="5540" y="4277"/>
                  </a:lnTo>
                  <a:lnTo>
                    <a:pt x="5575" y="4217"/>
                  </a:lnTo>
                  <a:lnTo>
                    <a:pt x="5609" y="4155"/>
                  </a:lnTo>
                  <a:lnTo>
                    <a:pt x="5641" y="4094"/>
                  </a:lnTo>
                  <a:lnTo>
                    <a:pt x="5672" y="4031"/>
                  </a:lnTo>
                  <a:lnTo>
                    <a:pt x="5701" y="3967"/>
                  </a:lnTo>
                  <a:lnTo>
                    <a:pt x="5728" y="3902"/>
                  </a:lnTo>
                  <a:lnTo>
                    <a:pt x="5753" y="3838"/>
                  </a:lnTo>
                  <a:lnTo>
                    <a:pt x="5778" y="3771"/>
                  </a:lnTo>
                  <a:lnTo>
                    <a:pt x="5801" y="3705"/>
                  </a:lnTo>
                  <a:lnTo>
                    <a:pt x="5822" y="3637"/>
                  </a:lnTo>
                  <a:lnTo>
                    <a:pt x="5841" y="3569"/>
                  </a:lnTo>
                  <a:lnTo>
                    <a:pt x="5858" y="3501"/>
                  </a:lnTo>
                  <a:lnTo>
                    <a:pt x="5873" y="3431"/>
                  </a:lnTo>
                  <a:lnTo>
                    <a:pt x="5888" y="3361"/>
                  </a:lnTo>
                  <a:lnTo>
                    <a:pt x="5900" y="3290"/>
                  </a:lnTo>
                  <a:lnTo>
                    <a:pt x="5910" y="3219"/>
                  </a:lnTo>
                  <a:lnTo>
                    <a:pt x="5918" y="3148"/>
                  </a:lnTo>
                  <a:lnTo>
                    <a:pt x="5925" y="3075"/>
                  </a:lnTo>
                  <a:lnTo>
                    <a:pt x="5931" y="3003"/>
                  </a:lnTo>
                  <a:lnTo>
                    <a:pt x="5933" y="2930"/>
                  </a:lnTo>
                  <a:lnTo>
                    <a:pt x="5934" y="2856"/>
                  </a:lnTo>
                  <a:lnTo>
                    <a:pt x="5934" y="2856"/>
                  </a:lnTo>
                  <a:lnTo>
                    <a:pt x="5933" y="2783"/>
                  </a:lnTo>
                  <a:lnTo>
                    <a:pt x="5931" y="2709"/>
                  </a:lnTo>
                  <a:lnTo>
                    <a:pt x="5925" y="2637"/>
                  </a:lnTo>
                  <a:lnTo>
                    <a:pt x="5918" y="2564"/>
                  </a:lnTo>
                  <a:lnTo>
                    <a:pt x="5910" y="2493"/>
                  </a:lnTo>
                  <a:lnTo>
                    <a:pt x="5900" y="2422"/>
                  </a:lnTo>
                  <a:lnTo>
                    <a:pt x="5888" y="2351"/>
                  </a:lnTo>
                  <a:lnTo>
                    <a:pt x="5873" y="2282"/>
                  </a:lnTo>
                  <a:lnTo>
                    <a:pt x="5858" y="2211"/>
                  </a:lnTo>
                  <a:lnTo>
                    <a:pt x="5841" y="2143"/>
                  </a:lnTo>
                  <a:lnTo>
                    <a:pt x="5822" y="2075"/>
                  </a:lnTo>
                  <a:lnTo>
                    <a:pt x="5801" y="2007"/>
                  </a:lnTo>
                  <a:lnTo>
                    <a:pt x="5778" y="1941"/>
                  </a:lnTo>
                  <a:lnTo>
                    <a:pt x="5753" y="1874"/>
                  </a:lnTo>
                  <a:lnTo>
                    <a:pt x="5728" y="1810"/>
                  </a:lnTo>
                  <a:lnTo>
                    <a:pt x="5701" y="1745"/>
                  </a:lnTo>
                  <a:lnTo>
                    <a:pt x="5672" y="1681"/>
                  </a:lnTo>
                  <a:lnTo>
                    <a:pt x="5641" y="1619"/>
                  </a:lnTo>
                  <a:lnTo>
                    <a:pt x="5609" y="1557"/>
                  </a:lnTo>
                  <a:lnTo>
                    <a:pt x="5575" y="1495"/>
                  </a:lnTo>
                  <a:lnTo>
                    <a:pt x="5540" y="1435"/>
                  </a:lnTo>
                  <a:lnTo>
                    <a:pt x="5504" y="1376"/>
                  </a:lnTo>
                  <a:lnTo>
                    <a:pt x="5466" y="1317"/>
                  </a:lnTo>
                  <a:lnTo>
                    <a:pt x="5427" y="1260"/>
                  </a:lnTo>
                  <a:lnTo>
                    <a:pt x="5385" y="1204"/>
                  </a:lnTo>
                  <a:lnTo>
                    <a:pt x="5344" y="1148"/>
                  </a:lnTo>
                  <a:lnTo>
                    <a:pt x="5300" y="1094"/>
                  </a:lnTo>
                  <a:lnTo>
                    <a:pt x="5255" y="1040"/>
                  </a:lnTo>
                  <a:lnTo>
                    <a:pt x="5209" y="988"/>
                  </a:lnTo>
                  <a:lnTo>
                    <a:pt x="5162" y="936"/>
                  </a:lnTo>
                  <a:lnTo>
                    <a:pt x="5114" y="886"/>
                  </a:lnTo>
                  <a:lnTo>
                    <a:pt x="5065" y="838"/>
                  </a:lnTo>
                  <a:lnTo>
                    <a:pt x="5013" y="789"/>
                  </a:lnTo>
                  <a:lnTo>
                    <a:pt x="4961" y="743"/>
                  </a:lnTo>
                  <a:lnTo>
                    <a:pt x="4908" y="697"/>
                  </a:lnTo>
                  <a:lnTo>
                    <a:pt x="4854" y="653"/>
                  </a:lnTo>
                  <a:lnTo>
                    <a:pt x="4798" y="610"/>
                  </a:lnTo>
                  <a:lnTo>
                    <a:pt x="4742" y="568"/>
                  </a:lnTo>
                  <a:lnTo>
                    <a:pt x="4683" y="528"/>
                  </a:lnTo>
                  <a:lnTo>
                    <a:pt x="4625" y="488"/>
                  </a:lnTo>
                  <a:lnTo>
                    <a:pt x="4565" y="450"/>
                  </a:lnTo>
                  <a:lnTo>
                    <a:pt x="4505" y="413"/>
                  </a:lnTo>
                  <a:lnTo>
                    <a:pt x="4443" y="379"/>
                  </a:lnTo>
                  <a:lnTo>
                    <a:pt x="4380" y="345"/>
                  </a:lnTo>
                  <a:lnTo>
                    <a:pt x="4316" y="313"/>
                  </a:lnTo>
                  <a:lnTo>
                    <a:pt x="4252" y="282"/>
                  </a:lnTo>
                  <a:lnTo>
                    <a:pt x="4187" y="252"/>
                  </a:lnTo>
                  <a:lnTo>
                    <a:pt x="4121" y="224"/>
                  </a:lnTo>
                  <a:lnTo>
                    <a:pt x="4054" y="198"/>
                  </a:lnTo>
                  <a:lnTo>
                    <a:pt x="3987" y="174"/>
                  </a:lnTo>
                  <a:lnTo>
                    <a:pt x="3917" y="150"/>
                  </a:lnTo>
                  <a:lnTo>
                    <a:pt x="3849" y="128"/>
                  </a:lnTo>
                  <a:lnTo>
                    <a:pt x="3778" y="108"/>
                  </a:lnTo>
                  <a:lnTo>
                    <a:pt x="3707" y="89"/>
                  </a:lnTo>
                  <a:lnTo>
                    <a:pt x="3637" y="73"/>
                  </a:lnTo>
                  <a:lnTo>
                    <a:pt x="3564" y="58"/>
                  </a:lnTo>
                  <a:lnTo>
                    <a:pt x="3492" y="44"/>
                  </a:lnTo>
                  <a:lnTo>
                    <a:pt x="3418" y="32"/>
                  </a:lnTo>
                  <a:lnTo>
                    <a:pt x="3344" y="22"/>
                  </a:lnTo>
                  <a:lnTo>
                    <a:pt x="3270" y="15"/>
                  </a:lnTo>
                  <a:lnTo>
                    <a:pt x="3195" y="8"/>
                  </a:lnTo>
                  <a:lnTo>
                    <a:pt x="3119" y="3"/>
                  </a:lnTo>
                  <a:lnTo>
                    <a:pt x="3043" y="1"/>
                  </a:lnTo>
                  <a:lnTo>
                    <a:pt x="2967" y="0"/>
                  </a:lnTo>
                  <a:lnTo>
                    <a:pt x="2967" y="0"/>
                  </a:lnTo>
                  <a:lnTo>
                    <a:pt x="2891" y="1"/>
                  </a:lnTo>
                  <a:lnTo>
                    <a:pt x="2814" y="3"/>
                  </a:lnTo>
                  <a:lnTo>
                    <a:pt x="2739" y="8"/>
                  </a:lnTo>
                  <a:lnTo>
                    <a:pt x="2664" y="15"/>
                  </a:lnTo>
                  <a:lnTo>
                    <a:pt x="2590" y="22"/>
                  </a:lnTo>
                  <a:lnTo>
                    <a:pt x="2516" y="32"/>
                  </a:lnTo>
                  <a:lnTo>
                    <a:pt x="2442" y="44"/>
                  </a:lnTo>
                  <a:lnTo>
                    <a:pt x="2370" y="58"/>
                  </a:lnTo>
                  <a:lnTo>
                    <a:pt x="2297" y="73"/>
                  </a:lnTo>
                  <a:lnTo>
                    <a:pt x="2226" y="89"/>
                  </a:lnTo>
                  <a:lnTo>
                    <a:pt x="2156" y="108"/>
                  </a:lnTo>
                  <a:lnTo>
                    <a:pt x="2085" y="128"/>
                  </a:lnTo>
                  <a:lnTo>
                    <a:pt x="2017" y="150"/>
                  </a:lnTo>
                  <a:lnTo>
                    <a:pt x="1947" y="174"/>
                  </a:lnTo>
                  <a:lnTo>
                    <a:pt x="1880" y="198"/>
                  </a:lnTo>
                  <a:lnTo>
                    <a:pt x="1813" y="224"/>
                  </a:lnTo>
                  <a:lnTo>
                    <a:pt x="1746" y="252"/>
                  </a:lnTo>
                  <a:lnTo>
                    <a:pt x="1681" y="282"/>
                  </a:lnTo>
                  <a:lnTo>
                    <a:pt x="1617" y="313"/>
                  </a:lnTo>
                  <a:lnTo>
                    <a:pt x="1553" y="345"/>
                  </a:lnTo>
                  <a:lnTo>
                    <a:pt x="1491" y="379"/>
                  </a:lnTo>
                  <a:lnTo>
                    <a:pt x="1429" y="413"/>
                  </a:lnTo>
                  <a:lnTo>
                    <a:pt x="1368" y="450"/>
                  </a:lnTo>
                  <a:lnTo>
                    <a:pt x="1309" y="488"/>
                  </a:lnTo>
                  <a:lnTo>
                    <a:pt x="1251" y="528"/>
                  </a:lnTo>
                  <a:lnTo>
                    <a:pt x="1192" y="568"/>
                  </a:lnTo>
                  <a:lnTo>
                    <a:pt x="1136" y="610"/>
                  </a:lnTo>
                  <a:lnTo>
                    <a:pt x="1080" y="653"/>
                  </a:lnTo>
                  <a:lnTo>
                    <a:pt x="1026" y="697"/>
                  </a:lnTo>
                  <a:lnTo>
                    <a:pt x="972" y="743"/>
                  </a:lnTo>
                  <a:lnTo>
                    <a:pt x="921" y="789"/>
                  </a:lnTo>
                  <a:lnTo>
                    <a:pt x="870" y="838"/>
                  </a:lnTo>
                  <a:lnTo>
                    <a:pt x="820" y="886"/>
                  </a:lnTo>
                  <a:lnTo>
                    <a:pt x="772" y="936"/>
                  </a:lnTo>
                  <a:lnTo>
                    <a:pt x="724" y="988"/>
                  </a:lnTo>
                  <a:lnTo>
                    <a:pt x="678" y="1040"/>
                  </a:lnTo>
                  <a:lnTo>
                    <a:pt x="634" y="1094"/>
                  </a:lnTo>
                  <a:lnTo>
                    <a:pt x="590" y="1148"/>
                  </a:lnTo>
                  <a:lnTo>
                    <a:pt x="548" y="1204"/>
                  </a:lnTo>
                  <a:lnTo>
                    <a:pt x="507" y="1260"/>
                  </a:lnTo>
                  <a:lnTo>
                    <a:pt x="468" y="1317"/>
                  </a:lnTo>
                  <a:lnTo>
                    <a:pt x="429" y="1376"/>
                  </a:lnTo>
                  <a:lnTo>
                    <a:pt x="393" y="1435"/>
                  </a:lnTo>
                  <a:lnTo>
                    <a:pt x="359" y="1495"/>
                  </a:lnTo>
                  <a:lnTo>
                    <a:pt x="325" y="1557"/>
                  </a:lnTo>
                  <a:lnTo>
                    <a:pt x="293" y="1619"/>
                  </a:lnTo>
                  <a:lnTo>
                    <a:pt x="262" y="1681"/>
                  </a:lnTo>
                  <a:lnTo>
                    <a:pt x="233" y="1745"/>
                  </a:lnTo>
                  <a:lnTo>
                    <a:pt x="206" y="1810"/>
                  </a:lnTo>
                  <a:lnTo>
                    <a:pt x="180" y="1874"/>
                  </a:lnTo>
                  <a:lnTo>
                    <a:pt x="156" y="1941"/>
                  </a:lnTo>
                  <a:lnTo>
                    <a:pt x="133" y="2007"/>
                  </a:lnTo>
                  <a:lnTo>
                    <a:pt x="112" y="2075"/>
                  </a:lnTo>
                  <a:lnTo>
                    <a:pt x="93" y="2143"/>
                  </a:lnTo>
                  <a:lnTo>
                    <a:pt x="76" y="2211"/>
                  </a:lnTo>
                  <a:lnTo>
                    <a:pt x="60" y="2282"/>
                  </a:lnTo>
                  <a:lnTo>
                    <a:pt x="46" y="2351"/>
                  </a:lnTo>
                  <a:lnTo>
                    <a:pt x="33" y="2422"/>
                  </a:lnTo>
                  <a:lnTo>
                    <a:pt x="23" y="2493"/>
                  </a:lnTo>
                  <a:lnTo>
                    <a:pt x="15" y="2564"/>
                  </a:lnTo>
                  <a:lnTo>
                    <a:pt x="9" y="2637"/>
                  </a:lnTo>
                  <a:lnTo>
                    <a:pt x="3" y="2709"/>
                  </a:lnTo>
                  <a:lnTo>
                    <a:pt x="1" y="2783"/>
                  </a:lnTo>
                  <a:lnTo>
                    <a:pt x="0" y="2856"/>
                  </a:lnTo>
                  <a:lnTo>
                    <a:pt x="0" y="2856"/>
                  </a:lnTo>
                  <a:lnTo>
                    <a:pt x="1" y="2930"/>
                  </a:lnTo>
                  <a:lnTo>
                    <a:pt x="3" y="3003"/>
                  </a:lnTo>
                  <a:lnTo>
                    <a:pt x="9" y="3075"/>
                  </a:lnTo>
                  <a:lnTo>
                    <a:pt x="15" y="3148"/>
                  </a:lnTo>
                  <a:lnTo>
                    <a:pt x="23" y="3219"/>
                  </a:lnTo>
                  <a:lnTo>
                    <a:pt x="33" y="3290"/>
                  </a:lnTo>
                  <a:lnTo>
                    <a:pt x="46" y="3361"/>
                  </a:lnTo>
                  <a:lnTo>
                    <a:pt x="60" y="3431"/>
                  </a:lnTo>
                  <a:lnTo>
                    <a:pt x="76" y="3501"/>
                  </a:lnTo>
                  <a:lnTo>
                    <a:pt x="93" y="3569"/>
                  </a:lnTo>
                  <a:lnTo>
                    <a:pt x="112" y="3637"/>
                  </a:lnTo>
                  <a:lnTo>
                    <a:pt x="133" y="3705"/>
                  </a:lnTo>
                  <a:lnTo>
                    <a:pt x="156" y="3771"/>
                  </a:lnTo>
                  <a:lnTo>
                    <a:pt x="180" y="3838"/>
                  </a:lnTo>
                  <a:lnTo>
                    <a:pt x="206" y="3902"/>
                  </a:lnTo>
                  <a:lnTo>
                    <a:pt x="233" y="3967"/>
                  </a:lnTo>
                  <a:lnTo>
                    <a:pt x="262" y="4031"/>
                  </a:lnTo>
                  <a:lnTo>
                    <a:pt x="293" y="4094"/>
                  </a:lnTo>
                  <a:lnTo>
                    <a:pt x="325" y="4155"/>
                  </a:lnTo>
                  <a:lnTo>
                    <a:pt x="359" y="4217"/>
                  </a:lnTo>
                  <a:lnTo>
                    <a:pt x="393" y="4277"/>
                  </a:lnTo>
                  <a:lnTo>
                    <a:pt x="429" y="4337"/>
                  </a:lnTo>
                  <a:lnTo>
                    <a:pt x="468" y="4395"/>
                  </a:lnTo>
                  <a:lnTo>
                    <a:pt x="507" y="4452"/>
                  </a:lnTo>
                  <a:lnTo>
                    <a:pt x="548" y="4508"/>
                  </a:lnTo>
                  <a:lnTo>
                    <a:pt x="590" y="4564"/>
                  </a:lnTo>
                  <a:lnTo>
                    <a:pt x="634" y="4618"/>
                  </a:lnTo>
                  <a:lnTo>
                    <a:pt x="678" y="4672"/>
                  </a:lnTo>
                  <a:lnTo>
                    <a:pt x="724" y="4724"/>
                  </a:lnTo>
                  <a:lnTo>
                    <a:pt x="772" y="4776"/>
                  </a:lnTo>
                  <a:lnTo>
                    <a:pt x="820" y="4826"/>
                  </a:lnTo>
                  <a:lnTo>
                    <a:pt x="870" y="4875"/>
                  </a:lnTo>
                  <a:lnTo>
                    <a:pt x="921" y="4923"/>
                  </a:lnTo>
                  <a:lnTo>
                    <a:pt x="972" y="4969"/>
                  </a:lnTo>
                  <a:lnTo>
                    <a:pt x="1026" y="5015"/>
                  </a:lnTo>
                  <a:lnTo>
                    <a:pt x="1080" y="5059"/>
                  </a:lnTo>
                  <a:lnTo>
                    <a:pt x="1136" y="5102"/>
                  </a:lnTo>
                  <a:lnTo>
                    <a:pt x="1192" y="5144"/>
                  </a:lnTo>
                  <a:lnTo>
                    <a:pt x="1251" y="5184"/>
                  </a:lnTo>
                  <a:lnTo>
                    <a:pt x="1309" y="5224"/>
                  </a:lnTo>
                  <a:lnTo>
                    <a:pt x="1368" y="5262"/>
                  </a:lnTo>
                  <a:lnTo>
                    <a:pt x="1429" y="5299"/>
                  </a:lnTo>
                  <a:lnTo>
                    <a:pt x="1491" y="5333"/>
                  </a:lnTo>
                  <a:lnTo>
                    <a:pt x="1553" y="5367"/>
                  </a:lnTo>
                  <a:lnTo>
                    <a:pt x="1617" y="5399"/>
                  </a:lnTo>
                  <a:lnTo>
                    <a:pt x="1681" y="5431"/>
                  </a:lnTo>
                  <a:lnTo>
                    <a:pt x="1746" y="5460"/>
                  </a:lnTo>
                  <a:lnTo>
                    <a:pt x="1813" y="5488"/>
                  </a:lnTo>
                  <a:lnTo>
                    <a:pt x="1880" y="5514"/>
                  </a:lnTo>
                  <a:lnTo>
                    <a:pt x="1947" y="5539"/>
                  </a:lnTo>
                  <a:lnTo>
                    <a:pt x="2017" y="5562"/>
                  </a:lnTo>
                  <a:lnTo>
                    <a:pt x="2085" y="5584"/>
                  </a:lnTo>
                  <a:lnTo>
                    <a:pt x="2156" y="5604"/>
                  </a:lnTo>
                  <a:lnTo>
                    <a:pt x="2226" y="5623"/>
                  </a:lnTo>
                  <a:lnTo>
                    <a:pt x="2297" y="5639"/>
                  </a:lnTo>
                  <a:lnTo>
                    <a:pt x="2370" y="5654"/>
                  </a:lnTo>
                  <a:lnTo>
                    <a:pt x="2442" y="5668"/>
                  </a:lnTo>
                  <a:lnTo>
                    <a:pt x="2516" y="5680"/>
                  </a:lnTo>
                  <a:lnTo>
                    <a:pt x="2590" y="5690"/>
                  </a:lnTo>
                  <a:lnTo>
                    <a:pt x="2664" y="5697"/>
                  </a:lnTo>
                  <a:lnTo>
                    <a:pt x="2739" y="5704"/>
                  </a:lnTo>
                  <a:lnTo>
                    <a:pt x="2814" y="5709"/>
                  </a:lnTo>
                  <a:lnTo>
                    <a:pt x="2891" y="5711"/>
                  </a:lnTo>
                  <a:lnTo>
                    <a:pt x="2967" y="5712"/>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7" name="Freeform 284">
              <a:extLst>
                <a:ext uri="{FF2B5EF4-FFF2-40B4-BE49-F238E27FC236}">
                  <a16:creationId xmlns:a16="http://schemas.microsoft.com/office/drawing/2014/main" xmlns="" id="{DFACA9F7-1AD9-CE47-BA9D-0428B8F85745}"/>
                </a:ext>
              </a:extLst>
            </p:cNvPr>
            <p:cNvSpPr>
              <a:spLocks/>
            </p:cNvSpPr>
            <p:nvPr/>
          </p:nvSpPr>
          <p:spPr bwMode="auto">
            <a:xfrm flipH="1">
              <a:off x="6610556" y="705021"/>
              <a:ext cx="5166185" cy="5180464"/>
            </a:xfrm>
            <a:custGeom>
              <a:avLst/>
              <a:gdLst>
                <a:gd name="T0" fmla="*/ 3179 w 5905"/>
                <a:gd name="T1" fmla="*/ 5676 h 5684"/>
                <a:gd name="T2" fmla="*/ 3547 w 5905"/>
                <a:gd name="T3" fmla="*/ 5626 h 5684"/>
                <a:gd name="T4" fmla="*/ 3899 w 5905"/>
                <a:gd name="T5" fmla="*/ 5534 h 5684"/>
                <a:gd name="T6" fmla="*/ 4232 w 5905"/>
                <a:gd name="T7" fmla="*/ 5404 h 5684"/>
                <a:gd name="T8" fmla="*/ 4542 w 5905"/>
                <a:gd name="T9" fmla="*/ 5236 h 5684"/>
                <a:gd name="T10" fmla="*/ 4830 w 5905"/>
                <a:gd name="T11" fmla="*/ 5034 h 5684"/>
                <a:gd name="T12" fmla="*/ 5089 w 5905"/>
                <a:gd name="T13" fmla="*/ 4802 h 5684"/>
                <a:gd name="T14" fmla="*/ 5318 w 5905"/>
                <a:gd name="T15" fmla="*/ 4542 h 5684"/>
                <a:gd name="T16" fmla="*/ 5514 w 5905"/>
                <a:gd name="T17" fmla="*/ 4256 h 5684"/>
                <a:gd name="T18" fmla="*/ 5673 w 5905"/>
                <a:gd name="T19" fmla="*/ 3947 h 5684"/>
                <a:gd name="T20" fmla="*/ 5793 w 5905"/>
                <a:gd name="T21" fmla="*/ 3620 h 5684"/>
                <a:gd name="T22" fmla="*/ 5871 w 5905"/>
                <a:gd name="T23" fmla="*/ 3274 h 5684"/>
                <a:gd name="T24" fmla="*/ 5904 w 5905"/>
                <a:gd name="T25" fmla="*/ 2916 h 5684"/>
                <a:gd name="T26" fmla="*/ 5896 w 5905"/>
                <a:gd name="T27" fmla="*/ 2624 h 5684"/>
                <a:gd name="T28" fmla="*/ 5845 w 5905"/>
                <a:gd name="T29" fmla="*/ 2270 h 5684"/>
                <a:gd name="T30" fmla="*/ 5750 w 5905"/>
                <a:gd name="T31" fmla="*/ 1932 h 5684"/>
                <a:gd name="T32" fmla="*/ 5614 w 5905"/>
                <a:gd name="T33" fmla="*/ 1611 h 5684"/>
                <a:gd name="T34" fmla="*/ 5440 w 5905"/>
                <a:gd name="T35" fmla="*/ 1312 h 5684"/>
                <a:gd name="T36" fmla="*/ 5230 w 5905"/>
                <a:gd name="T37" fmla="*/ 1035 h 5684"/>
                <a:gd name="T38" fmla="*/ 4989 w 5905"/>
                <a:gd name="T39" fmla="*/ 786 h 5684"/>
                <a:gd name="T40" fmla="*/ 4719 w 5905"/>
                <a:gd name="T41" fmla="*/ 566 h 5684"/>
                <a:gd name="T42" fmla="*/ 4421 w 5905"/>
                <a:gd name="T43" fmla="*/ 377 h 5684"/>
                <a:gd name="T44" fmla="*/ 4100 w 5905"/>
                <a:gd name="T45" fmla="*/ 223 h 5684"/>
                <a:gd name="T46" fmla="*/ 3761 w 5905"/>
                <a:gd name="T47" fmla="*/ 108 h 5684"/>
                <a:gd name="T48" fmla="*/ 3402 w 5905"/>
                <a:gd name="T49" fmla="*/ 33 h 5684"/>
                <a:gd name="T50" fmla="*/ 3029 w 5905"/>
                <a:gd name="T51" fmla="*/ 1 h 5684"/>
                <a:gd name="T52" fmla="*/ 2726 w 5905"/>
                <a:gd name="T53" fmla="*/ 8 h 5684"/>
                <a:gd name="T54" fmla="*/ 2358 w 5905"/>
                <a:gd name="T55" fmla="*/ 58 h 5684"/>
                <a:gd name="T56" fmla="*/ 2007 w 5905"/>
                <a:gd name="T57" fmla="*/ 150 h 5684"/>
                <a:gd name="T58" fmla="*/ 1674 w 5905"/>
                <a:gd name="T59" fmla="*/ 281 h 5684"/>
                <a:gd name="T60" fmla="*/ 1363 w 5905"/>
                <a:gd name="T61" fmla="*/ 448 h 5684"/>
                <a:gd name="T62" fmla="*/ 1076 w 5905"/>
                <a:gd name="T63" fmla="*/ 650 h 5684"/>
                <a:gd name="T64" fmla="*/ 817 w 5905"/>
                <a:gd name="T65" fmla="*/ 882 h 5684"/>
                <a:gd name="T66" fmla="*/ 588 w 5905"/>
                <a:gd name="T67" fmla="*/ 1142 h 5684"/>
                <a:gd name="T68" fmla="*/ 392 w 5905"/>
                <a:gd name="T69" fmla="*/ 1428 h 5684"/>
                <a:gd name="T70" fmla="*/ 233 w 5905"/>
                <a:gd name="T71" fmla="*/ 1737 h 5684"/>
                <a:gd name="T72" fmla="*/ 112 w 5905"/>
                <a:gd name="T73" fmla="*/ 2065 h 5684"/>
                <a:gd name="T74" fmla="*/ 35 w 5905"/>
                <a:gd name="T75" fmla="*/ 2410 h 5684"/>
                <a:gd name="T76" fmla="*/ 1 w 5905"/>
                <a:gd name="T77" fmla="*/ 2769 h 5684"/>
                <a:gd name="T78" fmla="*/ 9 w 5905"/>
                <a:gd name="T79" fmla="*/ 3060 h 5684"/>
                <a:gd name="T80" fmla="*/ 61 w 5905"/>
                <a:gd name="T81" fmla="*/ 3414 h 5684"/>
                <a:gd name="T82" fmla="*/ 156 w 5905"/>
                <a:gd name="T83" fmla="*/ 3752 h 5684"/>
                <a:gd name="T84" fmla="*/ 292 w 5905"/>
                <a:gd name="T85" fmla="*/ 4073 h 5684"/>
                <a:gd name="T86" fmla="*/ 466 w 5905"/>
                <a:gd name="T87" fmla="*/ 4372 h 5684"/>
                <a:gd name="T88" fmla="*/ 676 w 5905"/>
                <a:gd name="T89" fmla="*/ 4649 h 5684"/>
                <a:gd name="T90" fmla="*/ 917 w 5905"/>
                <a:gd name="T91" fmla="*/ 4898 h 5684"/>
                <a:gd name="T92" fmla="*/ 1187 w 5905"/>
                <a:gd name="T93" fmla="*/ 5118 h 5684"/>
                <a:gd name="T94" fmla="*/ 1484 w 5905"/>
                <a:gd name="T95" fmla="*/ 5307 h 5684"/>
                <a:gd name="T96" fmla="*/ 1805 w 5905"/>
                <a:gd name="T97" fmla="*/ 5461 h 5684"/>
                <a:gd name="T98" fmla="*/ 2145 w 5905"/>
                <a:gd name="T99" fmla="*/ 5576 h 5684"/>
                <a:gd name="T100" fmla="*/ 2504 w 5905"/>
                <a:gd name="T101" fmla="*/ 5651 h 5684"/>
                <a:gd name="T102" fmla="*/ 2877 w 5905"/>
                <a:gd name="T103" fmla="*/ 5683 h 56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05" h="5684">
                  <a:moveTo>
                    <a:pt x="2953" y="5684"/>
                  </a:moveTo>
                  <a:lnTo>
                    <a:pt x="2953" y="5684"/>
                  </a:lnTo>
                  <a:lnTo>
                    <a:pt x="3029" y="5683"/>
                  </a:lnTo>
                  <a:lnTo>
                    <a:pt x="3104" y="5680"/>
                  </a:lnTo>
                  <a:lnTo>
                    <a:pt x="3179" y="5676"/>
                  </a:lnTo>
                  <a:lnTo>
                    <a:pt x="3255" y="5669"/>
                  </a:lnTo>
                  <a:lnTo>
                    <a:pt x="3329" y="5662"/>
                  </a:lnTo>
                  <a:lnTo>
                    <a:pt x="3402" y="5651"/>
                  </a:lnTo>
                  <a:lnTo>
                    <a:pt x="3475" y="5640"/>
                  </a:lnTo>
                  <a:lnTo>
                    <a:pt x="3547" y="5626"/>
                  </a:lnTo>
                  <a:lnTo>
                    <a:pt x="3619" y="5611"/>
                  </a:lnTo>
                  <a:lnTo>
                    <a:pt x="3690" y="5595"/>
                  </a:lnTo>
                  <a:lnTo>
                    <a:pt x="3761" y="5576"/>
                  </a:lnTo>
                  <a:lnTo>
                    <a:pt x="3830" y="5556"/>
                  </a:lnTo>
                  <a:lnTo>
                    <a:pt x="3899" y="5534"/>
                  </a:lnTo>
                  <a:lnTo>
                    <a:pt x="3967" y="5512"/>
                  </a:lnTo>
                  <a:lnTo>
                    <a:pt x="4034" y="5487"/>
                  </a:lnTo>
                  <a:lnTo>
                    <a:pt x="4100" y="5461"/>
                  </a:lnTo>
                  <a:lnTo>
                    <a:pt x="4167" y="5433"/>
                  </a:lnTo>
                  <a:lnTo>
                    <a:pt x="4232" y="5404"/>
                  </a:lnTo>
                  <a:lnTo>
                    <a:pt x="4296" y="5372"/>
                  </a:lnTo>
                  <a:lnTo>
                    <a:pt x="4358" y="5341"/>
                  </a:lnTo>
                  <a:lnTo>
                    <a:pt x="4421" y="5307"/>
                  </a:lnTo>
                  <a:lnTo>
                    <a:pt x="4483" y="5272"/>
                  </a:lnTo>
                  <a:lnTo>
                    <a:pt x="4542" y="5236"/>
                  </a:lnTo>
                  <a:lnTo>
                    <a:pt x="4602" y="5198"/>
                  </a:lnTo>
                  <a:lnTo>
                    <a:pt x="4660" y="5159"/>
                  </a:lnTo>
                  <a:lnTo>
                    <a:pt x="4719" y="5118"/>
                  </a:lnTo>
                  <a:lnTo>
                    <a:pt x="4775" y="5077"/>
                  </a:lnTo>
                  <a:lnTo>
                    <a:pt x="4830" y="5034"/>
                  </a:lnTo>
                  <a:lnTo>
                    <a:pt x="4883" y="4990"/>
                  </a:lnTo>
                  <a:lnTo>
                    <a:pt x="4937" y="4945"/>
                  </a:lnTo>
                  <a:lnTo>
                    <a:pt x="4989" y="4898"/>
                  </a:lnTo>
                  <a:lnTo>
                    <a:pt x="5039" y="4851"/>
                  </a:lnTo>
                  <a:lnTo>
                    <a:pt x="5089" y="4802"/>
                  </a:lnTo>
                  <a:lnTo>
                    <a:pt x="5137" y="4752"/>
                  </a:lnTo>
                  <a:lnTo>
                    <a:pt x="5184" y="4701"/>
                  </a:lnTo>
                  <a:lnTo>
                    <a:pt x="5230" y="4649"/>
                  </a:lnTo>
                  <a:lnTo>
                    <a:pt x="5275" y="4596"/>
                  </a:lnTo>
                  <a:lnTo>
                    <a:pt x="5318" y="4542"/>
                  </a:lnTo>
                  <a:lnTo>
                    <a:pt x="5360" y="4487"/>
                  </a:lnTo>
                  <a:lnTo>
                    <a:pt x="5401" y="4429"/>
                  </a:lnTo>
                  <a:lnTo>
                    <a:pt x="5440" y="4372"/>
                  </a:lnTo>
                  <a:lnTo>
                    <a:pt x="5477" y="4315"/>
                  </a:lnTo>
                  <a:lnTo>
                    <a:pt x="5514" y="4256"/>
                  </a:lnTo>
                  <a:lnTo>
                    <a:pt x="5549" y="4195"/>
                  </a:lnTo>
                  <a:lnTo>
                    <a:pt x="5581" y="4135"/>
                  </a:lnTo>
                  <a:lnTo>
                    <a:pt x="5614" y="4073"/>
                  </a:lnTo>
                  <a:lnTo>
                    <a:pt x="5644" y="4011"/>
                  </a:lnTo>
                  <a:lnTo>
                    <a:pt x="5673" y="3947"/>
                  </a:lnTo>
                  <a:lnTo>
                    <a:pt x="5700" y="3883"/>
                  </a:lnTo>
                  <a:lnTo>
                    <a:pt x="5726" y="3818"/>
                  </a:lnTo>
                  <a:lnTo>
                    <a:pt x="5750" y="3752"/>
                  </a:lnTo>
                  <a:lnTo>
                    <a:pt x="5772" y="3687"/>
                  </a:lnTo>
                  <a:lnTo>
                    <a:pt x="5793" y="3620"/>
                  </a:lnTo>
                  <a:lnTo>
                    <a:pt x="5812" y="3552"/>
                  </a:lnTo>
                  <a:lnTo>
                    <a:pt x="5829" y="3484"/>
                  </a:lnTo>
                  <a:lnTo>
                    <a:pt x="5845" y="3414"/>
                  </a:lnTo>
                  <a:lnTo>
                    <a:pt x="5859" y="3344"/>
                  </a:lnTo>
                  <a:lnTo>
                    <a:pt x="5871" y="3274"/>
                  </a:lnTo>
                  <a:lnTo>
                    <a:pt x="5882" y="3204"/>
                  </a:lnTo>
                  <a:lnTo>
                    <a:pt x="5890" y="3133"/>
                  </a:lnTo>
                  <a:lnTo>
                    <a:pt x="5896" y="3060"/>
                  </a:lnTo>
                  <a:lnTo>
                    <a:pt x="5901" y="2988"/>
                  </a:lnTo>
                  <a:lnTo>
                    <a:pt x="5904" y="2916"/>
                  </a:lnTo>
                  <a:lnTo>
                    <a:pt x="5905" y="2842"/>
                  </a:lnTo>
                  <a:lnTo>
                    <a:pt x="5905" y="2842"/>
                  </a:lnTo>
                  <a:lnTo>
                    <a:pt x="5904" y="2769"/>
                  </a:lnTo>
                  <a:lnTo>
                    <a:pt x="5901" y="2696"/>
                  </a:lnTo>
                  <a:lnTo>
                    <a:pt x="5896" y="2624"/>
                  </a:lnTo>
                  <a:lnTo>
                    <a:pt x="5890" y="2552"/>
                  </a:lnTo>
                  <a:lnTo>
                    <a:pt x="5882" y="2480"/>
                  </a:lnTo>
                  <a:lnTo>
                    <a:pt x="5871" y="2410"/>
                  </a:lnTo>
                  <a:lnTo>
                    <a:pt x="5859" y="2340"/>
                  </a:lnTo>
                  <a:lnTo>
                    <a:pt x="5845" y="2270"/>
                  </a:lnTo>
                  <a:lnTo>
                    <a:pt x="5829" y="2201"/>
                  </a:lnTo>
                  <a:lnTo>
                    <a:pt x="5812" y="2133"/>
                  </a:lnTo>
                  <a:lnTo>
                    <a:pt x="5793" y="2065"/>
                  </a:lnTo>
                  <a:lnTo>
                    <a:pt x="5772" y="1998"/>
                  </a:lnTo>
                  <a:lnTo>
                    <a:pt x="5750" y="1932"/>
                  </a:lnTo>
                  <a:lnTo>
                    <a:pt x="5726" y="1866"/>
                  </a:lnTo>
                  <a:lnTo>
                    <a:pt x="5700" y="1801"/>
                  </a:lnTo>
                  <a:lnTo>
                    <a:pt x="5673" y="1737"/>
                  </a:lnTo>
                  <a:lnTo>
                    <a:pt x="5644" y="1674"/>
                  </a:lnTo>
                  <a:lnTo>
                    <a:pt x="5614" y="1611"/>
                  </a:lnTo>
                  <a:lnTo>
                    <a:pt x="5581" y="1549"/>
                  </a:lnTo>
                  <a:lnTo>
                    <a:pt x="5549" y="1489"/>
                  </a:lnTo>
                  <a:lnTo>
                    <a:pt x="5514" y="1428"/>
                  </a:lnTo>
                  <a:lnTo>
                    <a:pt x="5477" y="1369"/>
                  </a:lnTo>
                  <a:lnTo>
                    <a:pt x="5440" y="1312"/>
                  </a:lnTo>
                  <a:lnTo>
                    <a:pt x="5401" y="1255"/>
                  </a:lnTo>
                  <a:lnTo>
                    <a:pt x="5360" y="1198"/>
                  </a:lnTo>
                  <a:lnTo>
                    <a:pt x="5318" y="1142"/>
                  </a:lnTo>
                  <a:lnTo>
                    <a:pt x="5275" y="1088"/>
                  </a:lnTo>
                  <a:lnTo>
                    <a:pt x="5230" y="1035"/>
                  </a:lnTo>
                  <a:lnTo>
                    <a:pt x="5184" y="984"/>
                  </a:lnTo>
                  <a:lnTo>
                    <a:pt x="5137" y="932"/>
                  </a:lnTo>
                  <a:lnTo>
                    <a:pt x="5089" y="882"/>
                  </a:lnTo>
                  <a:lnTo>
                    <a:pt x="5039" y="833"/>
                  </a:lnTo>
                  <a:lnTo>
                    <a:pt x="4989" y="786"/>
                  </a:lnTo>
                  <a:lnTo>
                    <a:pt x="4937" y="740"/>
                  </a:lnTo>
                  <a:lnTo>
                    <a:pt x="4883" y="694"/>
                  </a:lnTo>
                  <a:lnTo>
                    <a:pt x="4830" y="650"/>
                  </a:lnTo>
                  <a:lnTo>
                    <a:pt x="4775" y="607"/>
                  </a:lnTo>
                  <a:lnTo>
                    <a:pt x="4719" y="566"/>
                  </a:lnTo>
                  <a:lnTo>
                    <a:pt x="4660" y="525"/>
                  </a:lnTo>
                  <a:lnTo>
                    <a:pt x="4602" y="486"/>
                  </a:lnTo>
                  <a:lnTo>
                    <a:pt x="4542" y="448"/>
                  </a:lnTo>
                  <a:lnTo>
                    <a:pt x="4483" y="412"/>
                  </a:lnTo>
                  <a:lnTo>
                    <a:pt x="4421" y="377"/>
                  </a:lnTo>
                  <a:lnTo>
                    <a:pt x="4358" y="343"/>
                  </a:lnTo>
                  <a:lnTo>
                    <a:pt x="4296" y="312"/>
                  </a:lnTo>
                  <a:lnTo>
                    <a:pt x="4232" y="281"/>
                  </a:lnTo>
                  <a:lnTo>
                    <a:pt x="4167" y="251"/>
                  </a:lnTo>
                  <a:lnTo>
                    <a:pt x="4100" y="223"/>
                  </a:lnTo>
                  <a:lnTo>
                    <a:pt x="4034" y="197"/>
                  </a:lnTo>
                  <a:lnTo>
                    <a:pt x="3967" y="173"/>
                  </a:lnTo>
                  <a:lnTo>
                    <a:pt x="3899" y="150"/>
                  </a:lnTo>
                  <a:lnTo>
                    <a:pt x="3830" y="128"/>
                  </a:lnTo>
                  <a:lnTo>
                    <a:pt x="3761" y="108"/>
                  </a:lnTo>
                  <a:lnTo>
                    <a:pt x="3690" y="89"/>
                  </a:lnTo>
                  <a:lnTo>
                    <a:pt x="3619" y="73"/>
                  </a:lnTo>
                  <a:lnTo>
                    <a:pt x="3547" y="58"/>
                  </a:lnTo>
                  <a:lnTo>
                    <a:pt x="3475" y="44"/>
                  </a:lnTo>
                  <a:lnTo>
                    <a:pt x="3402" y="33"/>
                  </a:lnTo>
                  <a:lnTo>
                    <a:pt x="3329" y="22"/>
                  </a:lnTo>
                  <a:lnTo>
                    <a:pt x="3255" y="15"/>
                  </a:lnTo>
                  <a:lnTo>
                    <a:pt x="3179" y="8"/>
                  </a:lnTo>
                  <a:lnTo>
                    <a:pt x="3104" y="4"/>
                  </a:lnTo>
                  <a:lnTo>
                    <a:pt x="3029" y="1"/>
                  </a:lnTo>
                  <a:lnTo>
                    <a:pt x="2953" y="0"/>
                  </a:lnTo>
                  <a:lnTo>
                    <a:pt x="2953" y="0"/>
                  </a:lnTo>
                  <a:lnTo>
                    <a:pt x="2877" y="1"/>
                  </a:lnTo>
                  <a:lnTo>
                    <a:pt x="2801" y="4"/>
                  </a:lnTo>
                  <a:lnTo>
                    <a:pt x="2726" y="8"/>
                  </a:lnTo>
                  <a:lnTo>
                    <a:pt x="2651" y="15"/>
                  </a:lnTo>
                  <a:lnTo>
                    <a:pt x="2577" y="22"/>
                  </a:lnTo>
                  <a:lnTo>
                    <a:pt x="2504" y="33"/>
                  </a:lnTo>
                  <a:lnTo>
                    <a:pt x="2431" y="44"/>
                  </a:lnTo>
                  <a:lnTo>
                    <a:pt x="2358" y="58"/>
                  </a:lnTo>
                  <a:lnTo>
                    <a:pt x="2287" y="73"/>
                  </a:lnTo>
                  <a:lnTo>
                    <a:pt x="2216" y="89"/>
                  </a:lnTo>
                  <a:lnTo>
                    <a:pt x="2145" y="108"/>
                  </a:lnTo>
                  <a:lnTo>
                    <a:pt x="2076" y="128"/>
                  </a:lnTo>
                  <a:lnTo>
                    <a:pt x="2007" y="150"/>
                  </a:lnTo>
                  <a:lnTo>
                    <a:pt x="1939" y="173"/>
                  </a:lnTo>
                  <a:lnTo>
                    <a:pt x="1871" y="197"/>
                  </a:lnTo>
                  <a:lnTo>
                    <a:pt x="1805" y="223"/>
                  </a:lnTo>
                  <a:lnTo>
                    <a:pt x="1739" y="251"/>
                  </a:lnTo>
                  <a:lnTo>
                    <a:pt x="1674" y="281"/>
                  </a:lnTo>
                  <a:lnTo>
                    <a:pt x="1610" y="312"/>
                  </a:lnTo>
                  <a:lnTo>
                    <a:pt x="1547" y="343"/>
                  </a:lnTo>
                  <a:lnTo>
                    <a:pt x="1484" y="377"/>
                  </a:lnTo>
                  <a:lnTo>
                    <a:pt x="1423" y="412"/>
                  </a:lnTo>
                  <a:lnTo>
                    <a:pt x="1363" y="448"/>
                  </a:lnTo>
                  <a:lnTo>
                    <a:pt x="1304" y="486"/>
                  </a:lnTo>
                  <a:lnTo>
                    <a:pt x="1245" y="525"/>
                  </a:lnTo>
                  <a:lnTo>
                    <a:pt x="1187" y="566"/>
                  </a:lnTo>
                  <a:lnTo>
                    <a:pt x="1131" y="607"/>
                  </a:lnTo>
                  <a:lnTo>
                    <a:pt x="1076" y="650"/>
                  </a:lnTo>
                  <a:lnTo>
                    <a:pt x="1022" y="694"/>
                  </a:lnTo>
                  <a:lnTo>
                    <a:pt x="968" y="740"/>
                  </a:lnTo>
                  <a:lnTo>
                    <a:pt x="917" y="786"/>
                  </a:lnTo>
                  <a:lnTo>
                    <a:pt x="866" y="833"/>
                  </a:lnTo>
                  <a:lnTo>
                    <a:pt x="817" y="882"/>
                  </a:lnTo>
                  <a:lnTo>
                    <a:pt x="769" y="932"/>
                  </a:lnTo>
                  <a:lnTo>
                    <a:pt x="722" y="984"/>
                  </a:lnTo>
                  <a:lnTo>
                    <a:pt x="676" y="1035"/>
                  </a:lnTo>
                  <a:lnTo>
                    <a:pt x="631" y="1088"/>
                  </a:lnTo>
                  <a:lnTo>
                    <a:pt x="588" y="1142"/>
                  </a:lnTo>
                  <a:lnTo>
                    <a:pt x="545" y="1198"/>
                  </a:lnTo>
                  <a:lnTo>
                    <a:pt x="505" y="1255"/>
                  </a:lnTo>
                  <a:lnTo>
                    <a:pt x="466" y="1312"/>
                  </a:lnTo>
                  <a:lnTo>
                    <a:pt x="429" y="1369"/>
                  </a:lnTo>
                  <a:lnTo>
                    <a:pt x="392" y="1428"/>
                  </a:lnTo>
                  <a:lnTo>
                    <a:pt x="357" y="1489"/>
                  </a:lnTo>
                  <a:lnTo>
                    <a:pt x="325" y="1549"/>
                  </a:lnTo>
                  <a:lnTo>
                    <a:pt x="292" y="1611"/>
                  </a:lnTo>
                  <a:lnTo>
                    <a:pt x="262" y="1674"/>
                  </a:lnTo>
                  <a:lnTo>
                    <a:pt x="233" y="1737"/>
                  </a:lnTo>
                  <a:lnTo>
                    <a:pt x="206" y="1801"/>
                  </a:lnTo>
                  <a:lnTo>
                    <a:pt x="180" y="1866"/>
                  </a:lnTo>
                  <a:lnTo>
                    <a:pt x="156" y="1932"/>
                  </a:lnTo>
                  <a:lnTo>
                    <a:pt x="134" y="1998"/>
                  </a:lnTo>
                  <a:lnTo>
                    <a:pt x="112" y="2065"/>
                  </a:lnTo>
                  <a:lnTo>
                    <a:pt x="93" y="2133"/>
                  </a:lnTo>
                  <a:lnTo>
                    <a:pt x="77" y="2201"/>
                  </a:lnTo>
                  <a:lnTo>
                    <a:pt x="61" y="2270"/>
                  </a:lnTo>
                  <a:lnTo>
                    <a:pt x="46" y="2340"/>
                  </a:lnTo>
                  <a:lnTo>
                    <a:pt x="35" y="2410"/>
                  </a:lnTo>
                  <a:lnTo>
                    <a:pt x="24" y="2480"/>
                  </a:lnTo>
                  <a:lnTo>
                    <a:pt x="16" y="2552"/>
                  </a:lnTo>
                  <a:lnTo>
                    <a:pt x="9" y="2624"/>
                  </a:lnTo>
                  <a:lnTo>
                    <a:pt x="5" y="2696"/>
                  </a:lnTo>
                  <a:lnTo>
                    <a:pt x="1" y="2769"/>
                  </a:lnTo>
                  <a:lnTo>
                    <a:pt x="0" y="2842"/>
                  </a:lnTo>
                  <a:lnTo>
                    <a:pt x="0" y="2842"/>
                  </a:lnTo>
                  <a:lnTo>
                    <a:pt x="1" y="2916"/>
                  </a:lnTo>
                  <a:lnTo>
                    <a:pt x="5" y="2988"/>
                  </a:lnTo>
                  <a:lnTo>
                    <a:pt x="9" y="3060"/>
                  </a:lnTo>
                  <a:lnTo>
                    <a:pt x="16" y="3133"/>
                  </a:lnTo>
                  <a:lnTo>
                    <a:pt x="24" y="3204"/>
                  </a:lnTo>
                  <a:lnTo>
                    <a:pt x="35" y="3274"/>
                  </a:lnTo>
                  <a:lnTo>
                    <a:pt x="46" y="3344"/>
                  </a:lnTo>
                  <a:lnTo>
                    <a:pt x="61" y="3414"/>
                  </a:lnTo>
                  <a:lnTo>
                    <a:pt x="77" y="3484"/>
                  </a:lnTo>
                  <a:lnTo>
                    <a:pt x="93" y="3552"/>
                  </a:lnTo>
                  <a:lnTo>
                    <a:pt x="112" y="3620"/>
                  </a:lnTo>
                  <a:lnTo>
                    <a:pt x="134" y="3687"/>
                  </a:lnTo>
                  <a:lnTo>
                    <a:pt x="156" y="3752"/>
                  </a:lnTo>
                  <a:lnTo>
                    <a:pt x="180" y="3818"/>
                  </a:lnTo>
                  <a:lnTo>
                    <a:pt x="206" y="3883"/>
                  </a:lnTo>
                  <a:lnTo>
                    <a:pt x="233" y="3947"/>
                  </a:lnTo>
                  <a:lnTo>
                    <a:pt x="262" y="4011"/>
                  </a:lnTo>
                  <a:lnTo>
                    <a:pt x="292" y="4073"/>
                  </a:lnTo>
                  <a:lnTo>
                    <a:pt x="325" y="4135"/>
                  </a:lnTo>
                  <a:lnTo>
                    <a:pt x="357" y="4195"/>
                  </a:lnTo>
                  <a:lnTo>
                    <a:pt x="392" y="4256"/>
                  </a:lnTo>
                  <a:lnTo>
                    <a:pt x="429" y="4315"/>
                  </a:lnTo>
                  <a:lnTo>
                    <a:pt x="466" y="4372"/>
                  </a:lnTo>
                  <a:lnTo>
                    <a:pt x="505" y="4429"/>
                  </a:lnTo>
                  <a:lnTo>
                    <a:pt x="545" y="4487"/>
                  </a:lnTo>
                  <a:lnTo>
                    <a:pt x="588" y="4542"/>
                  </a:lnTo>
                  <a:lnTo>
                    <a:pt x="631" y="4596"/>
                  </a:lnTo>
                  <a:lnTo>
                    <a:pt x="676" y="4649"/>
                  </a:lnTo>
                  <a:lnTo>
                    <a:pt x="722" y="4701"/>
                  </a:lnTo>
                  <a:lnTo>
                    <a:pt x="769" y="4752"/>
                  </a:lnTo>
                  <a:lnTo>
                    <a:pt x="817" y="4802"/>
                  </a:lnTo>
                  <a:lnTo>
                    <a:pt x="866" y="4851"/>
                  </a:lnTo>
                  <a:lnTo>
                    <a:pt x="917" y="4898"/>
                  </a:lnTo>
                  <a:lnTo>
                    <a:pt x="968" y="4945"/>
                  </a:lnTo>
                  <a:lnTo>
                    <a:pt x="1022" y="4990"/>
                  </a:lnTo>
                  <a:lnTo>
                    <a:pt x="1076" y="5034"/>
                  </a:lnTo>
                  <a:lnTo>
                    <a:pt x="1131" y="5077"/>
                  </a:lnTo>
                  <a:lnTo>
                    <a:pt x="1187" y="5118"/>
                  </a:lnTo>
                  <a:lnTo>
                    <a:pt x="1245" y="5159"/>
                  </a:lnTo>
                  <a:lnTo>
                    <a:pt x="1304" y="5198"/>
                  </a:lnTo>
                  <a:lnTo>
                    <a:pt x="1363" y="5236"/>
                  </a:lnTo>
                  <a:lnTo>
                    <a:pt x="1423" y="5272"/>
                  </a:lnTo>
                  <a:lnTo>
                    <a:pt x="1484" y="5307"/>
                  </a:lnTo>
                  <a:lnTo>
                    <a:pt x="1547" y="5341"/>
                  </a:lnTo>
                  <a:lnTo>
                    <a:pt x="1610" y="5372"/>
                  </a:lnTo>
                  <a:lnTo>
                    <a:pt x="1674" y="5404"/>
                  </a:lnTo>
                  <a:lnTo>
                    <a:pt x="1739" y="5433"/>
                  </a:lnTo>
                  <a:lnTo>
                    <a:pt x="1805" y="5461"/>
                  </a:lnTo>
                  <a:lnTo>
                    <a:pt x="1871" y="5487"/>
                  </a:lnTo>
                  <a:lnTo>
                    <a:pt x="1939" y="5512"/>
                  </a:lnTo>
                  <a:lnTo>
                    <a:pt x="2007" y="5534"/>
                  </a:lnTo>
                  <a:lnTo>
                    <a:pt x="2076" y="5556"/>
                  </a:lnTo>
                  <a:lnTo>
                    <a:pt x="2145" y="5576"/>
                  </a:lnTo>
                  <a:lnTo>
                    <a:pt x="2216" y="5595"/>
                  </a:lnTo>
                  <a:lnTo>
                    <a:pt x="2287" y="5611"/>
                  </a:lnTo>
                  <a:lnTo>
                    <a:pt x="2358" y="5626"/>
                  </a:lnTo>
                  <a:lnTo>
                    <a:pt x="2431" y="5640"/>
                  </a:lnTo>
                  <a:lnTo>
                    <a:pt x="2504" y="5651"/>
                  </a:lnTo>
                  <a:lnTo>
                    <a:pt x="2577" y="5662"/>
                  </a:lnTo>
                  <a:lnTo>
                    <a:pt x="2651" y="5669"/>
                  </a:lnTo>
                  <a:lnTo>
                    <a:pt x="2726" y="5676"/>
                  </a:lnTo>
                  <a:lnTo>
                    <a:pt x="2801" y="5680"/>
                  </a:lnTo>
                  <a:lnTo>
                    <a:pt x="2877" y="5683"/>
                  </a:lnTo>
                  <a:lnTo>
                    <a:pt x="2953" y="5684"/>
                  </a:lnTo>
                  <a:close/>
                </a:path>
              </a:pathLst>
            </a:custGeom>
            <a:solidFill>
              <a:srgbClr val="BCBCB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8" name="Freeform 285">
              <a:extLst>
                <a:ext uri="{FF2B5EF4-FFF2-40B4-BE49-F238E27FC236}">
                  <a16:creationId xmlns:a16="http://schemas.microsoft.com/office/drawing/2014/main" xmlns="" id="{0902616A-B45E-E240-900D-631B68158FDF}"/>
                </a:ext>
              </a:extLst>
            </p:cNvPr>
            <p:cNvSpPr>
              <a:spLocks/>
            </p:cNvSpPr>
            <p:nvPr/>
          </p:nvSpPr>
          <p:spPr bwMode="auto">
            <a:xfrm flipH="1">
              <a:off x="6610556" y="705021"/>
              <a:ext cx="5166185" cy="5180464"/>
            </a:xfrm>
            <a:custGeom>
              <a:avLst/>
              <a:gdLst>
                <a:gd name="T0" fmla="*/ 3179 w 5905"/>
                <a:gd name="T1" fmla="*/ 5676 h 5684"/>
                <a:gd name="T2" fmla="*/ 3547 w 5905"/>
                <a:gd name="T3" fmla="*/ 5626 h 5684"/>
                <a:gd name="T4" fmla="*/ 3899 w 5905"/>
                <a:gd name="T5" fmla="*/ 5534 h 5684"/>
                <a:gd name="T6" fmla="*/ 4232 w 5905"/>
                <a:gd name="T7" fmla="*/ 5404 h 5684"/>
                <a:gd name="T8" fmla="*/ 4542 w 5905"/>
                <a:gd name="T9" fmla="*/ 5236 h 5684"/>
                <a:gd name="T10" fmla="*/ 4830 w 5905"/>
                <a:gd name="T11" fmla="*/ 5034 h 5684"/>
                <a:gd name="T12" fmla="*/ 5089 w 5905"/>
                <a:gd name="T13" fmla="*/ 4802 h 5684"/>
                <a:gd name="T14" fmla="*/ 5318 w 5905"/>
                <a:gd name="T15" fmla="*/ 4542 h 5684"/>
                <a:gd name="T16" fmla="*/ 5514 w 5905"/>
                <a:gd name="T17" fmla="*/ 4256 h 5684"/>
                <a:gd name="T18" fmla="*/ 5673 w 5905"/>
                <a:gd name="T19" fmla="*/ 3947 h 5684"/>
                <a:gd name="T20" fmla="*/ 5793 w 5905"/>
                <a:gd name="T21" fmla="*/ 3620 h 5684"/>
                <a:gd name="T22" fmla="*/ 5871 w 5905"/>
                <a:gd name="T23" fmla="*/ 3274 h 5684"/>
                <a:gd name="T24" fmla="*/ 5904 w 5905"/>
                <a:gd name="T25" fmla="*/ 2916 h 5684"/>
                <a:gd name="T26" fmla="*/ 5896 w 5905"/>
                <a:gd name="T27" fmla="*/ 2624 h 5684"/>
                <a:gd name="T28" fmla="*/ 5845 w 5905"/>
                <a:gd name="T29" fmla="*/ 2270 h 5684"/>
                <a:gd name="T30" fmla="*/ 5750 w 5905"/>
                <a:gd name="T31" fmla="*/ 1932 h 5684"/>
                <a:gd name="T32" fmla="*/ 5614 w 5905"/>
                <a:gd name="T33" fmla="*/ 1611 h 5684"/>
                <a:gd name="T34" fmla="*/ 5440 w 5905"/>
                <a:gd name="T35" fmla="*/ 1312 h 5684"/>
                <a:gd name="T36" fmla="*/ 5230 w 5905"/>
                <a:gd name="T37" fmla="*/ 1035 h 5684"/>
                <a:gd name="T38" fmla="*/ 4989 w 5905"/>
                <a:gd name="T39" fmla="*/ 786 h 5684"/>
                <a:gd name="T40" fmla="*/ 4719 w 5905"/>
                <a:gd name="T41" fmla="*/ 566 h 5684"/>
                <a:gd name="T42" fmla="*/ 4421 w 5905"/>
                <a:gd name="T43" fmla="*/ 377 h 5684"/>
                <a:gd name="T44" fmla="*/ 4100 w 5905"/>
                <a:gd name="T45" fmla="*/ 223 h 5684"/>
                <a:gd name="T46" fmla="*/ 3761 w 5905"/>
                <a:gd name="T47" fmla="*/ 108 h 5684"/>
                <a:gd name="T48" fmla="*/ 3402 w 5905"/>
                <a:gd name="T49" fmla="*/ 33 h 5684"/>
                <a:gd name="T50" fmla="*/ 3029 w 5905"/>
                <a:gd name="T51" fmla="*/ 1 h 5684"/>
                <a:gd name="T52" fmla="*/ 2726 w 5905"/>
                <a:gd name="T53" fmla="*/ 8 h 5684"/>
                <a:gd name="T54" fmla="*/ 2358 w 5905"/>
                <a:gd name="T55" fmla="*/ 58 h 5684"/>
                <a:gd name="T56" fmla="*/ 2007 w 5905"/>
                <a:gd name="T57" fmla="*/ 150 h 5684"/>
                <a:gd name="T58" fmla="*/ 1674 w 5905"/>
                <a:gd name="T59" fmla="*/ 281 h 5684"/>
                <a:gd name="T60" fmla="*/ 1363 w 5905"/>
                <a:gd name="T61" fmla="*/ 448 h 5684"/>
                <a:gd name="T62" fmla="*/ 1076 w 5905"/>
                <a:gd name="T63" fmla="*/ 650 h 5684"/>
                <a:gd name="T64" fmla="*/ 817 w 5905"/>
                <a:gd name="T65" fmla="*/ 882 h 5684"/>
                <a:gd name="T66" fmla="*/ 588 w 5905"/>
                <a:gd name="T67" fmla="*/ 1142 h 5684"/>
                <a:gd name="T68" fmla="*/ 392 w 5905"/>
                <a:gd name="T69" fmla="*/ 1428 h 5684"/>
                <a:gd name="T70" fmla="*/ 233 w 5905"/>
                <a:gd name="T71" fmla="*/ 1737 h 5684"/>
                <a:gd name="T72" fmla="*/ 112 w 5905"/>
                <a:gd name="T73" fmla="*/ 2065 h 5684"/>
                <a:gd name="T74" fmla="*/ 35 w 5905"/>
                <a:gd name="T75" fmla="*/ 2410 h 5684"/>
                <a:gd name="T76" fmla="*/ 1 w 5905"/>
                <a:gd name="T77" fmla="*/ 2769 h 5684"/>
                <a:gd name="T78" fmla="*/ 9 w 5905"/>
                <a:gd name="T79" fmla="*/ 3060 h 5684"/>
                <a:gd name="T80" fmla="*/ 61 w 5905"/>
                <a:gd name="T81" fmla="*/ 3414 h 5684"/>
                <a:gd name="T82" fmla="*/ 156 w 5905"/>
                <a:gd name="T83" fmla="*/ 3752 h 5684"/>
                <a:gd name="T84" fmla="*/ 292 w 5905"/>
                <a:gd name="T85" fmla="*/ 4073 h 5684"/>
                <a:gd name="T86" fmla="*/ 466 w 5905"/>
                <a:gd name="T87" fmla="*/ 4372 h 5684"/>
                <a:gd name="T88" fmla="*/ 676 w 5905"/>
                <a:gd name="T89" fmla="*/ 4649 h 5684"/>
                <a:gd name="T90" fmla="*/ 917 w 5905"/>
                <a:gd name="T91" fmla="*/ 4898 h 5684"/>
                <a:gd name="T92" fmla="*/ 1187 w 5905"/>
                <a:gd name="T93" fmla="*/ 5118 h 5684"/>
                <a:gd name="T94" fmla="*/ 1484 w 5905"/>
                <a:gd name="T95" fmla="*/ 5307 h 5684"/>
                <a:gd name="T96" fmla="*/ 1805 w 5905"/>
                <a:gd name="T97" fmla="*/ 5461 h 5684"/>
                <a:gd name="T98" fmla="*/ 2145 w 5905"/>
                <a:gd name="T99" fmla="*/ 5576 h 5684"/>
                <a:gd name="T100" fmla="*/ 2504 w 5905"/>
                <a:gd name="T101" fmla="*/ 5651 h 5684"/>
                <a:gd name="T102" fmla="*/ 2877 w 5905"/>
                <a:gd name="T103" fmla="*/ 5683 h 56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05" h="5684">
                  <a:moveTo>
                    <a:pt x="2953" y="5684"/>
                  </a:moveTo>
                  <a:lnTo>
                    <a:pt x="2953" y="5684"/>
                  </a:lnTo>
                  <a:lnTo>
                    <a:pt x="3029" y="5683"/>
                  </a:lnTo>
                  <a:lnTo>
                    <a:pt x="3104" y="5680"/>
                  </a:lnTo>
                  <a:lnTo>
                    <a:pt x="3179" y="5676"/>
                  </a:lnTo>
                  <a:lnTo>
                    <a:pt x="3255" y="5669"/>
                  </a:lnTo>
                  <a:lnTo>
                    <a:pt x="3329" y="5662"/>
                  </a:lnTo>
                  <a:lnTo>
                    <a:pt x="3402" y="5651"/>
                  </a:lnTo>
                  <a:lnTo>
                    <a:pt x="3475" y="5640"/>
                  </a:lnTo>
                  <a:lnTo>
                    <a:pt x="3547" y="5626"/>
                  </a:lnTo>
                  <a:lnTo>
                    <a:pt x="3619" y="5611"/>
                  </a:lnTo>
                  <a:lnTo>
                    <a:pt x="3690" y="5595"/>
                  </a:lnTo>
                  <a:lnTo>
                    <a:pt x="3761" y="5576"/>
                  </a:lnTo>
                  <a:lnTo>
                    <a:pt x="3830" y="5556"/>
                  </a:lnTo>
                  <a:lnTo>
                    <a:pt x="3899" y="5534"/>
                  </a:lnTo>
                  <a:lnTo>
                    <a:pt x="3967" y="5512"/>
                  </a:lnTo>
                  <a:lnTo>
                    <a:pt x="4034" y="5487"/>
                  </a:lnTo>
                  <a:lnTo>
                    <a:pt x="4100" y="5461"/>
                  </a:lnTo>
                  <a:lnTo>
                    <a:pt x="4167" y="5433"/>
                  </a:lnTo>
                  <a:lnTo>
                    <a:pt x="4232" y="5404"/>
                  </a:lnTo>
                  <a:lnTo>
                    <a:pt x="4296" y="5372"/>
                  </a:lnTo>
                  <a:lnTo>
                    <a:pt x="4358" y="5341"/>
                  </a:lnTo>
                  <a:lnTo>
                    <a:pt x="4421" y="5307"/>
                  </a:lnTo>
                  <a:lnTo>
                    <a:pt x="4483" y="5272"/>
                  </a:lnTo>
                  <a:lnTo>
                    <a:pt x="4542" y="5236"/>
                  </a:lnTo>
                  <a:lnTo>
                    <a:pt x="4602" y="5198"/>
                  </a:lnTo>
                  <a:lnTo>
                    <a:pt x="4660" y="5159"/>
                  </a:lnTo>
                  <a:lnTo>
                    <a:pt x="4719" y="5118"/>
                  </a:lnTo>
                  <a:lnTo>
                    <a:pt x="4775" y="5077"/>
                  </a:lnTo>
                  <a:lnTo>
                    <a:pt x="4830" y="5034"/>
                  </a:lnTo>
                  <a:lnTo>
                    <a:pt x="4883" y="4990"/>
                  </a:lnTo>
                  <a:lnTo>
                    <a:pt x="4937" y="4945"/>
                  </a:lnTo>
                  <a:lnTo>
                    <a:pt x="4989" y="4898"/>
                  </a:lnTo>
                  <a:lnTo>
                    <a:pt x="5039" y="4851"/>
                  </a:lnTo>
                  <a:lnTo>
                    <a:pt x="5089" y="4802"/>
                  </a:lnTo>
                  <a:lnTo>
                    <a:pt x="5137" y="4752"/>
                  </a:lnTo>
                  <a:lnTo>
                    <a:pt x="5184" y="4701"/>
                  </a:lnTo>
                  <a:lnTo>
                    <a:pt x="5230" y="4649"/>
                  </a:lnTo>
                  <a:lnTo>
                    <a:pt x="5275" y="4596"/>
                  </a:lnTo>
                  <a:lnTo>
                    <a:pt x="5318" y="4542"/>
                  </a:lnTo>
                  <a:lnTo>
                    <a:pt x="5360" y="4487"/>
                  </a:lnTo>
                  <a:lnTo>
                    <a:pt x="5401" y="4429"/>
                  </a:lnTo>
                  <a:lnTo>
                    <a:pt x="5440" y="4372"/>
                  </a:lnTo>
                  <a:lnTo>
                    <a:pt x="5477" y="4315"/>
                  </a:lnTo>
                  <a:lnTo>
                    <a:pt x="5514" y="4256"/>
                  </a:lnTo>
                  <a:lnTo>
                    <a:pt x="5549" y="4195"/>
                  </a:lnTo>
                  <a:lnTo>
                    <a:pt x="5581" y="4135"/>
                  </a:lnTo>
                  <a:lnTo>
                    <a:pt x="5614" y="4073"/>
                  </a:lnTo>
                  <a:lnTo>
                    <a:pt x="5644" y="4011"/>
                  </a:lnTo>
                  <a:lnTo>
                    <a:pt x="5673" y="3947"/>
                  </a:lnTo>
                  <a:lnTo>
                    <a:pt x="5700" y="3883"/>
                  </a:lnTo>
                  <a:lnTo>
                    <a:pt x="5726" y="3818"/>
                  </a:lnTo>
                  <a:lnTo>
                    <a:pt x="5750" y="3752"/>
                  </a:lnTo>
                  <a:lnTo>
                    <a:pt x="5772" y="3687"/>
                  </a:lnTo>
                  <a:lnTo>
                    <a:pt x="5793" y="3620"/>
                  </a:lnTo>
                  <a:lnTo>
                    <a:pt x="5812" y="3552"/>
                  </a:lnTo>
                  <a:lnTo>
                    <a:pt x="5829" y="3484"/>
                  </a:lnTo>
                  <a:lnTo>
                    <a:pt x="5845" y="3414"/>
                  </a:lnTo>
                  <a:lnTo>
                    <a:pt x="5859" y="3344"/>
                  </a:lnTo>
                  <a:lnTo>
                    <a:pt x="5871" y="3274"/>
                  </a:lnTo>
                  <a:lnTo>
                    <a:pt x="5882" y="3204"/>
                  </a:lnTo>
                  <a:lnTo>
                    <a:pt x="5890" y="3133"/>
                  </a:lnTo>
                  <a:lnTo>
                    <a:pt x="5896" y="3060"/>
                  </a:lnTo>
                  <a:lnTo>
                    <a:pt x="5901" y="2988"/>
                  </a:lnTo>
                  <a:lnTo>
                    <a:pt x="5904" y="2916"/>
                  </a:lnTo>
                  <a:lnTo>
                    <a:pt x="5905" y="2842"/>
                  </a:lnTo>
                  <a:lnTo>
                    <a:pt x="5905" y="2842"/>
                  </a:lnTo>
                  <a:lnTo>
                    <a:pt x="5904" y="2769"/>
                  </a:lnTo>
                  <a:lnTo>
                    <a:pt x="5901" y="2696"/>
                  </a:lnTo>
                  <a:lnTo>
                    <a:pt x="5896" y="2624"/>
                  </a:lnTo>
                  <a:lnTo>
                    <a:pt x="5890" y="2552"/>
                  </a:lnTo>
                  <a:lnTo>
                    <a:pt x="5882" y="2480"/>
                  </a:lnTo>
                  <a:lnTo>
                    <a:pt x="5871" y="2410"/>
                  </a:lnTo>
                  <a:lnTo>
                    <a:pt x="5859" y="2340"/>
                  </a:lnTo>
                  <a:lnTo>
                    <a:pt x="5845" y="2270"/>
                  </a:lnTo>
                  <a:lnTo>
                    <a:pt x="5829" y="2201"/>
                  </a:lnTo>
                  <a:lnTo>
                    <a:pt x="5812" y="2133"/>
                  </a:lnTo>
                  <a:lnTo>
                    <a:pt x="5793" y="2065"/>
                  </a:lnTo>
                  <a:lnTo>
                    <a:pt x="5772" y="1998"/>
                  </a:lnTo>
                  <a:lnTo>
                    <a:pt x="5750" y="1932"/>
                  </a:lnTo>
                  <a:lnTo>
                    <a:pt x="5726" y="1866"/>
                  </a:lnTo>
                  <a:lnTo>
                    <a:pt x="5700" y="1801"/>
                  </a:lnTo>
                  <a:lnTo>
                    <a:pt x="5673" y="1737"/>
                  </a:lnTo>
                  <a:lnTo>
                    <a:pt x="5644" y="1674"/>
                  </a:lnTo>
                  <a:lnTo>
                    <a:pt x="5614" y="1611"/>
                  </a:lnTo>
                  <a:lnTo>
                    <a:pt x="5581" y="1549"/>
                  </a:lnTo>
                  <a:lnTo>
                    <a:pt x="5549" y="1489"/>
                  </a:lnTo>
                  <a:lnTo>
                    <a:pt x="5514" y="1428"/>
                  </a:lnTo>
                  <a:lnTo>
                    <a:pt x="5477" y="1369"/>
                  </a:lnTo>
                  <a:lnTo>
                    <a:pt x="5440" y="1312"/>
                  </a:lnTo>
                  <a:lnTo>
                    <a:pt x="5401" y="1255"/>
                  </a:lnTo>
                  <a:lnTo>
                    <a:pt x="5360" y="1198"/>
                  </a:lnTo>
                  <a:lnTo>
                    <a:pt x="5318" y="1142"/>
                  </a:lnTo>
                  <a:lnTo>
                    <a:pt x="5275" y="1088"/>
                  </a:lnTo>
                  <a:lnTo>
                    <a:pt x="5230" y="1035"/>
                  </a:lnTo>
                  <a:lnTo>
                    <a:pt x="5184" y="984"/>
                  </a:lnTo>
                  <a:lnTo>
                    <a:pt x="5137" y="932"/>
                  </a:lnTo>
                  <a:lnTo>
                    <a:pt x="5089" y="882"/>
                  </a:lnTo>
                  <a:lnTo>
                    <a:pt x="5039" y="833"/>
                  </a:lnTo>
                  <a:lnTo>
                    <a:pt x="4989" y="786"/>
                  </a:lnTo>
                  <a:lnTo>
                    <a:pt x="4937" y="740"/>
                  </a:lnTo>
                  <a:lnTo>
                    <a:pt x="4883" y="694"/>
                  </a:lnTo>
                  <a:lnTo>
                    <a:pt x="4830" y="650"/>
                  </a:lnTo>
                  <a:lnTo>
                    <a:pt x="4775" y="607"/>
                  </a:lnTo>
                  <a:lnTo>
                    <a:pt x="4719" y="566"/>
                  </a:lnTo>
                  <a:lnTo>
                    <a:pt x="4660" y="525"/>
                  </a:lnTo>
                  <a:lnTo>
                    <a:pt x="4602" y="486"/>
                  </a:lnTo>
                  <a:lnTo>
                    <a:pt x="4542" y="448"/>
                  </a:lnTo>
                  <a:lnTo>
                    <a:pt x="4483" y="412"/>
                  </a:lnTo>
                  <a:lnTo>
                    <a:pt x="4421" y="377"/>
                  </a:lnTo>
                  <a:lnTo>
                    <a:pt x="4358" y="343"/>
                  </a:lnTo>
                  <a:lnTo>
                    <a:pt x="4296" y="312"/>
                  </a:lnTo>
                  <a:lnTo>
                    <a:pt x="4232" y="281"/>
                  </a:lnTo>
                  <a:lnTo>
                    <a:pt x="4167" y="251"/>
                  </a:lnTo>
                  <a:lnTo>
                    <a:pt x="4100" y="223"/>
                  </a:lnTo>
                  <a:lnTo>
                    <a:pt x="4034" y="197"/>
                  </a:lnTo>
                  <a:lnTo>
                    <a:pt x="3967" y="173"/>
                  </a:lnTo>
                  <a:lnTo>
                    <a:pt x="3899" y="150"/>
                  </a:lnTo>
                  <a:lnTo>
                    <a:pt x="3830" y="128"/>
                  </a:lnTo>
                  <a:lnTo>
                    <a:pt x="3761" y="108"/>
                  </a:lnTo>
                  <a:lnTo>
                    <a:pt x="3690" y="89"/>
                  </a:lnTo>
                  <a:lnTo>
                    <a:pt x="3619" y="73"/>
                  </a:lnTo>
                  <a:lnTo>
                    <a:pt x="3547" y="58"/>
                  </a:lnTo>
                  <a:lnTo>
                    <a:pt x="3475" y="44"/>
                  </a:lnTo>
                  <a:lnTo>
                    <a:pt x="3402" y="33"/>
                  </a:lnTo>
                  <a:lnTo>
                    <a:pt x="3329" y="22"/>
                  </a:lnTo>
                  <a:lnTo>
                    <a:pt x="3255" y="15"/>
                  </a:lnTo>
                  <a:lnTo>
                    <a:pt x="3179" y="8"/>
                  </a:lnTo>
                  <a:lnTo>
                    <a:pt x="3104" y="4"/>
                  </a:lnTo>
                  <a:lnTo>
                    <a:pt x="3029" y="1"/>
                  </a:lnTo>
                  <a:lnTo>
                    <a:pt x="2953" y="0"/>
                  </a:lnTo>
                  <a:lnTo>
                    <a:pt x="2953" y="0"/>
                  </a:lnTo>
                  <a:lnTo>
                    <a:pt x="2877" y="1"/>
                  </a:lnTo>
                  <a:lnTo>
                    <a:pt x="2801" y="4"/>
                  </a:lnTo>
                  <a:lnTo>
                    <a:pt x="2726" y="8"/>
                  </a:lnTo>
                  <a:lnTo>
                    <a:pt x="2651" y="15"/>
                  </a:lnTo>
                  <a:lnTo>
                    <a:pt x="2577" y="22"/>
                  </a:lnTo>
                  <a:lnTo>
                    <a:pt x="2504" y="33"/>
                  </a:lnTo>
                  <a:lnTo>
                    <a:pt x="2431" y="44"/>
                  </a:lnTo>
                  <a:lnTo>
                    <a:pt x="2358" y="58"/>
                  </a:lnTo>
                  <a:lnTo>
                    <a:pt x="2287" y="73"/>
                  </a:lnTo>
                  <a:lnTo>
                    <a:pt x="2216" y="89"/>
                  </a:lnTo>
                  <a:lnTo>
                    <a:pt x="2145" y="108"/>
                  </a:lnTo>
                  <a:lnTo>
                    <a:pt x="2076" y="128"/>
                  </a:lnTo>
                  <a:lnTo>
                    <a:pt x="2007" y="150"/>
                  </a:lnTo>
                  <a:lnTo>
                    <a:pt x="1939" y="173"/>
                  </a:lnTo>
                  <a:lnTo>
                    <a:pt x="1871" y="197"/>
                  </a:lnTo>
                  <a:lnTo>
                    <a:pt x="1805" y="223"/>
                  </a:lnTo>
                  <a:lnTo>
                    <a:pt x="1739" y="251"/>
                  </a:lnTo>
                  <a:lnTo>
                    <a:pt x="1674" y="281"/>
                  </a:lnTo>
                  <a:lnTo>
                    <a:pt x="1610" y="312"/>
                  </a:lnTo>
                  <a:lnTo>
                    <a:pt x="1547" y="343"/>
                  </a:lnTo>
                  <a:lnTo>
                    <a:pt x="1484" y="377"/>
                  </a:lnTo>
                  <a:lnTo>
                    <a:pt x="1423" y="412"/>
                  </a:lnTo>
                  <a:lnTo>
                    <a:pt x="1363" y="448"/>
                  </a:lnTo>
                  <a:lnTo>
                    <a:pt x="1304" y="486"/>
                  </a:lnTo>
                  <a:lnTo>
                    <a:pt x="1245" y="525"/>
                  </a:lnTo>
                  <a:lnTo>
                    <a:pt x="1187" y="566"/>
                  </a:lnTo>
                  <a:lnTo>
                    <a:pt x="1131" y="607"/>
                  </a:lnTo>
                  <a:lnTo>
                    <a:pt x="1076" y="650"/>
                  </a:lnTo>
                  <a:lnTo>
                    <a:pt x="1022" y="694"/>
                  </a:lnTo>
                  <a:lnTo>
                    <a:pt x="968" y="740"/>
                  </a:lnTo>
                  <a:lnTo>
                    <a:pt x="917" y="786"/>
                  </a:lnTo>
                  <a:lnTo>
                    <a:pt x="866" y="833"/>
                  </a:lnTo>
                  <a:lnTo>
                    <a:pt x="817" y="882"/>
                  </a:lnTo>
                  <a:lnTo>
                    <a:pt x="769" y="932"/>
                  </a:lnTo>
                  <a:lnTo>
                    <a:pt x="722" y="984"/>
                  </a:lnTo>
                  <a:lnTo>
                    <a:pt x="676" y="1035"/>
                  </a:lnTo>
                  <a:lnTo>
                    <a:pt x="631" y="1088"/>
                  </a:lnTo>
                  <a:lnTo>
                    <a:pt x="588" y="1142"/>
                  </a:lnTo>
                  <a:lnTo>
                    <a:pt x="545" y="1198"/>
                  </a:lnTo>
                  <a:lnTo>
                    <a:pt x="505" y="1255"/>
                  </a:lnTo>
                  <a:lnTo>
                    <a:pt x="466" y="1312"/>
                  </a:lnTo>
                  <a:lnTo>
                    <a:pt x="429" y="1369"/>
                  </a:lnTo>
                  <a:lnTo>
                    <a:pt x="392" y="1428"/>
                  </a:lnTo>
                  <a:lnTo>
                    <a:pt x="357" y="1489"/>
                  </a:lnTo>
                  <a:lnTo>
                    <a:pt x="325" y="1549"/>
                  </a:lnTo>
                  <a:lnTo>
                    <a:pt x="292" y="1611"/>
                  </a:lnTo>
                  <a:lnTo>
                    <a:pt x="262" y="1674"/>
                  </a:lnTo>
                  <a:lnTo>
                    <a:pt x="233" y="1737"/>
                  </a:lnTo>
                  <a:lnTo>
                    <a:pt x="206" y="1801"/>
                  </a:lnTo>
                  <a:lnTo>
                    <a:pt x="180" y="1866"/>
                  </a:lnTo>
                  <a:lnTo>
                    <a:pt x="156" y="1932"/>
                  </a:lnTo>
                  <a:lnTo>
                    <a:pt x="134" y="1998"/>
                  </a:lnTo>
                  <a:lnTo>
                    <a:pt x="112" y="2065"/>
                  </a:lnTo>
                  <a:lnTo>
                    <a:pt x="93" y="2133"/>
                  </a:lnTo>
                  <a:lnTo>
                    <a:pt x="77" y="2201"/>
                  </a:lnTo>
                  <a:lnTo>
                    <a:pt x="61" y="2270"/>
                  </a:lnTo>
                  <a:lnTo>
                    <a:pt x="46" y="2340"/>
                  </a:lnTo>
                  <a:lnTo>
                    <a:pt x="35" y="2410"/>
                  </a:lnTo>
                  <a:lnTo>
                    <a:pt x="24" y="2480"/>
                  </a:lnTo>
                  <a:lnTo>
                    <a:pt x="16" y="2552"/>
                  </a:lnTo>
                  <a:lnTo>
                    <a:pt x="9" y="2624"/>
                  </a:lnTo>
                  <a:lnTo>
                    <a:pt x="5" y="2696"/>
                  </a:lnTo>
                  <a:lnTo>
                    <a:pt x="1" y="2769"/>
                  </a:lnTo>
                  <a:lnTo>
                    <a:pt x="0" y="2842"/>
                  </a:lnTo>
                  <a:lnTo>
                    <a:pt x="0" y="2842"/>
                  </a:lnTo>
                  <a:lnTo>
                    <a:pt x="1" y="2916"/>
                  </a:lnTo>
                  <a:lnTo>
                    <a:pt x="5" y="2988"/>
                  </a:lnTo>
                  <a:lnTo>
                    <a:pt x="9" y="3060"/>
                  </a:lnTo>
                  <a:lnTo>
                    <a:pt x="16" y="3133"/>
                  </a:lnTo>
                  <a:lnTo>
                    <a:pt x="24" y="3204"/>
                  </a:lnTo>
                  <a:lnTo>
                    <a:pt x="35" y="3274"/>
                  </a:lnTo>
                  <a:lnTo>
                    <a:pt x="46" y="3344"/>
                  </a:lnTo>
                  <a:lnTo>
                    <a:pt x="61" y="3414"/>
                  </a:lnTo>
                  <a:lnTo>
                    <a:pt x="77" y="3484"/>
                  </a:lnTo>
                  <a:lnTo>
                    <a:pt x="93" y="3552"/>
                  </a:lnTo>
                  <a:lnTo>
                    <a:pt x="112" y="3620"/>
                  </a:lnTo>
                  <a:lnTo>
                    <a:pt x="134" y="3687"/>
                  </a:lnTo>
                  <a:lnTo>
                    <a:pt x="156" y="3752"/>
                  </a:lnTo>
                  <a:lnTo>
                    <a:pt x="180" y="3818"/>
                  </a:lnTo>
                  <a:lnTo>
                    <a:pt x="206" y="3883"/>
                  </a:lnTo>
                  <a:lnTo>
                    <a:pt x="233" y="3947"/>
                  </a:lnTo>
                  <a:lnTo>
                    <a:pt x="262" y="4011"/>
                  </a:lnTo>
                  <a:lnTo>
                    <a:pt x="292" y="4073"/>
                  </a:lnTo>
                  <a:lnTo>
                    <a:pt x="325" y="4135"/>
                  </a:lnTo>
                  <a:lnTo>
                    <a:pt x="357" y="4195"/>
                  </a:lnTo>
                  <a:lnTo>
                    <a:pt x="392" y="4256"/>
                  </a:lnTo>
                  <a:lnTo>
                    <a:pt x="429" y="4315"/>
                  </a:lnTo>
                  <a:lnTo>
                    <a:pt x="466" y="4372"/>
                  </a:lnTo>
                  <a:lnTo>
                    <a:pt x="505" y="4429"/>
                  </a:lnTo>
                  <a:lnTo>
                    <a:pt x="545" y="4487"/>
                  </a:lnTo>
                  <a:lnTo>
                    <a:pt x="588" y="4542"/>
                  </a:lnTo>
                  <a:lnTo>
                    <a:pt x="631" y="4596"/>
                  </a:lnTo>
                  <a:lnTo>
                    <a:pt x="676" y="4649"/>
                  </a:lnTo>
                  <a:lnTo>
                    <a:pt x="722" y="4701"/>
                  </a:lnTo>
                  <a:lnTo>
                    <a:pt x="769" y="4752"/>
                  </a:lnTo>
                  <a:lnTo>
                    <a:pt x="817" y="4802"/>
                  </a:lnTo>
                  <a:lnTo>
                    <a:pt x="866" y="4851"/>
                  </a:lnTo>
                  <a:lnTo>
                    <a:pt x="917" y="4898"/>
                  </a:lnTo>
                  <a:lnTo>
                    <a:pt x="968" y="4945"/>
                  </a:lnTo>
                  <a:lnTo>
                    <a:pt x="1022" y="4990"/>
                  </a:lnTo>
                  <a:lnTo>
                    <a:pt x="1076" y="5034"/>
                  </a:lnTo>
                  <a:lnTo>
                    <a:pt x="1131" y="5077"/>
                  </a:lnTo>
                  <a:lnTo>
                    <a:pt x="1187" y="5118"/>
                  </a:lnTo>
                  <a:lnTo>
                    <a:pt x="1245" y="5159"/>
                  </a:lnTo>
                  <a:lnTo>
                    <a:pt x="1304" y="5198"/>
                  </a:lnTo>
                  <a:lnTo>
                    <a:pt x="1363" y="5236"/>
                  </a:lnTo>
                  <a:lnTo>
                    <a:pt x="1423" y="5272"/>
                  </a:lnTo>
                  <a:lnTo>
                    <a:pt x="1484" y="5307"/>
                  </a:lnTo>
                  <a:lnTo>
                    <a:pt x="1547" y="5341"/>
                  </a:lnTo>
                  <a:lnTo>
                    <a:pt x="1610" y="5372"/>
                  </a:lnTo>
                  <a:lnTo>
                    <a:pt x="1674" y="5404"/>
                  </a:lnTo>
                  <a:lnTo>
                    <a:pt x="1739" y="5433"/>
                  </a:lnTo>
                  <a:lnTo>
                    <a:pt x="1805" y="5461"/>
                  </a:lnTo>
                  <a:lnTo>
                    <a:pt x="1871" y="5487"/>
                  </a:lnTo>
                  <a:lnTo>
                    <a:pt x="1939" y="5512"/>
                  </a:lnTo>
                  <a:lnTo>
                    <a:pt x="2007" y="5534"/>
                  </a:lnTo>
                  <a:lnTo>
                    <a:pt x="2076" y="5556"/>
                  </a:lnTo>
                  <a:lnTo>
                    <a:pt x="2145" y="5576"/>
                  </a:lnTo>
                  <a:lnTo>
                    <a:pt x="2216" y="5595"/>
                  </a:lnTo>
                  <a:lnTo>
                    <a:pt x="2287" y="5611"/>
                  </a:lnTo>
                  <a:lnTo>
                    <a:pt x="2358" y="5626"/>
                  </a:lnTo>
                  <a:lnTo>
                    <a:pt x="2431" y="5640"/>
                  </a:lnTo>
                  <a:lnTo>
                    <a:pt x="2504" y="5651"/>
                  </a:lnTo>
                  <a:lnTo>
                    <a:pt x="2577" y="5662"/>
                  </a:lnTo>
                  <a:lnTo>
                    <a:pt x="2651" y="5669"/>
                  </a:lnTo>
                  <a:lnTo>
                    <a:pt x="2726" y="5676"/>
                  </a:lnTo>
                  <a:lnTo>
                    <a:pt x="2801" y="5680"/>
                  </a:lnTo>
                  <a:lnTo>
                    <a:pt x="2877" y="5683"/>
                  </a:lnTo>
                  <a:lnTo>
                    <a:pt x="2953" y="568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9" name="Freeform 288">
              <a:extLst>
                <a:ext uri="{FF2B5EF4-FFF2-40B4-BE49-F238E27FC236}">
                  <a16:creationId xmlns:a16="http://schemas.microsoft.com/office/drawing/2014/main" xmlns="" id="{DCDBA93D-4229-364E-B278-929B959BFB4F}"/>
                </a:ext>
              </a:extLst>
            </p:cNvPr>
            <p:cNvSpPr>
              <a:spLocks/>
            </p:cNvSpPr>
            <p:nvPr/>
          </p:nvSpPr>
          <p:spPr bwMode="auto">
            <a:xfrm flipH="1">
              <a:off x="6888816" y="979354"/>
              <a:ext cx="4614915" cy="4625416"/>
            </a:xfrm>
            <a:custGeom>
              <a:avLst/>
              <a:gdLst>
                <a:gd name="T0" fmla="*/ 2837 w 5270"/>
                <a:gd name="T1" fmla="*/ 5066 h 5074"/>
                <a:gd name="T2" fmla="*/ 3165 w 5270"/>
                <a:gd name="T3" fmla="*/ 5022 h 5074"/>
                <a:gd name="T4" fmla="*/ 3480 w 5270"/>
                <a:gd name="T5" fmla="*/ 4940 h 5074"/>
                <a:gd name="T6" fmla="*/ 3777 w 5270"/>
                <a:gd name="T7" fmla="*/ 4823 h 5074"/>
                <a:gd name="T8" fmla="*/ 4054 w 5270"/>
                <a:gd name="T9" fmla="*/ 4673 h 5074"/>
                <a:gd name="T10" fmla="*/ 4310 w 5270"/>
                <a:gd name="T11" fmla="*/ 4494 h 5074"/>
                <a:gd name="T12" fmla="*/ 4542 w 5270"/>
                <a:gd name="T13" fmla="*/ 4286 h 5074"/>
                <a:gd name="T14" fmla="*/ 4746 w 5270"/>
                <a:gd name="T15" fmla="*/ 4054 h 5074"/>
                <a:gd name="T16" fmla="*/ 4920 w 5270"/>
                <a:gd name="T17" fmla="*/ 3798 h 5074"/>
                <a:gd name="T18" fmla="*/ 5062 w 5270"/>
                <a:gd name="T19" fmla="*/ 3524 h 5074"/>
                <a:gd name="T20" fmla="*/ 5170 w 5270"/>
                <a:gd name="T21" fmla="*/ 3230 h 5074"/>
                <a:gd name="T22" fmla="*/ 5240 w 5270"/>
                <a:gd name="T23" fmla="*/ 2923 h 5074"/>
                <a:gd name="T24" fmla="*/ 5269 w 5270"/>
                <a:gd name="T25" fmla="*/ 2603 h 5074"/>
                <a:gd name="T26" fmla="*/ 5262 w 5270"/>
                <a:gd name="T27" fmla="*/ 2343 h 5074"/>
                <a:gd name="T28" fmla="*/ 5216 w 5270"/>
                <a:gd name="T29" fmla="*/ 2026 h 5074"/>
                <a:gd name="T30" fmla="*/ 5131 w 5270"/>
                <a:gd name="T31" fmla="*/ 1724 h 5074"/>
                <a:gd name="T32" fmla="*/ 5010 w 5270"/>
                <a:gd name="T33" fmla="*/ 1439 h 5074"/>
                <a:gd name="T34" fmla="*/ 4854 w 5270"/>
                <a:gd name="T35" fmla="*/ 1171 h 5074"/>
                <a:gd name="T36" fmla="*/ 4668 w 5270"/>
                <a:gd name="T37" fmla="*/ 925 h 5074"/>
                <a:gd name="T38" fmla="*/ 4452 w 5270"/>
                <a:gd name="T39" fmla="*/ 701 h 5074"/>
                <a:gd name="T40" fmla="*/ 4211 w 5270"/>
                <a:gd name="T41" fmla="*/ 505 h 5074"/>
                <a:gd name="T42" fmla="*/ 3945 w 5270"/>
                <a:gd name="T43" fmla="*/ 337 h 5074"/>
                <a:gd name="T44" fmla="*/ 3660 w 5270"/>
                <a:gd name="T45" fmla="*/ 200 h 5074"/>
                <a:gd name="T46" fmla="*/ 3355 w 5270"/>
                <a:gd name="T47" fmla="*/ 97 h 5074"/>
                <a:gd name="T48" fmla="*/ 3035 w 5270"/>
                <a:gd name="T49" fmla="*/ 30 h 5074"/>
                <a:gd name="T50" fmla="*/ 2703 w 5270"/>
                <a:gd name="T51" fmla="*/ 1 h 5074"/>
                <a:gd name="T52" fmla="*/ 2433 w 5270"/>
                <a:gd name="T53" fmla="*/ 8 h 5074"/>
                <a:gd name="T54" fmla="*/ 2104 w 5270"/>
                <a:gd name="T55" fmla="*/ 52 h 5074"/>
                <a:gd name="T56" fmla="*/ 1790 w 5270"/>
                <a:gd name="T57" fmla="*/ 134 h 5074"/>
                <a:gd name="T58" fmla="*/ 1494 w 5270"/>
                <a:gd name="T59" fmla="*/ 251 h 5074"/>
                <a:gd name="T60" fmla="*/ 1216 w 5270"/>
                <a:gd name="T61" fmla="*/ 401 h 5074"/>
                <a:gd name="T62" fmla="*/ 960 w 5270"/>
                <a:gd name="T63" fmla="*/ 580 h 5074"/>
                <a:gd name="T64" fmla="*/ 728 w 5270"/>
                <a:gd name="T65" fmla="*/ 788 h 5074"/>
                <a:gd name="T66" fmla="*/ 524 w 5270"/>
                <a:gd name="T67" fmla="*/ 1020 h 5074"/>
                <a:gd name="T68" fmla="*/ 350 w 5270"/>
                <a:gd name="T69" fmla="*/ 1276 h 5074"/>
                <a:gd name="T70" fmla="*/ 207 w 5270"/>
                <a:gd name="T71" fmla="*/ 1551 h 5074"/>
                <a:gd name="T72" fmla="*/ 100 w 5270"/>
                <a:gd name="T73" fmla="*/ 1844 h 5074"/>
                <a:gd name="T74" fmla="*/ 30 w 5270"/>
                <a:gd name="T75" fmla="*/ 2152 h 5074"/>
                <a:gd name="T76" fmla="*/ 1 w 5270"/>
                <a:gd name="T77" fmla="*/ 2471 h 5074"/>
                <a:gd name="T78" fmla="*/ 8 w 5270"/>
                <a:gd name="T79" fmla="*/ 2733 h 5074"/>
                <a:gd name="T80" fmla="*/ 54 w 5270"/>
                <a:gd name="T81" fmla="*/ 3048 h 5074"/>
                <a:gd name="T82" fmla="*/ 139 w 5270"/>
                <a:gd name="T83" fmla="*/ 3350 h 5074"/>
                <a:gd name="T84" fmla="*/ 260 w 5270"/>
                <a:gd name="T85" fmla="*/ 3636 h 5074"/>
                <a:gd name="T86" fmla="*/ 416 w 5270"/>
                <a:gd name="T87" fmla="*/ 3903 h 5074"/>
                <a:gd name="T88" fmla="*/ 602 w 5270"/>
                <a:gd name="T89" fmla="*/ 4149 h 5074"/>
                <a:gd name="T90" fmla="*/ 818 w 5270"/>
                <a:gd name="T91" fmla="*/ 4373 h 5074"/>
                <a:gd name="T92" fmla="*/ 1059 w 5270"/>
                <a:gd name="T93" fmla="*/ 4569 h 5074"/>
                <a:gd name="T94" fmla="*/ 1325 w 5270"/>
                <a:gd name="T95" fmla="*/ 4737 h 5074"/>
                <a:gd name="T96" fmla="*/ 1611 w 5270"/>
                <a:gd name="T97" fmla="*/ 4874 h 5074"/>
                <a:gd name="T98" fmla="*/ 1915 w 5270"/>
                <a:gd name="T99" fmla="*/ 4978 h 5074"/>
                <a:gd name="T100" fmla="*/ 2234 w 5270"/>
                <a:gd name="T101" fmla="*/ 5045 h 5074"/>
                <a:gd name="T102" fmla="*/ 2566 w 5270"/>
                <a:gd name="T103" fmla="*/ 5073 h 50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270" h="5074">
                  <a:moveTo>
                    <a:pt x="2635" y="5074"/>
                  </a:moveTo>
                  <a:lnTo>
                    <a:pt x="2635" y="5074"/>
                  </a:lnTo>
                  <a:lnTo>
                    <a:pt x="2703" y="5073"/>
                  </a:lnTo>
                  <a:lnTo>
                    <a:pt x="2771" y="5070"/>
                  </a:lnTo>
                  <a:lnTo>
                    <a:pt x="2837" y="5066"/>
                  </a:lnTo>
                  <a:lnTo>
                    <a:pt x="2904" y="5061"/>
                  </a:lnTo>
                  <a:lnTo>
                    <a:pt x="2970" y="5053"/>
                  </a:lnTo>
                  <a:lnTo>
                    <a:pt x="3035" y="5045"/>
                  </a:lnTo>
                  <a:lnTo>
                    <a:pt x="3100" y="5034"/>
                  </a:lnTo>
                  <a:lnTo>
                    <a:pt x="3165" y="5022"/>
                  </a:lnTo>
                  <a:lnTo>
                    <a:pt x="3229" y="5009"/>
                  </a:lnTo>
                  <a:lnTo>
                    <a:pt x="3292" y="4994"/>
                  </a:lnTo>
                  <a:lnTo>
                    <a:pt x="3355" y="4978"/>
                  </a:lnTo>
                  <a:lnTo>
                    <a:pt x="3418" y="4959"/>
                  </a:lnTo>
                  <a:lnTo>
                    <a:pt x="3480" y="4940"/>
                  </a:lnTo>
                  <a:lnTo>
                    <a:pt x="3540" y="4919"/>
                  </a:lnTo>
                  <a:lnTo>
                    <a:pt x="3601" y="4898"/>
                  </a:lnTo>
                  <a:lnTo>
                    <a:pt x="3660" y="4874"/>
                  </a:lnTo>
                  <a:lnTo>
                    <a:pt x="3719" y="4849"/>
                  </a:lnTo>
                  <a:lnTo>
                    <a:pt x="3777" y="4823"/>
                  </a:lnTo>
                  <a:lnTo>
                    <a:pt x="3834" y="4796"/>
                  </a:lnTo>
                  <a:lnTo>
                    <a:pt x="3890" y="4767"/>
                  </a:lnTo>
                  <a:lnTo>
                    <a:pt x="3945" y="4737"/>
                  </a:lnTo>
                  <a:lnTo>
                    <a:pt x="4000" y="4707"/>
                  </a:lnTo>
                  <a:lnTo>
                    <a:pt x="4054" y="4673"/>
                  </a:lnTo>
                  <a:lnTo>
                    <a:pt x="4107" y="4640"/>
                  </a:lnTo>
                  <a:lnTo>
                    <a:pt x="4159" y="4605"/>
                  </a:lnTo>
                  <a:lnTo>
                    <a:pt x="4211" y="4569"/>
                  </a:lnTo>
                  <a:lnTo>
                    <a:pt x="4260" y="4532"/>
                  </a:lnTo>
                  <a:lnTo>
                    <a:pt x="4310" y="4494"/>
                  </a:lnTo>
                  <a:lnTo>
                    <a:pt x="4358" y="4455"/>
                  </a:lnTo>
                  <a:lnTo>
                    <a:pt x="4406" y="4414"/>
                  </a:lnTo>
                  <a:lnTo>
                    <a:pt x="4452" y="4373"/>
                  </a:lnTo>
                  <a:lnTo>
                    <a:pt x="4497" y="4330"/>
                  </a:lnTo>
                  <a:lnTo>
                    <a:pt x="4542" y="4286"/>
                  </a:lnTo>
                  <a:lnTo>
                    <a:pt x="4585" y="4242"/>
                  </a:lnTo>
                  <a:lnTo>
                    <a:pt x="4627" y="4196"/>
                  </a:lnTo>
                  <a:lnTo>
                    <a:pt x="4668" y="4149"/>
                  </a:lnTo>
                  <a:lnTo>
                    <a:pt x="4707" y="4102"/>
                  </a:lnTo>
                  <a:lnTo>
                    <a:pt x="4746" y="4054"/>
                  </a:lnTo>
                  <a:lnTo>
                    <a:pt x="4783" y="4005"/>
                  </a:lnTo>
                  <a:lnTo>
                    <a:pt x="4819" y="3954"/>
                  </a:lnTo>
                  <a:lnTo>
                    <a:pt x="4854" y="3903"/>
                  </a:lnTo>
                  <a:lnTo>
                    <a:pt x="4889" y="3851"/>
                  </a:lnTo>
                  <a:lnTo>
                    <a:pt x="4920" y="3798"/>
                  </a:lnTo>
                  <a:lnTo>
                    <a:pt x="4951" y="3745"/>
                  </a:lnTo>
                  <a:lnTo>
                    <a:pt x="4982" y="3691"/>
                  </a:lnTo>
                  <a:lnTo>
                    <a:pt x="5010" y="3636"/>
                  </a:lnTo>
                  <a:lnTo>
                    <a:pt x="5037" y="3580"/>
                  </a:lnTo>
                  <a:lnTo>
                    <a:pt x="5062" y="3524"/>
                  </a:lnTo>
                  <a:lnTo>
                    <a:pt x="5087" y="3467"/>
                  </a:lnTo>
                  <a:lnTo>
                    <a:pt x="5110" y="3409"/>
                  </a:lnTo>
                  <a:lnTo>
                    <a:pt x="5131" y="3350"/>
                  </a:lnTo>
                  <a:lnTo>
                    <a:pt x="5151" y="3291"/>
                  </a:lnTo>
                  <a:lnTo>
                    <a:pt x="5170" y="3230"/>
                  </a:lnTo>
                  <a:lnTo>
                    <a:pt x="5187" y="3170"/>
                  </a:lnTo>
                  <a:lnTo>
                    <a:pt x="5203" y="3109"/>
                  </a:lnTo>
                  <a:lnTo>
                    <a:pt x="5216" y="3048"/>
                  </a:lnTo>
                  <a:lnTo>
                    <a:pt x="5228" y="2985"/>
                  </a:lnTo>
                  <a:lnTo>
                    <a:pt x="5240" y="2923"/>
                  </a:lnTo>
                  <a:lnTo>
                    <a:pt x="5249" y="2860"/>
                  </a:lnTo>
                  <a:lnTo>
                    <a:pt x="5257" y="2796"/>
                  </a:lnTo>
                  <a:lnTo>
                    <a:pt x="5262" y="2733"/>
                  </a:lnTo>
                  <a:lnTo>
                    <a:pt x="5267" y="2668"/>
                  </a:lnTo>
                  <a:lnTo>
                    <a:pt x="5269" y="2603"/>
                  </a:lnTo>
                  <a:lnTo>
                    <a:pt x="5270" y="2537"/>
                  </a:lnTo>
                  <a:lnTo>
                    <a:pt x="5270" y="2537"/>
                  </a:lnTo>
                  <a:lnTo>
                    <a:pt x="5269" y="2471"/>
                  </a:lnTo>
                  <a:lnTo>
                    <a:pt x="5267" y="2406"/>
                  </a:lnTo>
                  <a:lnTo>
                    <a:pt x="5262" y="2343"/>
                  </a:lnTo>
                  <a:lnTo>
                    <a:pt x="5257" y="2278"/>
                  </a:lnTo>
                  <a:lnTo>
                    <a:pt x="5249" y="2214"/>
                  </a:lnTo>
                  <a:lnTo>
                    <a:pt x="5240" y="2152"/>
                  </a:lnTo>
                  <a:lnTo>
                    <a:pt x="5228" y="2089"/>
                  </a:lnTo>
                  <a:lnTo>
                    <a:pt x="5216" y="2026"/>
                  </a:lnTo>
                  <a:lnTo>
                    <a:pt x="5203" y="1965"/>
                  </a:lnTo>
                  <a:lnTo>
                    <a:pt x="5187" y="1904"/>
                  </a:lnTo>
                  <a:lnTo>
                    <a:pt x="5170" y="1844"/>
                  </a:lnTo>
                  <a:lnTo>
                    <a:pt x="5151" y="1783"/>
                  </a:lnTo>
                  <a:lnTo>
                    <a:pt x="5131" y="1724"/>
                  </a:lnTo>
                  <a:lnTo>
                    <a:pt x="5110" y="1666"/>
                  </a:lnTo>
                  <a:lnTo>
                    <a:pt x="5087" y="1608"/>
                  </a:lnTo>
                  <a:lnTo>
                    <a:pt x="5062" y="1551"/>
                  </a:lnTo>
                  <a:lnTo>
                    <a:pt x="5037" y="1494"/>
                  </a:lnTo>
                  <a:lnTo>
                    <a:pt x="5010" y="1439"/>
                  </a:lnTo>
                  <a:lnTo>
                    <a:pt x="4982" y="1384"/>
                  </a:lnTo>
                  <a:lnTo>
                    <a:pt x="4951" y="1329"/>
                  </a:lnTo>
                  <a:lnTo>
                    <a:pt x="4920" y="1276"/>
                  </a:lnTo>
                  <a:lnTo>
                    <a:pt x="4889" y="1223"/>
                  </a:lnTo>
                  <a:lnTo>
                    <a:pt x="4854" y="1171"/>
                  </a:lnTo>
                  <a:lnTo>
                    <a:pt x="4819" y="1120"/>
                  </a:lnTo>
                  <a:lnTo>
                    <a:pt x="4783" y="1070"/>
                  </a:lnTo>
                  <a:lnTo>
                    <a:pt x="4746" y="1020"/>
                  </a:lnTo>
                  <a:lnTo>
                    <a:pt x="4707" y="972"/>
                  </a:lnTo>
                  <a:lnTo>
                    <a:pt x="4668" y="925"/>
                  </a:lnTo>
                  <a:lnTo>
                    <a:pt x="4627" y="878"/>
                  </a:lnTo>
                  <a:lnTo>
                    <a:pt x="4585" y="832"/>
                  </a:lnTo>
                  <a:lnTo>
                    <a:pt x="4542" y="788"/>
                  </a:lnTo>
                  <a:lnTo>
                    <a:pt x="4497" y="744"/>
                  </a:lnTo>
                  <a:lnTo>
                    <a:pt x="4452" y="701"/>
                  </a:lnTo>
                  <a:lnTo>
                    <a:pt x="4406" y="660"/>
                  </a:lnTo>
                  <a:lnTo>
                    <a:pt x="4358" y="620"/>
                  </a:lnTo>
                  <a:lnTo>
                    <a:pt x="4310" y="580"/>
                  </a:lnTo>
                  <a:lnTo>
                    <a:pt x="4260" y="543"/>
                  </a:lnTo>
                  <a:lnTo>
                    <a:pt x="4211" y="505"/>
                  </a:lnTo>
                  <a:lnTo>
                    <a:pt x="4159" y="469"/>
                  </a:lnTo>
                  <a:lnTo>
                    <a:pt x="4107" y="435"/>
                  </a:lnTo>
                  <a:lnTo>
                    <a:pt x="4054" y="401"/>
                  </a:lnTo>
                  <a:lnTo>
                    <a:pt x="4000" y="369"/>
                  </a:lnTo>
                  <a:lnTo>
                    <a:pt x="3945" y="337"/>
                  </a:lnTo>
                  <a:lnTo>
                    <a:pt x="3890" y="307"/>
                  </a:lnTo>
                  <a:lnTo>
                    <a:pt x="3834" y="278"/>
                  </a:lnTo>
                  <a:lnTo>
                    <a:pt x="3777" y="251"/>
                  </a:lnTo>
                  <a:lnTo>
                    <a:pt x="3719" y="225"/>
                  </a:lnTo>
                  <a:lnTo>
                    <a:pt x="3660" y="200"/>
                  </a:lnTo>
                  <a:lnTo>
                    <a:pt x="3601" y="176"/>
                  </a:lnTo>
                  <a:lnTo>
                    <a:pt x="3540" y="155"/>
                  </a:lnTo>
                  <a:lnTo>
                    <a:pt x="3480" y="134"/>
                  </a:lnTo>
                  <a:lnTo>
                    <a:pt x="3418" y="115"/>
                  </a:lnTo>
                  <a:lnTo>
                    <a:pt x="3355" y="97"/>
                  </a:lnTo>
                  <a:lnTo>
                    <a:pt x="3292" y="80"/>
                  </a:lnTo>
                  <a:lnTo>
                    <a:pt x="3229" y="65"/>
                  </a:lnTo>
                  <a:lnTo>
                    <a:pt x="3165" y="52"/>
                  </a:lnTo>
                  <a:lnTo>
                    <a:pt x="3100" y="40"/>
                  </a:lnTo>
                  <a:lnTo>
                    <a:pt x="3035" y="30"/>
                  </a:lnTo>
                  <a:lnTo>
                    <a:pt x="2970" y="21"/>
                  </a:lnTo>
                  <a:lnTo>
                    <a:pt x="2904" y="13"/>
                  </a:lnTo>
                  <a:lnTo>
                    <a:pt x="2837" y="8"/>
                  </a:lnTo>
                  <a:lnTo>
                    <a:pt x="2771" y="4"/>
                  </a:lnTo>
                  <a:lnTo>
                    <a:pt x="2703" y="1"/>
                  </a:lnTo>
                  <a:lnTo>
                    <a:pt x="2635" y="0"/>
                  </a:lnTo>
                  <a:lnTo>
                    <a:pt x="2635" y="0"/>
                  </a:lnTo>
                  <a:lnTo>
                    <a:pt x="2566" y="1"/>
                  </a:lnTo>
                  <a:lnTo>
                    <a:pt x="2499" y="4"/>
                  </a:lnTo>
                  <a:lnTo>
                    <a:pt x="2433" y="8"/>
                  </a:lnTo>
                  <a:lnTo>
                    <a:pt x="2366" y="13"/>
                  </a:lnTo>
                  <a:lnTo>
                    <a:pt x="2299" y="21"/>
                  </a:lnTo>
                  <a:lnTo>
                    <a:pt x="2234" y="30"/>
                  </a:lnTo>
                  <a:lnTo>
                    <a:pt x="2169" y="40"/>
                  </a:lnTo>
                  <a:lnTo>
                    <a:pt x="2104" y="52"/>
                  </a:lnTo>
                  <a:lnTo>
                    <a:pt x="2040" y="65"/>
                  </a:lnTo>
                  <a:lnTo>
                    <a:pt x="1978" y="80"/>
                  </a:lnTo>
                  <a:lnTo>
                    <a:pt x="1915" y="97"/>
                  </a:lnTo>
                  <a:lnTo>
                    <a:pt x="1852" y="115"/>
                  </a:lnTo>
                  <a:lnTo>
                    <a:pt x="1790" y="134"/>
                  </a:lnTo>
                  <a:lnTo>
                    <a:pt x="1730" y="155"/>
                  </a:lnTo>
                  <a:lnTo>
                    <a:pt x="1670" y="176"/>
                  </a:lnTo>
                  <a:lnTo>
                    <a:pt x="1611" y="200"/>
                  </a:lnTo>
                  <a:lnTo>
                    <a:pt x="1551" y="225"/>
                  </a:lnTo>
                  <a:lnTo>
                    <a:pt x="1494" y="251"/>
                  </a:lnTo>
                  <a:lnTo>
                    <a:pt x="1437" y="278"/>
                  </a:lnTo>
                  <a:lnTo>
                    <a:pt x="1380" y="307"/>
                  </a:lnTo>
                  <a:lnTo>
                    <a:pt x="1325" y="337"/>
                  </a:lnTo>
                  <a:lnTo>
                    <a:pt x="1270" y="369"/>
                  </a:lnTo>
                  <a:lnTo>
                    <a:pt x="1216" y="401"/>
                  </a:lnTo>
                  <a:lnTo>
                    <a:pt x="1163" y="435"/>
                  </a:lnTo>
                  <a:lnTo>
                    <a:pt x="1110" y="469"/>
                  </a:lnTo>
                  <a:lnTo>
                    <a:pt x="1059" y="505"/>
                  </a:lnTo>
                  <a:lnTo>
                    <a:pt x="1009" y="543"/>
                  </a:lnTo>
                  <a:lnTo>
                    <a:pt x="960" y="580"/>
                  </a:lnTo>
                  <a:lnTo>
                    <a:pt x="912" y="620"/>
                  </a:lnTo>
                  <a:lnTo>
                    <a:pt x="864" y="660"/>
                  </a:lnTo>
                  <a:lnTo>
                    <a:pt x="818" y="701"/>
                  </a:lnTo>
                  <a:lnTo>
                    <a:pt x="773" y="744"/>
                  </a:lnTo>
                  <a:lnTo>
                    <a:pt x="728" y="788"/>
                  </a:lnTo>
                  <a:lnTo>
                    <a:pt x="685" y="832"/>
                  </a:lnTo>
                  <a:lnTo>
                    <a:pt x="644" y="878"/>
                  </a:lnTo>
                  <a:lnTo>
                    <a:pt x="602" y="925"/>
                  </a:lnTo>
                  <a:lnTo>
                    <a:pt x="563" y="972"/>
                  </a:lnTo>
                  <a:lnTo>
                    <a:pt x="524" y="1020"/>
                  </a:lnTo>
                  <a:lnTo>
                    <a:pt x="487" y="1070"/>
                  </a:lnTo>
                  <a:lnTo>
                    <a:pt x="451" y="1120"/>
                  </a:lnTo>
                  <a:lnTo>
                    <a:pt x="416" y="1171"/>
                  </a:lnTo>
                  <a:lnTo>
                    <a:pt x="382" y="1223"/>
                  </a:lnTo>
                  <a:lnTo>
                    <a:pt x="350" y="1276"/>
                  </a:lnTo>
                  <a:lnTo>
                    <a:pt x="318" y="1329"/>
                  </a:lnTo>
                  <a:lnTo>
                    <a:pt x="288" y="1384"/>
                  </a:lnTo>
                  <a:lnTo>
                    <a:pt x="260" y="1439"/>
                  </a:lnTo>
                  <a:lnTo>
                    <a:pt x="233" y="1494"/>
                  </a:lnTo>
                  <a:lnTo>
                    <a:pt x="207" y="1551"/>
                  </a:lnTo>
                  <a:lnTo>
                    <a:pt x="183" y="1608"/>
                  </a:lnTo>
                  <a:lnTo>
                    <a:pt x="160" y="1666"/>
                  </a:lnTo>
                  <a:lnTo>
                    <a:pt x="139" y="1724"/>
                  </a:lnTo>
                  <a:lnTo>
                    <a:pt x="119" y="1783"/>
                  </a:lnTo>
                  <a:lnTo>
                    <a:pt x="100" y="1844"/>
                  </a:lnTo>
                  <a:lnTo>
                    <a:pt x="83" y="1904"/>
                  </a:lnTo>
                  <a:lnTo>
                    <a:pt x="67" y="1965"/>
                  </a:lnTo>
                  <a:lnTo>
                    <a:pt x="54" y="2026"/>
                  </a:lnTo>
                  <a:lnTo>
                    <a:pt x="41" y="2089"/>
                  </a:lnTo>
                  <a:lnTo>
                    <a:pt x="30" y="2152"/>
                  </a:lnTo>
                  <a:lnTo>
                    <a:pt x="21" y="2214"/>
                  </a:lnTo>
                  <a:lnTo>
                    <a:pt x="13" y="2278"/>
                  </a:lnTo>
                  <a:lnTo>
                    <a:pt x="8" y="2343"/>
                  </a:lnTo>
                  <a:lnTo>
                    <a:pt x="3" y="2406"/>
                  </a:lnTo>
                  <a:lnTo>
                    <a:pt x="1" y="2471"/>
                  </a:lnTo>
                  <a:lnTo>
                    <a:pt x="0" y="2537"/>
                  </a:lnTo>
                  <a:lnTo>
                    <a:pt x="0" y="2537"/>
                  </a:lnTo>
                  <a:lnTo>
                    <a:pt x="1" y="2603"/>
                  </a:lnTo>
                  <a:lnTo>
                    <a:pt x="3" y="2668"/>
                  </a:lnTo>
                  <a:lnTo>
                    <a:pt x="8" y="2733"/>
                  </a:lnTo>
                  <a:lnTo>
                    <a:pt x="13" y="2796"/>
                  </a:lnTo>
                  <a:lnTo>
                    <a:pt x="21" y="2860"/>
                  </a:lnTo>
                  <a:lnTo>
                    <a:pt x="30" y="2923"/>
                  </a:lnTo>
                  <a:lnTo>
                    <a:pt x="41" y="2985"/>
                  </a:lnTo>
                  <a:lnTo>
                    <a:pt x="54" y="3048"/>
                  </a:lnTo>
                  <a:lnTo>
                    <a:pt x="67" y="3109"/>
                  </a:lnTo>
                  <a:lnTo>
                    <a:pt x="83" y="3170"/>
                  </a:lnTo>
                  <a:lnTo>
                    <a:pt x="100" y="3230"/>
                  </a:lnTo>
                  <a:lnTo>
                    <a:pt x="119" y="3291"/>
                  </a:lnTo>
                  <a:lnTo>
                    <a:pt x="139" y="3350"/>
                  </a:lnTo>
                  <a:lnTo>
                    <a:pt x="160" y="3409"/>
                  </a:lnTo>
                  <a:lnTo>
                    <a:pt x="183" y="3467"/>
                  </a:lnTo>
                  <a:lnTo>
                    <a:pt x="207" y="3524"/>
                  </a:lnTo>
                  <a:lnTo>
                    <a:pt x="233" y="3580"/>
                  </a:lnTo>
                  <a:lnTo>
                    <a:pt x="260" y="3636"/>
                  </a:lnTo>
                  <a:lnTo>
                    <a:pt x="288" y="3691"/>
                  </a:lnTo>
                  <a:lnTo>
                    <a:pt x="318" y="3745"/>
                  </a:lnTo>
                  <a:lnTo>
                    <a:pt x="350" y="3798"/>
                  </a:lnTo>
                  <a:lnTo>
                    <a:pt x="382" y="3851"/>
                  </a:lnTo>
                  <a:lnTo>
                    <a:pt x="416" y="3903"/>
                  </a:lnTo>
                  <a:lnTo>
                    <a:pt x="451" y="3954"/>
                  </a:lnTo>
                  <a:lnTo>
                    <a:pt x="487" y="4005"/>
                  </a:lnTo>
                  <a:lnTo>
                    <a:pt x="524" y="4054"/>
                  </a:lnTo>
                  <a:lnTo>
                    <a:pt x="563" y="4102"/>
                  </a:lnTo>
                  <a:lnTo>
                    <a:pt x="602" y="4149"/>
                  </a:lnTo>
                  <a:lnTo>
                    <a:pt x="644" y="4196"/>
                  </a:lnTo>
                  <a:lnTo>
                    <a:pt x="685" y="4242"/>
                  </a:lnTo>
                  <a:lnTo>
                    <a:pt x="728" y="4286"/>
                  </a:lnTo>
                  <a:lnTo>
                    <a:pt x="773" y="4330"/>
                  </a:lnTo>
                  <a:lnTo>
                    <a:pt x="818" y="4373"/>
                  </a:lnTo>
                  <a:lnTo>
                    <a:pt x="864" y="4414"/>
                  </a:lnTo>
                  <a:lnTo>
                    <a:pt x="912" y="4455"/>
                  </a:lnTo>
                  <a:lnTo>
                    <a:pt x="960" y="4494"/>
                  </a:lnTo>
                  <a:lnTo>
                    <a:pt x="1009" y="4532"/>
                  </a:lnTo>
                  <a:lnTo>
                    <a:pt x="1059" y="4569"/>
                  </a:lnTo>
                  <a:lnTo>
                    <a:pt x="1110" y="4605"/>
                  </a:lnTo>
                  <a:lnTo>
                    <a:pt x="1163" y="4640"/>
                  </a:lnTo>
                  <a:lnTo>
                    <a:pt x="1216" y="4673"/>
                  </a:lnTo>
                  <a:lnTo>
                    <a:pt x="1270" y="4707"/>
                  </a:lnTo>
                  <a:lnTo>
                    <a:pt x="1325" y="4737"/>
                  </a:lnTo>
                  <a:lnTo>
                    <a:pt x="1380" y="4767"/>
                  </a:lnTo>
                  <a:lnTo>
                    <a:pt x="1437" y="4796"/>
                  </a:lnTo>
                  <a:lnTo>
                    <a:pt x="1494" y="4823"/>
                  </a:lnTo>
                  <a:lnTo>
                    <a:pt x="1551" y="4849"/>
                  </a:lnTo>
                  <a:lnTo>
                    <a:pt x="1611" y="4874"/>
                  </a:lnTo>
                  <a:lnTo>
                    <a:pt x="1670" y="4898"/>
                  </a:lnTo>
                  <a:lnTo>
                    <a:pt x="1730" y="4919"/>
                  </a:lnTo>
                  <a:lnTo>
                    <a:pt x="1790" y="4940"/>
                  </a:lnTo>
                  <a:lnTo>
                    <a:pt x="1852" y="4959"/>
                  </a:lnTo>
                  <a:lnTo>
                    <a:pt x="1915" y="4978"/>
                  </a:lnTo>
                  <a:lnTo>
                    <a:pt x="1978" y="4994"/>
                  </a:lnTo>
                  <a:lnTo>
                    <a:pt x="2040" y="5009"/>
                  </a:lnTo>
                  <a:lnTo>
                    <a:pt x="2104" y="5022"/>
                  </a:lnTo>
                  <a:lnTo>
                    <a:pt x="2169" y="5034"/>
                  </a:lnTo>
                  <a:lnTo>
                    <a:pt x="2234" y="5045"/>
                  </a:lnTo>
                  <a:lnTo>
                    <a:pt x="2299" y="5053"/>
                  </a:lnTo>
                  <a:lnTo>
                    <a:pt x="2366" y="5061"/>
                  </a:lnTo>
                  <a:lnTo>
                    <a:pt x="2433" y="5066"/>
                  </a:lnTo>
                  <a:lnTo>
                    <a:pt x="2499" y="5070"/>
                  </a:lnTo>
                  <a:lnTo>
                    <a:pt x="2566" y="5073"/>
                  </a:lnTo>
                  <a:lnTo>
                    <a:pt x="2635" y="5074"/>
                  </a:lnTo>
                  <a:close/>
                </a:path>
              </a:pathLst>
            </a:custGeom>
            <a:solidFill>
              <a:schemeClr val="bg1">
                <a:lumMod val="9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0" name="Freeform 289">
              <a:extLst>
                <a:ext uri="{FF2B5EF4-FFF2-40B4-BE49-F238E27FC236}">
                  <a16:creationId xmlns:a16="http://schemas.microsoft.com/office/drawing/2014/main" xmlns="" id="{2859F477-84D5-1144-97E0-06EF8C9CA5DA}"/>
                </a:ext>
              </a:extLst>
            </p:cNvPr>
            <p:cNvSpPr>
              <a:spLocks/>
            </p:cNvSpPr>
            <p:nvPr/>
          </p:nvSpPr>
          <p:spPr bwMode="auto">
            <a:xfrm flipH="1">
              <a:off x="6888816" y="979354"/>
              <a:ext cx="4614915" cy="4625416"/>
            </a:xfrm>
            <a:custGeom>
              <a:avLst/>
              <a:gdLst>
                <a:gd name="T0" fmla="*/ 2837 w 5270"/>
                <a:gd name="T1" fmla="*/ 5066 h 5074"/>
                <a:gd name="T2" fmla="*/ 3165 w 5270"/>
                <a:gd name="T3" fmla="*/ 5022 h 5074"/>
                <a:gd name="T4" fmla="*/ 3480 w 5270"/>
                <a:gd name="T5" fmla="*/ 4940 h 5074"/>
                <a:gd name="T6" fmla="*/ 3777 w 5270"/>
                <a:gd name="T7" fmla="*/ 4823 h 5074"/>
                <a:gd name="T8" fmla="*/ 4054 w 5270"/>
                <a:gd name="T9" fmla="*/ 4673 h 5074"/>
                <a:gd name="T10" fmla="*/ 4310 w 5270"/>
                <a:gd name="T11" fmla="*/ 4494 h 5074"/>
                <a:gd name="T12" fmla="*/ 4542 w 5270"/>
                <a:gd name="T13" fmla="*/ 4286 h 5074"/>
                <a:gd name="T14" fmla="*/ 4746 w 5270"/>
                <a:gd name="T15" fmla="*/ 4054 h 5074"/>
                <a:gd name="T16" fmla="*/ 4920 w 5270"/>
                <a:gd name="T17" fmla="*/ 3798 h 5074"/>
                <a:gd name="T18" fmla="*/ 5062 w 5270"/>
                <a:gd name="T19" fmla="*/ 3524 h 5074"/>
                <a:gd name="T20" fmla="*/ 5170 w 5270"/>
                <a:gd name="T21" fmla="*/ 3230 h 5074"/>
                <a:gd name="T22" fmla="*/ 5240 w 5270"/>
                <a:gd name="T23" fmla="*/ 2923 h 5074"/>
                <a:gd name="T24" fmla="*/ 5269 w 5270"/>
                <a:gd name="T25" fmla="*/ 2603 h 5074"/>
                <a:gd name="T26" fmla="*/ 5262 w 5270"/>
                <a:gd name="T27" fmla="*/ 2343 h 5074"/>
                <a:gd name="T28" fmla="*/ 5216 w 5270"/>
                <a:gd name="T29" fmla="*/ 2026 h 5074"/>
                <a:gd name="T30" fmla="*/ 5131 w 5270"/>
                <a:gd name="T31" fmla="*/ 1724 h 5074"/>
                <a:gd name="T32" fmla="*/ 5010 w 5270"/>
                <a:gd name="T33" fmla="*/ 1439 h 5074"/>
                <a:gd name="T34" fmla="*/ 4854 w 5270"/>
                <a:gd name="T35" fmla="*/ 1171 h 5074"/>
                <a:gd name="T36" fmla="*/ 4668 w 5270"/>
                <a:gd name="T37" fmla="*/ 925 h 5074"/>
                <a:gd name="T38" fmla="*/ 4452 w 5270"/>
                <a:gd name="T39" fmla="*/ 701 h 5074"/>
                <a:gd name="T40" fmla="*/ 4211 w 5270"/>
                <a:gd name="T41" fmla="*/ 505 h 5074"/>
                <a:gd name="T42" fmla="*/ 3945 w 5270"/>
                <a:gd name="T43" fmla="*/ 337 h 5074"/>
                <a:gd name="T44" fmla="*/ 3660 w 5270"/>
                <a:gd name="T45" fmla="*/ 200 h 5074"/>
                <a:gd name="T46" fmla="*/ 3355 w 5270"/>
                <a:gd name="T47" fmla="*/ 97 h 5074"/>
                <a:gd name="T48" fmla="*/ 3035 w 5270"/>
                <a:gd name="T49" fmla="*/ 30 h 5074"/>
                <a:gd name="T50" fmla="*/ 2703 w 5270"/>
                <a:gd name="T51" fmla="*/ 1 h 5074"/>
                <a:gd name="T52" fmla="*/ 2433 w 5270"/>
                <a:gd name="T53" fmla="*/ 8 h 5074"/>
                <a:gd name="T54" fmla="*/ 2104 w 5270"/>
                <a:gd name="T55" fmla="*/ 52 h 5074"/>
                <a:gd name="T56" fmla="*/ 1790 w 5270"/>
                <a:gd name="T57" fmla="*/ 134 h 5074"/>
                <a:gd name="T58" fmla="*/ 1494 w 5270"/>
                <a:gd name="T59" fmla="*/ 251 h 5074"/>
                <a:gd name="T60" fmla="*/ 1216 w 5270"/>
                <a:gd name="T61" fmla="*/ 401 h 5074"/>
                <a:gd name="T62" fmla="*/ 960 w 5270"/>
                <a:gd name="T63" fmla="*/ 580 h 5074"/>
                <a:gd name="T64" fmla="*/ 728 w 5270"/>
                <a:gd name="T65" fmla="*/ 788 h 5074"/>
                <a:gd name="T66" fmla="*/ 524 w 5270"/>
                <a:gd name="T67" fmla="*/ 1020 h 5074"/>
                <a:gd name="T68" fmla="*/ 350 w 5270"/>
                <a:gd name="T69" fmla="*/ 1276 h 5074"/>
                <a:gd name="T70" fmla="*/ 207 w 5270"/>
                <a:gd name="T71" fmla="*/ 1551 h 5074"/>
                <a:gd name="T72" fmla="*/ 100 w 5270"/>
                <a:gd name="T73" fmla="*/ 1844 h 5074"/>
                <a:gd name="T74" fmla="*/ 30 w 5270"/>
                <a:gd name="T75" fmla="*/ 2152 h 5074"/>
                <a:gd name="T76" fmla="*/ 1 w 5270"/>
                <a:gd name="T77" fmla="*/ 2471 h 5074"/>
                <a:gd name="T78" fmla="*/ 8 w 5270"/>
                <a:gd name="T79" fmla="*/ 2733 h 5074"/>
                <a:gd name="T80" fmla="*/ 54 w 5270"/>
                <a:gd name="T81" fmla="*/ 3048 h 5074"/>
                <a:gd name="T82" fmla="*/ 139 w 5270"/>
                <a:gd name="T83" fmla="*/ 3350 h 5074"/>
                <a:gd name="T84" fmla="*/ 260 w 5270"/>
                <a:gd name="T85" fmla="*/ 3636 h 5074"/>
                <a:gd name="T86" fmla="*/ 416 w 5270"/>
                <a:gd name="T87" fmla="*/ 3903 h 5074"/>
                <a:gd name="T88" fmla="*/ 602 w 5270"/>
                <a:gd name="T89" fmla="*/ 4149 h 5074"/>
                <a:gd name="T90" fmla="*/ 818 w 5270"/>
                <a:gd name="T91" fmla="*/ 4373 h 5074"/>
                <a:gd name="T92" fmla="*/ 1059 w 5270"/>
                <a:gd name="T93" fmla="*/ 4569 h 5074"/>
                <a:gd name="T94" fmla="*/ 1325 w 5270"/>
                <a:gd name="T95" fmla="*/ 4737 h 5074"/>
                <a:gd name="T96" fmla="*/ 1611 w 5270"/>
                <a:gd name="T97" fmla="*/ 4874 h 5074"/>
                <a:gd name="T98" fmla="*/ 1915 w 5270"/>
                <a:gd name="T99" fmla="*/ 4978 h 5074"/>
                <a:gd name="T100" fmla="*/ 2234 w 5270"/>
                <a:gd name="T101" fmla="*/ 5045 h 5074"/>
                <a:gd name="T102" fmla="*/ 2566 w 5270"/>
                <a:gd name="T103" fmla="*/ 5073 h 50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270" h="5074">
                  <a:moveTo>
                    <a:pt x="2635" y="5074"/>
                  </a:moveTo>
                  <a:lnTo>
                    <a:pt x="2635" y="5074"/>
                  </a:lnTo>
                  <a:lnTo>
                    <a:pt x="2703" y="5073"/>
                  </a:lnTo>
                  <a:lnTo>
                    <a:pt x="2771" y="5070"/>
                  </a:lnTo>
                  <a:lnTo>
                    <a:pt x="2837" y="5066"/>
                  </a:lnTo>
                  <a:lnTo>
                    <a:pt x="2904" y="5061"/>
                  </a:lnTo>
                  <a:lnTo>
                    <a:pt x="2970" y="5053"/>
                  </a:lnTo>
                  <a:lnTo>
                    <a:pt x="3035" y="5045"/>
                  </a:lnTo>
                  <a:lnTo>
                    <a:pt x="3100" y="5034"/>
                  </a:lnTo>
                  <a:lnTo>
                    <a:pt x="3165" y="5022"/>
                  </a:lnTo>
                  <a:lnTo>
                    <a:pt x="3229" y="5009"/>
                  </a:lnTo>
                  <a:lnTo>
                    <a:pt x="3292" y="4994"/>
                  </a:lnTo>
                  <a:lnTo>
                    <a:pt x="3355" y="4978"/>
                  </a:lnTo>
                  <a:lnTo>
                    <a:pt x="3418" y="4959"/>
                  </a:lnTo>
                  <a:lnTo>
                    <a:pt x="3480" y="4940"/>
                  </a:lnTo>
                  <a:lnTo>
                    <a:pt x="3540" y="4919"/>
                  </a:lnTo>
                  <a:lnTo>
                    <a:pt x="3601" y="4898"/>
                  </a:lnTo>
                  <a:lnTo>
                    <a:pt x="3660" y="4874"/>
                  </a:lnTo>
                  <a:lnTo>
                    <a:pt x="3719" y="4849"/>
                  </a:lnTo>
                  <a:lnTo>
                    <a:pt x="3777" y="4823"/>
                  </a:lnTo>
                  <a:lnTo>
                    <a:pt x="3834" y="4796"/>
                  </a:lnTo>
                  <a:lnTo>
                    <a:pt x="3890" y="4767"/>
                  </a:lnTo>
                  <a:lnTo>
                    <a:pt x="3945" y="4737"/>
                  </a:lnTo>
                  <a:lnTo>
                    <a:pt x="4000" y="4707"/>
                  </a:lnTo>
                  <a:lnTo>
                    <a:pt x="4054" y="4673"/>
                  </a:lnTo>
                  <a:lnTo>
                    <a:pt x="4107" y="4640"/>
                  </a:lnTo>
                  <a:lnTo>
                    <a:pt x="4159" y="4605"/>
                  </a:lnTo>
                  <a:lnTo>
                    <a:pt x="4211" y="4569"/>
                  </a:lnTo>
                  <a:lnTo>
                    <a:pt x="4260" y="4532"/>
                  </a:lnTo>
                  <a:lnTo>
                    <a:pt x="4310" y="4494"/>
                  </a:lnTo>
                  <a:lnTo>
                    <a:pt x="4358" y="4455"/>
                  </a:lnTo>
                  <a:lnTo>
                    <a:pt x="4406" y="4414"/>
                  </a:lnTo>
                  <a:lnTo>
                    <a:pt x="4452" y="4373"/>
                  </a:lnTo>
                  <a:lnTo>
                    <a:pt x="4497" y="4330"/>
                  </a:lnTo>
                  <a:lnTo>
                    <a:pt x="4542" y="4286"/>
                  </a:lnTo>
                  <a:lnTo>
                    <a:pt x="4585" y="4242"/>
                  </a:lnTo>
                  <a:lnTo>
                    <a:pt x="4627" y="4196"/>
                  </a:lnTo>
                  <a:lnTo>
                    <a:pt x="4668" y="4149"/>
                  </a:lnTo>
                  <a:lnTo>
                    <a:pt x="4707" y="4102"/>
                  </a:lnTo>
                  <a:lnTo>
                    <a:pt x="4746" y="4054"/>
                  </a:lnTo>
                  <a:lnTo>
                    <a:pt x="4783" y="4005"/>
                  </a:lnTo>
                  <a:lnTo>
                    <a:pt x="4819" y="3954"/>
                  </a:lnTo>
                  <a:lnTo>
                    <a:pt x="4854" y="3903"/>
                  </a:lnTo>
                  <a:lnTo>
                    <a:pt x="4889" y="3851"/>
                  </a:lnTo>
                  <a:lnTo>
                    <a:pt x="4920" y="3798"/>
                  </a:lnTo>
                  <a:lnTo>
                    <a:pt x="4951" y="3745"/>
                  </a:lnTo>
                  <a:lnTo>
                    <a:pt x="4982" y="3691"/>
                  </a:lnTo>
                  <a:lnTo>
                    <a:pt x="5010" y="3636"/>
                  </a:lnTo>
                  <a:lnTo>
                    <a:pt x="5037" y="3580"/>
                  </a:lnTo>
                  <a:lnTo>
                    <a:pt x="5062" y="3524"/>
                  </a:lnTo>
                  <a:lnTo>
                    <a:pt x="5087" y="3467"/>
                  </a:lnTo>
                  <a:lnTo>
                    <a:pt x="5110" y="3409"/>
                  </a:lnTo>
                  <a:lnTo>
                    <a:pt x="5131" y="3350"/>
                  </a:lnTo>
                  <a:lnTo>
                    <a:pt x="5151" y="3291"/>
                  </a:lnTo>
                  <a:lnTo>
                    <a:pt x="5170" y="3230"/>
                  </a:lnTo>
                  <a:lnTo>
                    <a:pt x="5187" y="3170"/>
                  </a:lnTo>
                  <a:lnTo>
                    <a:pt x="5203" y="3109"/>
                  </a:lnTo>
                  <a:lnTo>
                    <a:pt x="5216" y="3048"/>
                  </a:lnTo>
                  <a:lnTo>
                    <a:pt x="5228" y="2985"/>
                  </a:lnTo>
                  <a:lnTo>
                    <a:pt x="5240" y="2923"/>
                  </a:lnTo>
                  <a:lnTo>
                    <a:pt x="5249" y="2860"/>
                  </a:lnTo>
                  <a:lnTo>
                    <a:pt x="5257" y="2796"/>
                  </a:lnTo>
                  <a:lnTo>
                    <a:pt x="5262" y="2733"/>
                  </a:lnTo>
                  <a:lnTo>
                    <a:pt x="5267" y="2668"/>
                  </a:lnTo>
                  <a:lnTo>
                    <a:pt x="5269" y="2603"/>
                  </a:lnTo>
                  <a:lnTo>
                    <a:pt x="5270" y="2537"/>
                  </a:lnTo>
                  <a:lnTo>
                    <a:pt x="5270" y="2537"/>
                  </a:lnTo>
                  <a:lnTo>
                    <a:pt x="5269" y="2471"/>
                  </a:lnTo>
                  <a:lnTo>
                    <a:pt x="5267" y="2406"/>
                  </a:lnTo>
                  <a:lnTo>
                    <a:pt x="5262" y="2343"/>
                  </a:lnTo>
                  <a:lnTo>
                    <a:pt x="5257" y="2278"/>
                  </a:lnTo>
                  <a:lnTo>
                    <a:pt x="5249" y="2214"/>
                  </a:lnTo>
                  <a:lnTo>
                    <a:pt x="5240" y="2152"/>
                  </a:lnTo>
                  <a:lnTo>
                    <a:pt x="5228" y="2089"/>
                  </a:lnTo>
                  <a:lnTo>
                    <a:pt x="5216" y="2026"/>
                  </a:lnTo>
                  <a:lnTo>
                    <a:pt x="5203" y="1965"/>
                  </a:lnTo>
                  <a:lnTo>
                    <a:pt x="5187" y="1904"/>
                  </a:lnTo>
                  <a:lnTo>
                    <a:pt x="5170" y="1844"/>
                  </a:lnTo>
                  <a:lnTo>
                    <a:pt x="5151" y="1783"/>
                  </a:lnTo>
                  <a:lnTo>
                    <a:pt x="5131" y="1724"/>
                  </a:lnTo>
                  <a:lnTo>
                    <a:pt x="5110" y="1666"/>
                  </a:lnTo>
                  <a:lnTo>
                    <a:pt x="5087" y="1608"/>
                  </a:lnTo>
                  <a:lnTo>
                    <a:pt x="5062" y="1551"/>
                  </a:lnTo>
                  <a:lnTo>
                    <a:pt x="5037" y="1494"/>
                  </a:lnTo>
                  <a:lnTo>
                    <a:pt x="5010" y="1439"/>
                  </a:lnTo>
                  <a:lnTo>
                    <a:pt x="4982" y="1384"/>
                  </a:lnTo>
                  <a:lnTo>
                    <a:pt x="4951" y="1329"/>
                  </a:lnTo>
                  <a:lnTo>
                    <a:pt x="4920" y="1276"/>
                  </a:lnTo>
                  <a:lnTo>
                    <a:pt x="4889" y="1223"/>
                  </a:lnTo>
                  <a:lnTo>
                    <a:pt x="4854" y="1171"/>
                  </a:lnTo>
                  <a:lnTo>
                    <a:pt x="4819" y="1120"/>
                  </a:lnTo>
                  <a:lnTo>
                    <a:pt x="4783" y="1070"/>
                  </a:lnTo>
                  <a:lnTo>
                    <a:pt x="4746" y="1020"/>
                  </a:lnTo>
                  <a:lnTo>
                    <a:pt x="4707" y="972"/>
                  </a:lnTo>
                  <a:lnTo>
                    <a:pt x="4668" y="925"/>
                  </a:lnTo>
                  <a:lnTo>
                    <a:pt x="4627" y="878"/>
                  </a:lnTo>
                  <a:lnTo>
                    <a:pt x="4585" y="832"/>
                  </a:lnTo>
                  <a:lnTo>
                    <a:pt x="4542" y="788"/>
                  </a:lnTo>
                  <a:lnTo>
                    <a:pt x="4497" y="744"/>
                  </a:lnTo>
                  <a:lnTo>
                    <a:pt x="4452" y="701"/>
                  </a:lnTo>
                  <a:lnTo>
                    <a:pt x="4406" y="660"/>
                  </a:lnTo>
                  <a:lnTo>
                    <a:pt x="4358" y="620"/>
                  </a:lnTo>
                  <a:lnTo>
                    <a:pt x="4310" y="580"/>
                  </a:lnTo>
                  <a:lnTo>
                    <a:pt x="4260" y="543"/>
                  </a:lnTo>
                  <a:lnTo>
                    <a:pt x="4211" y="505"/>
                  </a:lnTo>
                  <a:lnTo>
                    <a:pt x="4159" y="469"/>
                  </a:lnTo>
                  <a:lnTo>
                    <a:pt x="4107" y="435"/>
                  </a:lnTo>
                  <a:lnTo>
                    <a:pt x="4054" y="401"/>
                  </a:lnTo>
                  <a:lnTo>
                    <a:pt x="4000" y="369"/>
                  </a:lnTo>
                  <a:lnTo>
                    <a:pt x="3945" y="337"/>
                  </a:lnTo>
                  <a:lnTo>
                    <a:pt x="3890" y="307"/>
                  </a:lnTo>
                  <a:lnTo>
                    <a:pt x="3834" y="278"/>
                  </a:lnTo>
                  <a:lnTo>
                    <a:pt x="3777" y="251"/>
                  </a:lnTo>
                  <a:lnTo>
                    <a:pt x="3719" y="225"/>
                  </a:lnTo>
                  <a:lnTo>
                    <a:pt x="3660" y="200"/>
                  </a:lnTo>
                  <a:lnTo>
                    <a:pt x="3601" y="176"/>
                  </a:lnTo>
                  <a:lnTo>
                    <a:pt x="3540" y="155"/>
                  </a:lnTo>
                  <a:lnTo>
                    <a:pt x="3480" y="134"/>
                  </a:lnTo>
                  <a:lnTo>
                    <a:pt x="3418" y="115"/>
                  </a:lnTo>
                  <a:lnTo>
                    <a:pt x="3355" y="97"/>
                  </a:lnTo>
                  <a:lnTo>
                    <a:pt x="3292" y="80"/>
                  </a:lnTo>
                  <a:lnTo>
                    <a:pt x="3229" y="65"/>
                  </a:lnTo>
                  <a:lnTo>
                    <a:pt x="3165" y="52"/>
                  </a:lnTo>
                  <a:lnTo>
                    <a:pt x="3100" y="40"/>
                  </a:lnTo>
                  <a:lnTo>
                    <a:pt x="3035" y="30"/>
                  </a:lnTo>
                  <a:lnTo>
                    <a:pt x="2970" y="21"/>
                  </a:lnTo>
                  <a:lnTo>
                    <a:pt x="2904" y="13"/>
                  </a:lnTo>
                  <a:lnTo>
                    <a:pt x="2837" y="8"/>
                  </a:lnTo>
                  <a:lnTo>
                    <a:pt x="2771" y="4"/>
                  </a:lnTo>
                  <a:lnTo>
                    <a:pt x="2703" y="1"/>
                  </a:lnTo>
                  <a:lnTo>
                    <a:pt x="2635" y="0"/>
                  </a:lnTo>
                  <a:lnTo>
                    <a:pt x="2635" y="0"/>
                  </a:lnTo>
                  <a:lnTo>
                    <a:pt x="2566" y="1"/>
                  </a:lnTo>
                  <a:lnTo>
                    <a:pt x="2499" y="4"/>
                  </a:lnTo>
                  <a:lnTo>
                    <a:pt x="2433" y="8"/>
                  </a:lnTo>
                  <a:lnTo>
                    <a:pt x="2366" y="13"/>
                  </a:lnTo>
                  <a:lnTo>
                    <a:pt x="2299" y="21"/>
                  </a:lnTo>
                  <a:lnTo>
                    <a:pt x="2234" y="30"/>
                  </a:lnTo>
                  <a:lnTo>
                    <a:pt x="2169" y="40"/>
                  </a:lnTo>
                  <a:lnTo>
                    <a:pt x="2104" y="52"/>
                  </a:lnTo>
                  <a:lnTo>
                    <a:pt x="2040" y="65"/>
                  </a:lnTo>
                  <a:lnTo>
                    <a:pt x="1978" y="80"/>
                  </a:lnTo>
                  <a:lnTo>
                    <a:pt x="1915" y="97"/>
                  </a:lnTo>
                  <a:lnTo>
                    <a:pt x="1852" y="115"/>
                  </a:lnTo>
                  <a:lnTo>
                    <a:pt x="1790" y="134"/>
                  </a:lnTo>
                  <a:lnTo>
                    <a:pt x="1730" y="155"/>
                  </a:lnTo>
                  <a:lnTo>
                    <a:pt x="1670" y="176"/>
                  </a:lnTo>
                  <a:lnTo>
                    <a:pt x="1611" y="200"/>
                  </a:lnTo>
                  <a:lnTo>
                    <a:pt x="1551" y="225"/>
                  </a:lnTo>
                  <a:lnTo>
                    <a:pt x="1494" y="251"/>
                  </a:lnTo>
                  <a:lnTo>
                    <a:pt x="1437" y="278"/>
                  </a:lnTo>
                  <a:lnTo>
                    <a:pt x="1380" y="307"/>
                  </a:lnTo>
                  <a:lnTo>
                    <a:pt x="1325" y="337"/>
                  </a:lnTo>
                  <a:lnTo>
                    <a:pt x="1270" y="369"/>
                  </a:lnTo>
                  <a:lnTo>
                    <a:pt x="1216" y="401"/>
                  </a:lnTo>
                  <a:lnTo>
                    <a:pt x="1163" y="435"/>
                  </a:lnTo>
                  <a:lnTo>
                    <a:pt x="1110" y="469"/>
                  </a:lnTo>
                  <a:lnTo>
                    <a:pt x="1059" y="505"/>
                  </a:lnTo>
                  <a:lnTo>
                    <a:pt x="1009" y="543"/>
                  </a:lnTo>
                  <a:lnTo>
                    <a:pt x="960" y="580"/>
                  </a:lnTo>
                  <a:lnTo>
                    <a:pt x="912" y="620"/>
                  </a:lnTo>
                  <a:lnTo>
                    <a:pt x="864" y="660"/>
                  </a:lnTo>
                  <a:lnTo>
                    <a:pt x="818" y="701"/>
                  </a:lnTo>
                  <a:lnTo>
                    <a:pt x="773" y="744"/>
                  </a:lnTo>
                  <a:lnTo>
                    <a:pt x="728" y="788"/>
                  </a:lnTo>
                  <a:lnTo>
                    <a:pt x="685" y="832"/>
                  </a:lnTo>
                  <a:lnTo>
                    <a:pt x="644" y="878"/>
                  </a:lnTo>
                  <a:lnTo>
                    <a:pt x="602" y="925"/>
                  </a:lnTo>
                  <a:lnTo>
                    <a:pt x="563" y="972"/>
                  </a:lnTo>
                  <a:lnTo>
                    <a:pt x="524" y="1020"/>
                  </a:lnTo>
                  <a:lnTo>
                    <a:pt x="487" y="1070"/>
                  </a:lnTo>
                  <a:lnTo>
                    <a:pt x="451" y="1120"/>
                  </a:lnTo>
                  <a:lnTo>
                    <a:pt x="416" y="1171"/>
                  </a:lnTo>
                  <a:lnTo>
                    <a:pt x="382" y="1223"/>
                  </a:lnTo>
                  <a:lnTo>
                    <a:pt x="350" y="1276"/>
                  </a:lnTo>
                  <a:lnTo>
                    <a:pt x="318" y="1329"/>
                  </a:lnTo>
                  <a:lnTo>
                    <a:pt x="288" y="1384"/>
                  </a:lnTo>
                  <a:lnTo>
                    <a:pt x="260" y="1439"/>
                  </a:lnTo>
                  <a:lnTo>
                    <a:pt x="233" y="1494"/>
                  </a:lnTo>
                  <a:lnTo>
                    <a:pt x="207" y="1551"/>
                  </a:lnTo>
                  <a:lnTo>
                    <a:pt x="183" y="1608"/>
                  </a:lnTo>
                  <a:lnTo>
                    <a:pt x="160" y="1666"/>
                  </a:lnTo>
                  <a:lnTo>
                    <a:pt x="139" y="1724"/>
                  </a:lnTo>
                  <a:lnTo>
                    <a:pt x="119" y="1783"/>
                  </a:lnTo>
                  <a:lnTo>
                    <a:pt x="100" y="1844"/>
                  </a:lnTo>
                  <a:lnTo>
                    <a:pt x="83" y="1904"/>
                  </a:lnTo>
                  <a:lnTo>
                    <a:pt x="67" y="1965"/>
                  </a:lnTo>
                  <a:lnTo>
                    <a:pt x="54" y="2026"/>
                  </a:lnTo>
                  <a:lnTo>
                    <a:pt x="41" y="2089"/>
                  </a:lnTo>
                  <a:lnTo>
                    <a:pt x="30" y="2152"/>
                  </a:lnTo>
                  <a:lnTo>
                    <a:pt x="21" y="2214"/>
                  </a:lnTo>
                  <a:lnTo>
                    <a:pt x="13" y="2278"/>
                  </a:lnTo>
                  <a:lnTo>
                    <a:pt x="8" y="2343"/>
                  </a:lnTo>
                  <a:lnTo>
                    <a:pt x="3" y="2406"/>
                  </a:lnTo>
                  <a:lnTo>
                    <a:pt x="1" y="2471"/>
                  </a:lnTo>
                  <a:lnTo>
                    <a:pt x="0" y="2537"/>
                  </a:lnTo>
                  <a:lnTo>
                    <a:pt x="0" y="2537"/>
                  </a:lnTo>
                  <a:lnTo>
                    <a:pt x="1" y="2603"/>
                  </a:lnTo>
                  <a:lnTo>
                    <a:pt x="3" y="2668"/>
                  </a:lnTo>
                  <a:lnTo>
                    <a:pt x="8" y="2733"/>
                  </a:lnTo>
                  <a:lnTo>
                    <a:pt x="13" y="2796"/>
                  </a:lnTo>
                  <a:lnTo>
                    <a:pt x="21" y="2860"/>
                  </a:lnTo>
                  <a:lnTo>
                    <a:pt x="30" y="2923"/>
                  </a:lnTo>
                  <a:lnTo>
                    <a:pt x="41" y="2985"/>
                  </a:lnTo>
                  <a:lnTo>
                    <a:pt x="54" y="3048"/>
                  </a:lnTo>
                  <a:lnTo>
                    <a:pt x="67" y="3109"/>
                  </a:lnTo>
                  <a:lnTo>
                    <a:pt x="83" y="3170"/>
                  </a:lnTo>
                  <a:lnTo>
                    <a:pt x="100" y="3230"/>
                  </a:lnTo>
                  <a:lnTo>
                    <a:pt x="119" y="3291"/>
                  </a:lnTo>
                  <a:lnTo>
                    <a:pt x="139" y="3350"/>
                  </a:lnTo>
                  <a:lnTo>
                    <a:pt x="160" y="3409"/>
                  </a:lnTo>
                  <a:lnTo>
                    <a:pt x="183" y="3467"/>
                  </a:lnTo>
                  <a:lnTo>
                    <a:pt x="207" y="3524"/>
                  </a:lnTo>
                  <a:lnTo>
                    <a:pt x="233" y="3580"/>
                  </a:lnTo>
                  <a:lnTo>
                    <a:pt x="260" y="3636"/>
                  </a:lnTo>
                  <a:lnTo>
                    <a:pt x="288" y="3691"/>
                  </a:lnTo>
                  <a:lnTo>
                    <a:pt x="318" y="3745"/>
                  </a:lnTo>
                  <a:lnTo>
                    <a:pt x="350" y="3798"/>
                  </a:lnTo>
                  <a:lnTo>
                    <a:pt x="382" y="3851"/>
                  </a:lnTo>
                  <a:lnTo>
                    <a:pt x="416" y="3903"/>
                  </a:lnTo>
                  <a:lnTo>
                    <a:pt x="451" y="3954"/>
                  </a:lnTo>
                  <a:lnTo>
                    <a:pt x="487" y="4005"/>
                  </a:lnTo>
                  <a:lnTo>
                    <a:pt x="524" y="4054"/>
                  </a:lnTo>
                  <a:lnTo>
                    <a:pt x="563" y="4102"/>
                  </a:lnTo>
                  <a:lnTo>
                    <a:pt x="602" y="4149"/>
                  </a:lnTo>
                  <a:lnTo>
                    <a:pt x="644" y="4196"/>
                  </a:lnTo>
                  <a:lnTo>
                    <a:pt x="685" y="4242"/>
                  </a:lnTo>
                  <a:lnTo>
                    <a:pt x="728" y="4286"/>
                  </a:lnTo>
                  <a:lnTo>
                    <a:pt x="773" y="4330"/>
                  </a:lnTo>
                  <a:lnTo>
                    <a:pt x="818" y="4373"/>
                  </a:lnTo>
                  <a:lnTo>
                    <a:pt x="864" y="4414"/>
                  </a:lnTo>
                  <a:lnTo>
                    <a:pt x="912" y="4455"/>
                  </a:lnTo>
                  <a:lnTo>
                    <a:pt x="960" y="4494"/>
                  </a:lnTo>
                  <a:lnTo>
                    <a:pt x="1009" y="4532"/>
                  </a:lnTo>
                  <a:lnTo>
                    <a:pt x="1059" y="4569"/>
                  </a:lnTo>
                  <a:lnTo>
                    <a:pt x="1110" y="4605"/>
                  </a:lnTo>
                  <a:lnTo>
                    <a:pt x="1163" y="4640"/>
                  </a:lnTo>
                  <a:lnTo>
                    <a:pt x="1216" y="4673"/>
                  </a:lnTo>
                  <a:lnTo>
                    <a:pt x="1270" y="4707"/>
                  </a:lnTo>
                  <a:lnTo>
                    <a:pt x="1325" y="4737"/>
                  </a:lnTo>
                  <a:lnTo>
                    <a:pt x="1380" y="4767"/>
                  </a:lnTo>
                  <a:lnTo>
                    <a:pt x="1437" y="4796"/>
                  </a:lnTo>
                  <a:lnTo>
                    <a:pt x="1494" y="4823"/>
                  </a:lnTo>
                  <a:lnTo>
                    <a:pt x="1551" y="4849"/>
                  </a:lnTo>
                  <a:lnTo>
                    <a:pt x="1611" y="4874"/>
                  </a:lnTo>
                  <a:lnTo>
                    <a:pt x="1670" y="4898"/>
                  </a:lnTo>
                  <a:lnTo>
                    <a:pt x="1730" y="4919"/>
                  </a:lnTo>
                  <a:lnTo>
                    <a:pt x="1790" y="4940"/>
                  </a:lnTo>
                  <a:lnTo>
                    <a:pt x="1852" y="4959"/>
                  </a:lnTo>
                  <a:lnTo>
                    <a:pt x="1915" y="4978"/>
                  </a:lnTo>
                  <a:lnTo>
                    <a:pt x="1978" y="4994"/>
                  </a:lnTo>
                  <a:lnTo>
                    <a:pt x="2040" y="5009"/>
                  </a:lnTo>
                  <a:lnTo>
                    <a:pt x="2104" y="5022"/>
                  </a:lnTo>
                  <a:lnTo>
                    <a:pt x="2169" y="5034"/>
                  </a:lnTo>
                  <a:lnTo>
                    <a:pt x="2234" y="5045"/>
                  </a:lnTo>
                  <a:lnTo>
                    <a:pt x="2299" y="5053"/>
                  </a:lnTo>
                  <a:lnTo>
                    <a:pt x="2366" y="5061"/>
                  </a:lnTo>
                  <a:lnTo>
                    <a:pt x="2433" y="5066"/>
                  </a:lnTo>
                  <a:lnTo>
                    <a:pt x="2499" y="5070"/>
                  </a:lnTo>
                  <a:lnTo>
                    <a:pt x="2566" y="5073"/>
                  </a:lnTo>
                  <a:lnTo>
                    <a:pt x="2635" y="507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1" name="Freeform 291">
              <a:extLst>
                <a:ext uri="{FF2B5EF4-FFF2-40B4-BE49-F238E27FC236}">
                  <a16:creationId xmlns:a16="http://schemas.microsoft.com/office/drawing/2014/main" xmlns="" id="{065DD210-7D61-D94D-84E8-1F28BE08105F}"/>
                </a:ext>
              </a:extLst>
            </p:cNvPr>
            <p:cNvSpPr>
              <a:spLocks/>
            </p:cNvSpPr>
            <p:nvPr/>
          </p:nvSpPr>
          <p:spPr bwMode="auto">
            <a:xfrm flipH="1">
              <a:off x="6899317" y="979354"/>
              <a:ext cx="4599165" cy="2181920"/>
            </a:xfrm>
            <a:custGeom>
              <a:avLst/>
              <a:gdLst>
                <a:gd name="T0" fmla="*/ 2638 w 5255"/>
                <a:gd name="T1" fmla="*/ 0 h 2390"/>
                <a:gd name="T2" fmla="*/ 2642 w 5255"/>
                <a:gd name="T3" fmla="*/ 0 h 2390"/>
                <a:gd name="T4" fmla="*/ 2649 w 5255"/>
                <a:gd name="T5" fmla="*/ 0 h 2390"/>
                <a:gd name="T6" fmla="*/ 2653 w 5255"/>
                <a:gd name="T7" fmla="*/ 0 h 2390"/>
                <a:gd name="T8" fmla="*/ 2660 w 5255"/>
                <a:gd name="T9" fmla="*/ 0 h 2390"/>
                <a:gd name="T10" fmla="*/ 2667 w 5255"/>
                <a:gd name="T11" fmla="*/ 0 h 2390"/>
                <a:gd name="T12" fmla="*/ 2675 w 5255"/>
                <a:gd name="T13" fmla="*/ 0 h 2390"/>
                <a:gd name="T14" fmla="*/ 2679 w 5255"/>
                <a:gd name="T15" fmla="*/ 0 h 2390"/>
                <a:gd name="T16" fmla="*/ 2686 w 5255"/>
                <a:gd name="T17" fmla="*/ 0 h 2390"/>
                <a:gd name="T18" fmla="*/ 2690 w 5255"/>
                <a:gd name="T19" fmla="*/ 1 h 2390"/>
                <a:gd name="T20" fmla="*/ 2697 w 5255"/>
                <a:gd name="T21" fmla="*/ 1 h 2390"/>
                <a:gd name="T22" fmla="*/ 2705 w 5255"/>
                <a:gd name="T23" fmla="*/ 1 h 2390"/>
                <a:gd name="T24" fmla="*/ 2712 w 5255"/>
                <a:gd name="T25" fmla="*/ 1 h 2390"/>
                <a:gd name="T26" fmla="*/ 2716 w 5255"/>
                <a:gd name="T27" fmla="*/ 1 h 2390"/>
                <a:gd name="T28" fmla="*/ 2723 w 5255"/>
                <a:gd name="T29" fmla="*/ 1 h 2390"/>
                <a:gd name="T30" fmla="*/ 2727 w 5255"/>
                <a:gd name="T31" fmla="*/ 3 h 2390"/>
                <a:gd name="T32" fmla="*/ 2733 w 5255"/>
                <a:gd name="T33" fmla="*/ 3 h 2390"/>
                <a:gd name="T34" fmla="*/ 2751 w 5255"/>
                <a:gd name="T35" fmla="*/ 3 h 2390"/>
                <a:gd name="T36" fmla="*/ 2757 w 5255"/>
                <a:gd name="T37" fmla="*/ 4 h 2390"/>
                <a:gd name="T38" fmla="*/ 3182 w 5255"/>
                <a:gd name="T39" fmla="*/ 57 h 2390"/>
                <a:gd name="T40" fmla="*/ 3793 w 5255"/>
                <a:gd name="T41" fmla="*/ 261 h 2390"/>
                <a:gd name="T42" fmla="*/ 4327 w 5255"/>
                <a:gd name="T43" fmla="*/ 597 h 2390"/>
                <a:gd name="T44" fmla="*/ 4760 w 5255"/>
                <a:gd name="T45" fmla="*/ 1044 h 2390"/>
                <a:gd name="T46" fmla="*/ 5072 w 5255"/>
                <a:gd name="T47" fmla="*/ 1581 h 2390"/>
                <a:gd name="T48" fmla="*/ 5241 w 5255"/>
                <a:gd name="T49" fmla="*/ 2188 h 2390"/>
                <a:gd name="T50" fmla="*/ 4984 w 5255"/>
                <a:gd name="T51" fmla="*/ 2044 h 2390"/>
                <a:gd name="T52" fmla="*/ 4187 w 5255"/>
                <a:gd name="T53" fmla="*/ 1590 h 2390"/>
                <a:gd name="T54" fmla="*/ 3173 w 5255"/>
                <a:gd name="T55" fmla="*/ 1345 h 2390"/>
                <a:gd name="T56" fmla="*/ 2127 w 5255"/>
                <a:gd name="T57" fmla="*/ 1348 h 2390"/>
                <a:gd name="T58" fmla="*/ 1074 w 5255"/>
                <a:gd name="T59" fmla="*/ 1615 h 2390"/>
                <a:gd name="T60" fmla="*/ 456 w 5255"/>
                <a:gd name="T61" fmla="*/ 1954 h 2390"/>
                <a:gd name="T62" fmla="*/ 123 w 5255"/>
                <a:gd name="T63" fmla="*/ 2244 h 2390"/>
                <a:gd name="T64" fmla="*/ 36 w 5255"/>
                <a:gd name="T65" fmla="*/ 2094 h 2390"/>
                <a:gd name="T66" fmla="*/ 232 w 5255"/>
                <a:gd name="T67" fmla="*/ 1486 h 2390"/>
                <a:gd name="T68" fmla="*/ 572 w 5255"/>
                <a:gd name="T69" fmla="*/ 955 h 2390"/>
                <a:gd name="T70" fmla="*/ 1033 w 5255"/>
                <a:gd name="T71" fmla="*/ 521 h 2390"/>
                <a:gd name="T72" fmla="*/ 1594 w 5255"/>
                <a:gd name="T73" fmla="*/ 205 h 2390"/>
                <a:gd name="T74" fmla="*/ 2232 w 5255"/>
                <a:gd name="T75" fmla="*/ 30 h 2390"/>
                <a:gd name="T76" fmla="*/ 2482 w 5255"/>
                <a:gd name="T77" fmla="*/ 5 h 2390"/>
                <a:gd name="T78" fmla="*/ 2491 w 5255"/>
                <a:gd name="T79" fmla="*/ 4 h 2390"/>
                <a:gd name="T80" fmla="*/ 2496 w 5255"/>
                <a:gd name="T81" fmla="*/ 4 h 2390"/>
                <a:gd name="T82" fmla="*/ 2504 w 5255"/>
                <a:gd name="T83" fmla="*/ 4 h 2390"/>
                <a:gd name="T84" fmla="*/ 2527 w 5255"/>
                <a:gd name="T85" fmla="*/ 3 h 2390"/>
                <a:gd name="T86" fmla="*/ 2532 w 5255"/>
                <a:gd name="T87" fmla="*/ 3 h 2390"/>
                <a:gd name="T88" fmla="*/ 2537 w 5255"/>
                <a:gd name="T89" fmla="*/ 1 h 2390"/>
                <a:gd name="T90" fmla="*/ 2543 w 5255"/>
                <a:gd name="T91" fmla="*/ 1 h 2390"/>
                <a:gd name="T92" fmla="*/ 2549 w 5255"/>
                <a:gd name="T93" fmla="*/ 1 h 2390"/>
                <a:gd name="T94" fmla="*/ 2555 w 5255"/>
                <a:gd name="T95" fmla="*/ 1 h 2390"/>
                <a:gd name="T96" fmla="*/ 2560 w 5255"/>
                <a:gd name="T97" fmla="*/ 1 h 2390"/>
                <a:gd name="T98" fmla="*/ 2566 w 5255"/>
                <a:gd name="T99" fmla="*/ 1 h 2390"/>
                <a:gd name="T100" fmla="*/ 2571 w 5255"/>
                <a:gd name="T101" fmla="*/ 1 h 2390"/>
                <a:gd name="T102" fmla="*/ 2578 w 5255"/>
                <a:gd name="T103" fmla="*/ 0 h 2390"/>
                <a:gd name="T104" fmla="*/ 2584 w 5255"/>
                <a:gd name="T105" fmla="*/ 0 h 2390"/>
                <a:gd name="T106" fmla="*/ 2590 w 5255"/>
                <a:gd name="T107" fmla="*/ 0 h 2390"/>
                <a:gd name="T108" fmla="*/ 2595 w 5255"/>
                <a:gd name="T109" fmla="*/ 0 h 2390"/>
                <a:gd name="T110" fmla="*/ 2602 w 5255"/>
                <a:gd name="T111" fmla="*/ 0 h 2390"/>
                <a:gd name="T112" fmla="*/ 2607 w 5255"/>
                <a:gd name="T113" fmla="*/ 0 h 2390"/>
                <a:gd name="T114" fmla="*/ 2613 w 5255"/>
                <a:gd name="T115" fmla="*/ 0 h 2390"/>
                <a:gd name="T116" fmla="*/ 2619 w 5255"/>
                <a:gd name="T117" fmla="*/ 0 h 2390"/>
                <a:gd name="T118" fmla="*/ 2624 w 5255"/>
                <a:gd name="T119" fmla="*/ 0 h 2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255" h="2390">
                  <a:moveTo>
                    <a:pt x="2631" y="0"/>
                  </a:moveTo>
                  <a:lnTo>
                    <a:pt x="2631" y="0"/>
                  </a:lnTo>
                  <a:lnTo>
                    <a:pt x="2633" y="0"/>
                  </a:lnTo>
                  <a:lnTo>
                    <a:pt x="2633" y="0"/>
                  </a:lnTo>
                  <a:lnTo>
                    <a:pt x="2633" y="0"/>
                  </a:lnTo>
                  <a:lnTo>
                    <a:pt x="2633" y="0"/>
                  </a:lnTo>
                  <a:lnTo>
                    <a:pt x="2635" y="0"/>
                  </a:lnTo>
                  <a:lnTo>
                    <a:pt x="2635" y="0"/>
                  </a:lnTo>
                  <a:lnTo>
                    <a:pt x="2635" y="0"/>
                  </a:lnTo>
                  <a:lnTo>
                    <a:pt x="2635" y="0"/>
                  </a:lnTo>
                  <a:lnTo>
                    <a:pt x="2638" y="0"/>
                  </a:lnTo>
                  <a:lnTo>
                    <a:pt x="2638" y="0"/>
                  </a:lnTo>
                  <a:lnTo>
                    <a:pt x="2638" y="0"/>
                  </a:lnTo>
                  <a:lnTo>
                    <a:pt x="2638" y="0"/>
                  </a:lnTo>
                  <a:lnTo>
                    <a:pt x="2639" y="0"/>
                  </a:lnTo>
                  <a:lnTo>
                    <a:pt x="2639" y="0"/>
                  </a:lnTo>
                  <a:lnTo>
                    <a:pt x="2640" y="0"/>
                  </a:lnTo>
                  <a:lnTo>
                    <a:pt x="2640" y="0"/>
                  </a:lnTo>
                  <a:lnTo>
                    <a:pt x="2641" y="0"/>
                  </a:lnTo>
                  <a:lnTo>
                    <a:pt x="2641" y="0"/>
                  </a:lnTo>
                  <a:lnTo>
                    <a:pt x="2642" y="0"/>
                  </a:lnTo>
                  <a:lnTo>
                    <a:pt x="2642" y="0"/>
                  </a:lnTo>
                  <a:lnTo>
                    <a:pt x="2643" y="0"/>
                  </a:lnTo>
                  <a:lnTo>
                    <a:pt x="2643" y="0"/>
                  </a:lnTo>
                  <a:lnTo>
                    <a:pt x="2644" y="0"/>
                  </a:lnTo>
                  <a:lnTo>
                    <a:pt x="2644" y="0"/>
                  </a:lnTo>
                  <a:lnTo>
                    <a:pt x="2645" y="0"/>
                  </a:lnTo>
                  <a:lnTo>
                    <a:pt x="2645" y="0"/>
                  </a:lnTo>
                  <a:lnTo>
                    <a:pt x="2647" y="0"/>
                  </a:lnTo>
                  <a:lnTo>
                    <a:pt x="2647" y="0"/>
                  </a:lnTo>
                  <a:lnTo>
                    <a:pt x="2648" y="0"/>
                  </a:lnTo>
                  <a:lnTo>
                    <a:pt x="2648" y="0"/>
                  </a:lnTo>
                  <a:lnTo>
                    <a:pt x="2649" y="0"/>
                  </a:lnTo>
                  <a:lnTo>
                    <a:pt x="2649" y="0"/>
                  </a:lnTo>
                  <a:lnTo>
                    <a:pt x="2650" y="0"/>
                  </a:lnTo>
                  <a:lnTo>
                    <a:pt x="2650" y="0"/>
                  </a:lnTo>
                  <a:lnTo>
                    <a:pt x="2651" y="0"/>
                  </a:lnTo>
                  <a:lnTo>
                    <a:pt x="2651" y="0"/>
                  </a:lnTo>
                  <a:lnTo>
                    <a:pt x="2651" y="0"/>
                  </a:lnTo>
                  <a:lnTo>
                    <a:pt x="2651" y="0"/>
                  </a:lnTo>
                  <a:lnTo>
                    <a:pt x="2652" y="0"/>
                  </a:lnTo>
                  <a:lnTo>
                    <a:pt x="2652" y="0"/>
                  </a:lnTo>
                  <a:lnTo>
                    <a:pt x="2653" y="0"/>
                  </a:lnTo>
                  <a:lnTo>
                    <a:pt x="2653" y="0"/>
                  </a:lnTo>
                  <a:lnTo>
                    <a:pt x="2654" y="0"/>
                  </a:lnTo>
                  <a:lnTo>
                    <a:pt x="2654" y="0"/>
                  </a:lnTo>
                  <a:lnTo>
                    <a:pt x="2656" y="0"/>
                  </a:lnTo>
                  <a:lnTo>
                    <a:pt x="2656" y="0"/>
                  </a:lnTo>
                  <a:lnTo>
                    <a:pt x="2657" y="0"/>
                  </a:lnTo>
                  <a:lnTo>
                    <a:pt x="2657" y="0"/>
                  </a:lnTo>
                  <a:lnTo>
                    <a:pt x="2658" y="0"/>
                  </a:lnTo>
                  <a:lnTo>
                    <a:pt x="2658" y="0"/>
                  </a:lnTo>
                  <a:lnTo>
                    <a:pt x="2659" y="0"/>
                  </a:lnTo>
                  <a:lnTo>
                    <a:pt x="2659" y="0"/>
                  </a:lnTo>
                  <a:lnTo>
                    <a:pt x="2660" y="0"/>
                  </a:lnTo>
                  <a:lnTo>
                    <a:pt x="2660" y="0"/>
                  </a:lnTo>
                  <a:lnTo>
                    <a:pt x="2661" y="0"/>
                  </a:lnTo>
                  <a:lnTo>
                    <a:pt x="2661" y="0"/>
                  </a:lnTo>
                  <a:lnTo>
                    <a:pt x="2662" y="0"/>
                  </a:lnTo>
                  <a:lnTo>
                    <a:pt x="2662" y="0"/>
                  </a:lnTo>
                  <a:lnTo>
                    <a:pt x="2663" y="0"/>
                  </a:lnTo>
                  <a:lnTo>
                    <a:pt x="2663" y="0"/>
                  </a:lnTo>
                  <a:lnTo>
                    <a:pt x="2667" y="0"/>
                  </a:lnTo>
                  <a:lnTo>
                    <a:pt x="2667" y="0"/>
                  </a:lnTo>
                  <a:lnTo>
                    <a:pt x="2667" y="0"/>
                  </a:lnTo>
                  <a:lnTo>
                    <a:pt x="2667" y="0"/>
                  </a:lnTo>
                  <a:lnTo>
                    <a:pt x="2669" y="0"/>
                  </a:lnTo>
                  <a:lnTo>
                    <a:pt x="2669" y="0"/>
                  </a:lnTo>
                  <a:lnTo>
                    <a:pt x="2670" y="0"/>
                  </a:lnTo>
                  <a:lnTo>
                    <a:pt x="2670" y="0"/>
                  </a:lnTo>
                  <a:lnTo>
                    <a:pt x="2671" y="0"/>
                  </a:lnTo>
                  <a:lnTo>
                    <a:pt x="2671" y="0"/>
                  </a:lnTo>
                  <a:lnTo>
                    <a:pt x="2672" y="0"/>
                  </a:lnTo>
                  <a:lnTo>
                    <a:pt x="2672" y="0"/>
                  </a:lnTo>
                  <a:lnTo>
                    <a:pt x="2674" y="0"/>
                  </a:lnTo>
                  <a:lnTo>
                    <a:pt x="2674" y="0"/>
                  </a:lnTo>
                  <a:lnTo>
                    <a:pt x="2675" y="0"/>
                  </a:lnTo>
                  <a:lnTo>
                    <a:pt x="2675" y="0"/>
                  </a:lnTo>
                  <a:lnTo>
                    <a:pt x="2676" y="0"/>
                  </a:lnTo>
                  <a:lnTo>
                    <a:pt x="2676" y="0"/>
                  </a:lnTo>
                  <a:lnTo>
                    <a:pt x="2677" y="0"/>
                  </a:lnTo>
                  <a:lnTo>
                    <a:pt x="2677" y="0"/>
                  </a:lnTo>
                  <a:lnTo>
                    <a:pt x="2677" y="0"/>
                  </a:lnTo>
                  <a:lnTo>
                    <a:pt x="2677" y="0"/>
                  </a:lnTo>
                  <a:lnTo>
                    <a:pt x="2678" y="0"/>
                  </a:lnTo>
                  <a:lnTo>
                    <a:pt x="2678" y="0"/>
                  </a:lnTo>
                  <a:lnTo>
                    <a:pt x="2679" y="0"/>
                  </a:lnTo>
                  <a:lnTo>
                    <a:pt x="2679" y="0"/>
                  </a:lnTo>
                  <a:lnTo>
                    <a:pt x="2680" y="0"/>
                  </a:lnTo>
                  <a:lnTo>
                    <a:pt x="2680" y="0"/>
                  </a:lnTo>
                  <a:lnTo>
                    <a:pt x="2681" y="0"/>
                  </a:lnTo>
                  <a:lnTo>
                    <a:pt x="2681" y="0"/>
                  </a:lnTo>
                  <a:lnTo>
                    <a:pt x="2682" y="0"/>
                  </a:lnTo>
                  <a:lnTo>
                    <a:pt x="2682" y="0"/>
                  </a:lnTo>
                  <a:lnTo>
                    <a:pt x="2684" y="0"/>
                  </a:lnTo>
                  <a:lnTo>
                    <a:pt x="2684" y="0"/>
                  </a:lnTo>
                  <a:lnTo>
                    <a:pt x="2685" y="0"/>
                  </a:lnTo>
                  <a:lnTo>
                    <a:pt x="2685" y="0"/>
                  </a:lnTo>
                  <a:lnTo>
                    <a:pt x="2686" y="0"/>
                  </a:lnTo>
                  <a:lnTo>
                    <a:pt x="2686" y="0"/>
                  </a:lnTo>
                  <a:lnTo>
                    <a:pt x="2687" y="1"/>
                  </a:lnTo>
                  <a:lnTo>
                    <a:pt x="2687" y="1"/>
                  </a:lnTo>
                  <a:lnTo>
                    <a:pt x="2687" y="1"/>
                  </a:lnTo>
                  <a:lnTo>
                    <a:pt x="2687" y="1"/>
                  </a:lnTo>
                  <a:lnTo>
                    <a:pt x="2689" y="1"/>
                  </a:lnTo>
                  <a:lnTo>
                    <a:pt x="2689" y="1"/>
                  </a:lnTo>
                  <a:lnTo>
                    <a:pt x="2689" y="1"/>
                  </a:lnTo>
                  <a:lnTo>
                    <a:pt x="2689" y="1"/>
                  </a:lnTo>
                  <a:lnTo>
                    <a:pt x="2690" y="1"/>
                  </a:lnTo>
                  <a:lnTo>
                    <a:pt x="2690" y="1"/>
                  </a:lnTo>
                  <a:lnTo>
                    <a:pt x="2691" y="1"/>
                  </a:lnTo>
                  <a:lnTo>
                    <a:pt x="2691" y="1"/>
                  </a:lnTo>
                  <a:lnTo>
                    <a:pt x="2693" y="1"/>
                  </a:lnTo>
                  <a:lnTo>
                    <a:pt x="2693" y="1"/>
                  </a:lnTo>
                  <a:lnTo>
                    <a:pt x="2694" y="1"/>
                  </a:lnTo>
                  <a:lnTo>
                    <a:pt x="2694" y="1"/>
                  </a:lnTo>
                  <a:lnTo>
                    <a:pt x="2695" y="1"/>
                  </a:lnTo>
                  <a:lnTo>
                    <a:pt x="2695" y="1"/>
                  </a:lnTo>
                  <a:lnTo>
                    <a:pt x="2696" y="1"/>
                  </a:lnTo>
                  <a:lnTo>
                    <a:pt x="2696" y="1"/>
                  </a:lnTo>
                  <a:lnTo>
                    <a:pt x="2697" y="1"/>
                  </a:lnTo>
                  <a:lnTo>
                    <a:pt x="2697" y="1"/>
                  </a:lnTo>
                  <a:lnTo>
                    <a:pt x="2698" y="1"/>
                  </a:lnTo>
                  <a:lnTo>
                    <a:pt x="2698" y="1"/>
                  </a:lnTo>
                  <a:lnTo>
                    <a:pt x="2699" y="1"/>
                  </a:lnTo>
                  <a:lnTo>
                    <a:pt x="2699" y="1"/>
                  </a:lnTo>
                  <a:lnTo>
                    <a:pt x="2699" y="1"/>
                  </a:lnTo>
                  <a:lnTo>
                    <a:pt x="2699" y="1"/>
                  </a:lnTo>
                  <a:lnTo>
                    <a:pt x="2705" y="1"/>
                  </a:lnTo>
                  <a:lnTo>
                    <a:pt x="2705" y="1"/>
                  </a:lnTo>
                  <a:lnTo>
                    <a:pt x="2705" y="1"/>
                  </a:lnTo>
                  <a:lnTo>
                    <a:pt x="2705" y="1"/>
                  </a:lnTo>
                  <a:lnTo>
                    <a:pt x="2706" y="1"/>
                  </a:lnTo>
                  <a:lnTo>
                    <a:pt x="2706" y="1"/>
                  </a:lnTo>
                  <a:lnTo>
                    <a:pt x="2707" y="1"/>
                  </a:lnTo>
                  <a:lnTo>
                    <a:pt x="2707" y="1"/>
                  </a:lnTo>
                  <a:lnTo>
                    <a:pt x="2708" y="1"/>
                  </a:lnTo>
                  <a:lnTo>
                    <a:pt x="2708" y="1"/>
                  </a:lnTo>
                  <a:lnTo>
                    <a:pt x="2709" y="1"/>
                  </a:lnTo>
                  <a:lnTo>
                    <a:pt x="2709" y="1"/>
                  </a:lnTo>
                  <a:lnTo>
                    <a:pt x="2711" y="1"/>
                  </a:lnTo>
                  <a:lnTo>
                    <a:pt x="2711" y="1"/>
                  </a:lnTo>
                  <a:lnTo>
                    <a:pt x="2712" y="1"/>
                  </a:lnTo>
                  <a:lnTo>
                    <a:pt x="2712" y="1"/>
                  </a:lnTo>
                  <a:lnTo>
                    <a:pt x="2713" y="1"/>
                  </a:lnTo>
                  <a:lnTo>
                    <a:pt x="2713" y="1"/>
                  </a:lnTo>
                  <a:lnTo>
                    <a:pt x="2713" y="1"/>
                  </a:lnTo>
                  <a:lnTo>
                    <a:pt x="2713" y="1"/>
                  </a:lnTo>
                  <a:lnTo>
                    <a:pt x="2715" y="1"/>
                  </a:lnTo>
                  <a:lnTo>
                    <a:pt x="2715" y="1"/>
                  </a:lnTo>
                  <a:lnTo>
                    <a:pt x="2715" y="1"/>
                  </a:lnTo>
                  <a:lnTo>
                    <a:pt x="2715" y="1"/>
                  </a:lnTo>
                  <a:lnTo>
                    <a:pt x="2716" y="1"/>
                  </a:lnTo>
                  <a:lnTo>
                    <a:pt x="2716" y="1"/>
                  </a:lnTo>
                  <a:lnTo>
                    <a:pt x="2717" y="1"/>
                  </a:lnTo>
                  <a:lnTo>
                    <a:pt x="2717" y="1"/>
                  </a:lnTo>
                  <a:lnTo>
                    <a:pt x="2718" y="1"/>
                  </a:lnTo>
                  <a:lnTo>
                    <a:pt x="2718" y="1"/>
                  </a:lnTo>
                  <a:lnTo>
                    <a:pt x="2719" y="1"/>
                  </a:lnTo>
                  <a:lnTo>
                    <a:pt x="2719" y="1"/>
                  </a:lnTo>
                  <a:lnTo>
                    <a:pt x="2721" y="1"/>
                  </a:lnTo>
                  <a:lnTo>
                    <a:pt x="2721" y="1"/>
                  </a:lnTo>
                  <a:lnTo>
                    <a:pt x="2722" y="1"/>
                  </a:lnTo>
                  <a:lnTo>
                    <a:pt x="2722" y="1"/>
                  </a:lnTo>
                  <a:lnTo>
                    <a:pt x="2723" y="1"/>
                  </a:lnTo>
                  <a:lnTo>
                    <a:pt x="2723" y="1"/>
                  </a:lnTo>
                  <a:lnTo>
                    <a:pt x="2723" y="1"/>
                  </a:lnTo>
                  <a:lnTo>
                    <a:pt x="2723" y="1"/>
                  </a:lnTo>
                  <a:lnTo>
                    <a:pt x="2725" y="1"/>
                  </a:lnTo>
                  <a:lnTo>
                    <a:pt x="2725" y="1"/>
                  </a:lnTo>
                  <a:lnTo>
                    <a:pt x="2725" y="1"/>
                  </a:lnTo>
                  <a:lnTo>
                    <a:pt x="2725" y="1"/>
                  </a:lnTo>
                  <a:lnTo>
                    <a:pt x="2727" y="3"/>
                  </a:lnTo>
                  <a:lnTo>
                    <a:pt x="2727" y="3"/>
                  </a:lnTo>
                  <a:lnTo>
                    <a:pt x="2727" y="3"/>
                  </a:lnTo>
                  <a:lnTo>
                    <a:pt x="2727" y="3"/>
                  </a:lnTo>
                  <a:lnTo>
                    <a:pt x="2728" y="3"/>
                  </a:lnTo>
                  <a:lnTo>
                    <a:pt x="2728" y="3"/>
                  </a:lnTo>
                  <a:lnTo>
                    <a:pt x="2730" y="3"/>
                  </a:lnTo>
                  <a:lnTo>
                    <a:pt x="2730" y="3"/>
                  </a:lnTo>
                  <a:lnTo>
                    <a:pt x="2731" y="3"/>
                  </a:lnTo>
                  <a:lnTo>
                    <a:pt x="2731" y="3"/>
                  </a:lnTo>
                  <a:lnTo>
                    <a:pt x="2732" y="3"/>
                  </a:lnTo>
                  <a:lnTo>
                    <a:pt x="2732" y="3"/>
                  </a:lnTo>
                  <a:lnTo>
                    <a:pt x="2733" y="3"/>
                  </a:lnTo>
                  <a:lnTo>
                    <a:pt x="2733" y="3"/>
                  </a:lnTo>
                  <a:lnTo>
                    <a:pt x="2733" y="3"/>
                  </a:lnTo>
                  <a:lnTo>
                    <a:pt x="2733" y="3"/>
                  </a:lnTo>
                  <a:lnTo>
                    <a:pt x="2746" y="3"/>
                  </a:lnTo>
                  <a:lnTo>
                    <a:pt x="2746" y="3"/>
                  </a:lnTo>
                  <a:lnTo>
                    <a:pt x="2746" y="3"/>
                  </a:lnTo>
                  <a:lnTo>
                    <a:pt x="2749" y="3"/>
                  </a:lnTo>
                  <a:lnTo>
                    <a:pt x="2749" y="3"/>
                  </a:lnTo>
                  <a:lnTo>
                    <a:pt x="2749" y="3"/>
                  </a:lnTo>
                  <a:lnTo>
                    <a:pt x="2749" y="3"/>
                  </a:lnTo>
                  <a:lnTo>
                    <a:pt x="2751" y="3"/>
                  </a:lnTo>
                  <a:lnTo>
                    <a:pt x="2751" y="3"/>
                  </a:lnTo>
                  <a:lnTo>
                    <a:pt x="2751" y="3"/>
                  </a:lnTo>
                  <a:lnTo>
                    <a:pt x="2753" y="3"/>
                  </a:lnTo>
                  <a:lnTo>
                    <a:pt x="2753" y="3"/>
                  </a:lnTo>
                  <a:lnTo>
                    <a:pt x="2753" y="3"/>
                  </a:lnTo>
                  <a:lnTo>
                    <a:pt x="2753" y="3"/>
                  </a:lnTo>
                  <a:lnTo>
                    <a:pt x="2754" y="4"/>
                  </a:lnTo>
                  <a:lnTo>
                    <a:pt x="2754" y="4"/>
                  </a:lnTo>
                  <a:lnTo>
                    <a:pt x="2755" y="4"/>
                  </a:lnTo>
                  <a:lnTo>
                    <a:pt x="2755" y="4"/>
                  </a:lnTo>
                  <a:lnTo>
                    <a:pt x="2757" y="4"/>
                  </a:lnTo>
                  <a:lnTo>
                    <a:pt x="2757" y="4"/>
                  </a:lnTo>
                  <a:lnTo>
                    <a:pt x="2757" y="4"/>
                  </a:lnTo>
                  <a:lnTo>
                    <a:pt x="2757" y="4"/>
                  </a:lnTo>
                  <a:lnTo>
                    <a:pt x="2761" y="4"/>
                  </a:lnTo>
                  <a:lnTo>
                    <a:pt x="2761" y="4"/>
                  </a:lnTo>
                  <a:lnTo>
                    <a:pt x="2761" y="4"/>
                  </a:lnTo>
                  <a:lnTo>
                    <a:pt x="2822" y="7"/>
                  </a:lnTo>
                  <a:lnTo>
                    <a:pt x="2883" y="12"/>
                  </a:lnTo>
                  <a:lnTo>
                    <a:pt x="2944" y="18"/>
                  </a:lnTo>
                  <a:lnTo>
                    <a:pt x="3003" y="25"/>
                  </a:lnTo>
                  <a:lnTo>
                    <a:pt x="3064" y="35"/>
                  </a:lnTo>
                  <a:lnTo>
                    <a:pt x="3122" y="45"/>
                  </a:lnTo>
                  <a:lnTo>
                    <a:pt x="3182" y="57"/>
                  </a:lnTo>
                  <a:lnTo>
                    <a:pt x="3240" y="68"/>
                  </a:lnTo>
                  <a:lnTo>
                    <a:pt x="3297" y="82"/>
                  </a:lnTo>
                  <a:lnTo>
                    <a:pt x="3356" y="98"/>
                  </a:lnTo>
                  <a:lnTo>
                    <a:pt x="3412" y="114"/>
                  </a:lnTo>
                  <a:lnTo>
                    <a:pt x="3468" y="132"/>
                  </a:lnTo>
                  <a:lnTo>
                    <a:pt x="3524" y="151"/>
                  </a:lnTo>
                  <a:lnTo>
                    <a:pt x="3579" y="170"/>
                  </a:lnTo>
                  <a:lnTo>
                    <a:pt x="3634" y="192"/>
                  </a:lnTo>
                  <a:lnTo>
                    <a:pt x="3688" y="213"/>
                  </a:lnTo>
                  <a:lnTo>
                    <a:pt x="3740" y="237"/>
                  </a:lnTo>
                  <a:lnTo>
                    <a:pt x="3793" y="261"/>
                  </a:lnTo>
                  <a:lnTo>
                    <a:pt x="3846" y="287"/>
                  </a:lnTo>
                  <a:lnTo>
                    <a:pt x="3897" y="313"/>
                  </a:lnTo>
                  <a:lnTo>
                    <a:pt x="3948" y="341"/>
                  </a:lnTo>
                  <a:lnTo>
                    <a:pt x="3997" y="369"/>
                  </a:lnTo>
                  <a:lnTo>
                    <a:pt x="4047" y="399"/>
                  </a:lnTo>
                  <a:lnTo>
                    <a:pt x="4096" y="429"/>
                  </a:lnTo>
                  <a:lnTo>
                    <a:pt x="4143" y="460"/>
                  </a:lnTo>
                  <a:lnTo>
                    <a:pt x="4190" y="494"/>
                  </a:lnTo>
                  <a:lnTo>
                    <a:pt x="4236" y="527"/>
                  </a:lnTo>
                  <a:lnTo>
                    <a:pt x="4282" y="562"/>
                  </a:lnTo>
                  <a:lnTo>
                    <a:pt x="4327" y="597"/>
                  </a:lnTo>
                  <a:lnTo>
                    <a:pt x="4371" y="633"/>
                  </a:lnTo>
                  <a:lnTo>
                    <a:pt x="4413" y="671"/>
                  </a:lnTo>
                  <a:lnTo>
                    <a:pt x="4456" y="709"/>
                  </a:lnTo>
                  <a:lnTo>
                    <a:pt x="4496" y="748"/>
                  </a:lnTo>
                  <a:lnTo>
                    <a:pt x="4537" y="788"/>
                  </a:lnTo>
                  <a:lnTo>
                    <a:pt x="4576" y="829"/>
                  </a:lnTo>
                  <a:lnTo>
                    <a:pt x="4615" y="870"/>
                  </a:lnTo>
                  <a:lnTo>
                    <a:pt x="4652" y="912"/>
                  </a:lnTo>
                  <a:lnTo>
                    <a:pt x="4689" y="955"/>
                  </a:lnTo>
                  <a:lnTo>
                    <a:pt x="4725" y="999"/>
                  </a:lnTo>
                  <a:lnTo>
                    <a:pt x="4760" y="1044"/>
                  </a:lnTo>
                  <a:lnTo>
                    <a:pt x="4794" y="1089"/>
                  </a:lnTo>
                  <a:lnTo>
                    <a:pt x="4826" y="1135"/>
                  </a:lnTo>
                  <a:lnTo>
                    <a:pt x="4858" y="1182"/>
                  </a:lnTo>
                  <a:lnTo>
                    <a:pt x="4888" y="1229"/>
                  </a:lnTo>
                  <a:lnTo>
                    <a:pt x="4918" y="1278"/>
                  </a:lnTo>
                  <a:lnTo>
                    <a:pt x="4946" y="1327"/>
                  </a:lnTo>
                  <a:lnTo>
                    <a:pt x="4973" y="1376"/>
                  </a:lnTo>
                  <a:lnTo>
                    <a:pt x="5000" y="1427"/>
                  </a:lnTo>
                  <a:lnTo>
                    <a:pt x="5025" y="1478"/>
                  </a:lnTo>
                  <a:lnTo>
                    <a:pt x="5048" y="1530"/>
                  </a:lnTo>
                  <a:lnTo>
                    <a:pt x="5072" y="1581"/>
                  </a:lnTo>
                  <a:lnTo>
                    <a:pt x="5093" y="1633"/>
                  </a:lnTo>
                  <a:lnTo>
                    <a:pt x="5113" y="1687"/>
                  </a:lnTo>
                  <a:lnTo>
                    <a:pt x="5132" y="1740"/>
                  </a:lnTo>
                  <a:lnTo>
                    <a:pt x="5150" y="1795"/>
                  </a:lnTo>
                  <a:lnTo>
                    <a:pt x="5167" y="1849"/>
                  </a:lnTo>
                  <a:lnTo>
                    <a:pt x="5183" y="1905"/>
                  </a:lnTo>
                  <a:lnTo>
                    <a:pt x="5198" y="1960"/>
                  </a:lnTo>
                  <a:lnTo>
                    <a:pt x="5210" y="2017"/>
                  </a:lnTo>
                  <a:lnTo>
                    <a:pt x="5222" y="2074"/>
                  </a:lnTo>
                  <a:lnTo>
                    <a:pt x="5232" y="2131"/>
                  </a:lnTo>
                  <a:lnTo>
                    <a:pt x="5241" y="2188"/>
                  </a:lnTo>
                  <a:lnTo>
                    <a:pt x="5249" y="2247"/>
                  </a:lnTo>
                  <a:lnTo>
                    <a:pt x="5255" y="2305"/>
                  </a:lnTo>
                  <a:lnTo>
                    <a:pt x="5255" y="2305"/>
                  </a:lnTo>
                  <a:lnTo>
                    <a:pt x="5231" y="2277"/>
                  </a:lnTo>
                  <a:lnTo>
                    <a:pt x="5207" y="2250"/>
                  </a:lnTo>
                  <a:lnTo>
                    <a:pt x="5181" y="2223"/>
                  </a:lnTo>
                  <a:lnTo>
                    <a:pt x="5155" y="2197"/>
                  </a:lnTo>
                  <a:lnTo>
                    <a:pt x="5128" y="2170"/>
                  </a:lnTo>
                  <a:lnTo>
                    <a:pt x="5101" y="2144"/>
                  </a:lnTo>
                  <a:lnTo>
                    <a:pt x="5044" y="2093"/>
                  </a:lnTo>
                  <a:lnTo>
                    <a:pt x="4984" y="2044"/>
                  </a:lnTo>
                  <a:lnTo>
                    <a:pt x="4924" y="1995"/>
                  </a:lnTo>
                  <a:lnTo>
                    <a:pt x="4860" y="1947"/>
                  </a:lnTo>
                  <a:lnTo>
                    <a:pt x="4794" y="1902"/>
                  </a:lnTo>
                  <a:lnTo>
                    <a:pt x="4725" y="1858"/>
                  </a:lnTo>
                  <a:lnTo>
                    <a:pt x="4655" y="1815"/>
                  </a:lnTo>
                  <a:lnTo>
                    <a:pt x="4582" y="1774"/>
                  </a:lnTo>
                  <a:lnTo>
                    <a:pt x="4507" y="1734"/>
                  </a:lnTo>
                  <a:lnTo>
                    <a:pt x="4429" y="1695"/>
                  </a:lnTo>
                  <a:lnTo>
                    <a:pt x="4351" y="1658"/>
                  </a:lnTo>
                  <a:lnTo>
                    <a:pt x="4270" y="1623"/>
                  </a:lnTo>
                  <a:lnTo>
                    <a:pt x="4187" y="1590"/>
                  </a:lnTo>
                  <a:lnTo>
                    <a:pt x="4103" y="1559"/>
                  </a:lnTo>
                  <a:lnTo>
                    <a:pt x="4016" y="1528"/>
                  </a:lnTo>
                  <a:lnTo>
                    <a:pt x="3929" y="1500"/>
                  </a:lnTo>
                  <a:lnTo>
                    <a:pt x="3839" y="1474"/>
                  </a:lnTo>
                  <a:lnTo>
                    <a:pt x="3748" y="1450"/>
                  </a:lnTo>
                  <a:lnTo>
                    <a:pt x="3655" y="1427"/>
                  </a:lnTo>
                  <a:lnTo>
                    <a:pt x="3562" y="1406"/>
                  </a:lnTo>
                  <a:lnTo>
                    <a:pt x="3467" y="1388"/>
                  </a:lnTo>
                  <a:lnTo>
                    <a:pt x="3370" y="1372"/>
                  </a:lnTo>
                  <a:lnTo>
                    <a:pt x="3271" y="1358"/>
                  </a:lnTo>
                  <a:lnTo>
                    <a:pt x="3173" y="1345"/>
                  </a:lnTo>
                  <a:lnTo>
                    <a:pt x="3073" y="1335"/>
                  </a:lnTo>
                  <a:lnTo>
                    <a:pt x="2972" y="1328"/>
                  </a:lnTo>
                  <a:lnTo>
                    <a:pt x="2870" y="1321"/>
                  </a:lnTo>
                  <a:lnTo>
                    <a:pt x="2767" y="1318"/>
                  </a:lnTo>
                  <a:lnTo>
                    <a:pt x="2662" y="1317"/>
                  </a:lnTo>
                  <a:lnTo>
                    <a:pt x="2662" y="1317"/>
                  </a:lnTo>
                  <a:lnTo>
                    <a:pt x="2553" y="1318"/>
                  </a:lnTo>
                  <a:lnTo>
                    <a:pt x="2445" y="1322"/>
                  </a:lnTo>
                  <a:lnTo>
                    <a:pt x="2338" y="1329"/>
                  </a:lnTo>
                  <a:lnTo>
                    <a:pt x="2233" y="1337"/>
                  </a:lnTo>
                  <a:lnTo>
                    <a:pt x="2127" y="1348"/>
                  </a:lnTo>
                  <a:lnTo>
                    <a:pt x="2024" y="1361"/>
                  </a:lnTo>
                  <a:lnTo>
                    <a:pt x="1922" y="1377"/>
                  </a:lnTo>
                  <a:lnTo>
                    <a:pt x="1821" y="1396"/>
                  </a:lnTo>
                  <a:lnTo>
                    <a:pt x="1722" y="1415"/>
                  </a:lnTo>
                  <a:lnTo>
                    <a:pt x="1625" y="1438"/>
                  </a:lnTo>
                  <a:lnTo>
                    <a:pt x="1528" y="1463"/>
                  </a:lnTo>
                  <a:lnTo>
                    <a:pt x="1434" y="1489"/>
                  </a:lnTo>
                  <a:lnTo>
                    <a:pt x="1341" y="1518"/>
                  </a:lnTo>
                  <a:lnTo>
                    <a:pt x="1250" y="1548"/>
                  </a:lnTo>
                  <a:lnTo>
                    <a:pt x="1161" y="1580"/>
                  </a:lnTo>
                  <a:lnTo>
                    <a:pt x="1074" y="1615"/>
                  </a:lnTo>
                  <a:lnTo>
                    <a:pt x="989" y="1652"/>
                  </a:lnTo>
                  <a:lnTo>
                    <a:pt x="906" y="1689"/>
                  </a:lnTo>
                  <a:lnTo>
                    <a:pt x="825" y="1729"/>
                  </a:lnTo>
                  <a:lnTo>
                    <a:pt x="746" y="1771"/>
                  </a:lnTo>
                  <a:lnTo>
                    <a:pt x="670" y="1815"/>
                  </a:lnTo>
                  <a:lnTo>
                    <a:pt x="633" y="1837"/>
                  </a:lnTo>
                  <a:lnTo>
                    <a:pt x="596" y="1860"/>
                  </a:lnTo>
                  <a:lnTo>
                    <a:pt x="560" y="1883"/>
                  </a:lnTo>
                  <a:lnTo>
                    <a:pt x="524" y="1906"/>
                  </a:lnTo>
                  <a:lnTo>
                    <a:pt x="489" y="1930"/>
                  </a:lnTo>
                  <a:lnTo>
                    <a:pt x="456" y="1954"/>
                  </a:lnTo>
                  <a:lnTo>
                    <a:pt x="422" y="1979"/>
                  </a:lnTo>
                  <a:lnTo>
                    <a:pt x="388" y="2004"/>
                  </a:lnTo>
                  <a:lnTo>
                    <a:pt x="357" y="2030"/>
                  </a:lnTo>
                  <a:lnTo>
                    <a:pt x="324" y="2055"/>
                  </a:lnTo>
                  <a:lnTo>
                    <a:pt x="294" y="2081"/>
                  </a:lnTo>
                  <a:lnTo>
                    <a:pt x="264" y="2107"/>
                  </a:lnTo>
                  <a:lnTo>
                    <a:pt x="234" y="2134"/>
                  </a:lnTo>
                  <a:lnTo>
                    <a:pt x="206" y="2161"/>
                  </a:lnTo>
                  <a:lnTo>
                    <a:pt x="178" y="2189"/>
                  </a:lnTo>
                  <a:lnTo>
                    <a:pt x="149" y="2216"/>
                  </a:lnTo>
                  <a:lnTo>
                    <a:pt x="123" y="2244"/>
                  </a:lnTo>
                  <a:lnTo>
                    <a:pt x="97" y="2274"/>
                  </a:lnTo>
                  <a:lnTo>
                    <a:pt x="72" y="2302"/>
                  </a:lnTo>
                  <a:lnTo>
                    <a:pt x="47" y="2331"/>
                  </a:lnTo>
                  <a:lnTo>
                    <a:pt x="24" y="2360"/>
                  </a:lnTo>
                  <a:lnTo>
                    <a:pt x="0" y="2390"/>
                  </a:lnTo>
                  <a:lnTo>
                    <a:pt x="0" y="2390"/>
                  </a:lnTo>
                  <a:lnTo>
                    <a:pt x="5" y="2330"/>
                  </a:lnTo>
                  <a:lnTo>
                    <a:pt x="10" y="2270"/>
                  </a:lnTo>
                  <a:lnTo>
                    <a:pt x="17" y="2211"/>
                  </a:lnTo>
                  <a:lnTo>
                    <a:pt x="26" y="2153"/>
                  </a:lnTo>
                  <a:lnTo>
                    <a:pt x="36" y="2094"/>
                  </a:lnTo>
                  <a:lnTo>
                    <a:pt x="47" y="2037"/>
                  </a:lnTo>
                  <a:lnTo>
                    <a:pt x="60" y="1979"/>
                  </a:lnTo>
                  <a:lnTo>
                    <a:pt x="74" y="1923"/>
                  </a:lnTo>
                  <a:lnTo>
                    <a:pt x="90" y="1866"/>
                  </a:lnTo>
                  <a:lnTo>
                    <a:pt x="106" y="1810"/>
                  </a:lnTo>
                  <a:lnTo>
                    <a:pt x="124" y="1755"/>
                  </a:lnTo>
                  <a:lnTo>
                    <a:pt x="144" y="1700"/>
                  </a:lnTo>
                  <a:lnTo>
                    <a:pt x="164" y="1646"/>
                  </a:lnTo>
                  <a:lnTo>
                    <a:pt x="185" y="1592"/>
                  </a:lnTo>
                  <a:lnTo>
                    <a:pt x="209" y="1539"/>
                  </a:lnTo>
                  <a:lnTo>
                    <a:pt x="232" y="1486"/>
                  </a:lnTo>
                  <a:lnTo>
                    <a:pt x="258" y="1435"/>
                  </a:lnTo>
                  <a:lnTo>
                    <a:pt x="284" y="1384"/>
                  </a:lnTo>
                  <a:lnTo>
                    <a:pt x="312" y="1333"/>
                  </a:lnTo>
                  <a:lnTo>
                    <a:pt x="340" y="1283"/>
                  </a:lnTo>
                  <a:lnTo>
                    <a:pt x="370" y="1235"/>
                  </a:lnTo>
                  <a:lnTo>
                    <a:pt x="402" y="1186"/>
                  </a:lnTo>
                  <a:lnTo>
                    <a:pt x="433" y="1139"/>
                  </a:lnTo>
                  <a:lnTo>
                    <a:pt x="467" y="1091"/>
                  </a:lnTo>
                  <a:lnTo>
                    <a:pt x="501" y="1045"/>
                  </a:lnTo>
                  <a:lnTo>
                    <a:pt x="536" y="999"/>
                  </a:lnTo>
                  <a:lnTo>
                    <a:pt x="572" y="955"/>
                  </a:lnTo>
                  <a:lnTo>
                    <a:pt x="609" y="911"/>
                  </a:lnTo>
                  <a:lnTo>
                    <a:pt x="648" y="869"/>
                  </a:lnTo>
                  <a:lnTo>
                    <a:pt x="687" y="827"/>
                  </a:lnTo>
                  <a:lnTo>
                    <a:pt x="727" y="784"/>
                  </a:lnTo>
                  <a:lnTo>
                    <a:pt x="769" y="744"/>
                  </a:lnTo>
                  <a:lnTo>
                    <a:pt x="810" y="705"/>
                  </a:lnTo>
                  <a:lnTo>
                    <a:pt x="854" y="666"/>
                  </a:lnTo>
                  <a:lnTo>
                    <a:pt x="898" y="628"/>
                  </a:lnTo>
                  <a:lnTo>
                    <a:pt x="941" y="591"/>
                  </a:lnTo>
                  <a:lnTo>
                    <a:pt x="987" y="555"/>
                  </a:lnTo>
                  <a:lnTo>
                    <a:pt x="1033" y="521"/>
                  </a:lnTo>
                  <a:lnTo>
                    <a:pt x="1081" y="486"/>
                  </a:lnTo>
                  <a:lnTo>
                    <a:pt x="1129" y="454"/>
                  </a:lnTo>
                  <a:lnTo>
                    <a:pt x="1178" y="422"/>
                  </a:lnTo>
                  <a:lnTo>
                    <a:pt x="1228" y="391"/>
                  </a:lnTo>
                  <a:lnTo>
                    <a:pt x="1278" y="361"/>
                  </a:lnTo>
                  <a:lnTo>
                    <a:pt x="1328" y="332"/>
                  </a:lnTo>
                  <a:lnTo>
                    <a:pt x="1380" y="305"/>
                  </a:lnTo>
                  <a:lnTo>
                    <a:pt x="1433" y="278"/>
                  </a:lnTo>
                  <a:lnTo>
                    <a:pt x="1486" y="252"/>
                  </a:lnTo>
                  <a:lnTo>
                    <a:pt x="1539" y="228"/>
                  </a:lnTo>
                  <a:lnTo>
                    <a:pt x="1594" y="205"/>
                  </a:lnTo>
                  <a:lnTo>
                    <a:pt x="1649" y="183"/>
                  </a:lnTo>
                  <a:lnTo>
                    <a:pt x="1705" y="162"/>
                  </a:lnTo>
                  <a:lnTo>
                    <a:pt x="1761" y="142"/>
                  </a:lnTo>
                  <a:lnTo>
                    <a:pt x="1819" y="124"/>
                  </a:lnTo>
                  <a:lnTo>
                    <a:pt x="1876" y="106"/>
                  </a:lnTo>
                  <a:lnTo>
                    <a:pt x="1934" y="90"/>
                  </a:lnTo>
                  <a:lnTo>
                    <a:pt x="1993" y="76"/>
                  </a:lnTo>
                  <a:lnTo>
                    <a:pt x="2051" y="62"/>
                  </a:lnTo>
                  <a:lnTo>
                    <a:pt x="2111" y="50"/>
                  </a:lnTo>
                  <a:lnTo>
                    <a:pt x="2171" y="39"/>
                  </a:lnTo>
                  <a:lnTo>
                    <a:pt x="2232" y="30"/>
                  </a:lnTo>
                  <a:lnTo>
                    <a:pt x="2292" y="21"/>
                  </a:lnTo>
                  <a:lnTo>
                    <a:pt x="2354" y="14"/>
                  </a:lnTo>
                  <a:lnTo>
                    <a:pt x="2415" y="9"/>
                  </a:lnTo>
                  <a:lnTo>
                    <a:pt x="2478" y="5"/>
                  </a:lnTo>
                  <a:lnTo>
                    <a:pt x="2478" y="5"/>
                  </a:lnTo>
                  <a:lnTo>
                    <a:pt x="2478" y="5"/>
                  </a:lnTo>
                  <a:lnTo>
                    <a:pt x="2479" y="5"/>
                  </a:lnTo>
                  <a:lnTo>
                    <a:pt x="2481" y="5"/>
                  </a:lnTo>
                  <a:lnTo>
                    <a:pt x="2481" y="5"/>
                  </a:lnTo>
                  <a:lnTo>
                    <a:pt x="2482" y="5"/>
                  </a:lnTo>
                  <a:lnTo>
                    <a:pt x="2482" y="5"/>
                  </a:lnTo>
                  <a:lnTo>
                    <a:pt x="2482" y="5"/>
                  </a:lnTo>
                  <a:lnTo>
                    <a:pt x="2486" y="4"/>
                  </a:lnTo>
                  <a:lnTo>
                    <a:pt x="2486" y="4"/>
                  </a:lnTo>
                  <a:lnTo>
                    <a:pt x="2486" y="4"/>
                  </a:lnTo>
                  <a:lnTo>
                    <a:pt x="2488" y="4"/>
                  </a:lnTo>
                  <a:lnTo>
                    <a:pt x="2488" y="4"/>
                  </a:lnTo>
                  <a:lnTo>
                    <a:pt x="2488" y="4"/>
                  </a:lnTo>
                  <a:lnTo>
                    <a:pt x="2488" y="4"/>
                  </a:lnTo>
                  <a:lnTo>
                    <a:pt x="2490" y="4"/>
                  </a:lnTo>
                  <a:lnTo>
                    <a:pt x="2490" y="4"/>
                  </a:lnTo>
                  <a:lnTo>
                    <a:pt x="2491" y="4"/>
                  </a:lnTo>
                  <a:lnTo>
                    <a:pt x="2491" y="4"/>
                  </a:lnTo>
                  <a:lnTo>
                    <a:pt x="2492" y="4"/>
                  </a:lnTo>
                  <a:lnTo>
                    <a:pt x="2492" y="4"/>
                  </a:lnTo>
                  <a:lnTo>
                    <a:pt x="2492" y="4"/>
                  </a:lnTo>
                  <a:lnTo>
                    <a:pt x="2492" y="4"/>
                  </a:lnTo>
                  <a:lnTo>
                    <a:pt x="2494" y="4"/>
                  </a:lnTo>
                  <a:lnTo>
                    <a:pt x="2494" y="4"/>
                  </a:lnTo>
                  <a:lnTo>
                    <a:pt x="2494" y="4"/>
                  </a:lnTo>
                  <a:lnTo>
                    <a:pt x="2494" y="4"/>
                  </a:lnTo>
                  <a:lnTo>
                    <a:pt x="2496" y="4"/>
                  </a:lnTo>
                  <a:lnTo>
                    <a:pt x="2496" y="4"/>
                  </a:lnTo>
                  <a:lnTo>
                    <a:pt x="2496" y="4"/>
                  </a:lnTo>
                  <a:lnTo>
                    <a:pt x="2496" y="4"/>
                  </a:lnTo>
                  <a:lnTo>
                    <a:pt x="2499" y="4"/>
                  </a:lnTo>
                  <a:lnTo>
                    <a:pt x="2499" y="4"/>
                  </a:lnTo>
                  <a:lnTo>
                    <a:pt x="2499" y="4"/>
                  </a:lnTo>
                  <a:lnTo>
                    <a:pt x="2499" y="4"/>
                  </a:lnTo>
                  <a:lnTo>
                    <a:pt x="2502" y="4"/>
                  </a:lnTo>
                  <a:lnTo>
                    <a:pt x="2503" y="4"/>
                  </a:lnTo>
                  <a:lnTo>
                    <a:pt x="2503" y="4"/>
                  </a:lnTo>
                  <a:lnTo>
                    <a:pt x="2504" y="4"/>
                  </a:lnTo>
                  <a:lnTo>
                    <a:pt x="2504" y="4"/>
                  </a:lnTo>
                  <a:lnTo>
                    <a:pt x="2504" y="4"/>
                  </a:lnTo>
                  <a:lnTo>
                    <a:pt x="2504" y="4"/>
                  </a:lnTo>
                  <a:lnTo>
                    <a:pt x="2506" y="4"/>
                  </a:lnTo>
                  <a:lnTo>
                    <a:pt x="2506" y="4"/>
                  </a:lnTo>
                  <a:lnTo>
                    <a:pt x="2506" y="4"/>
                  </a:lnTo>
                  <a:lnTo>
                    <a:pt x="2506" y="4"/>
                  </a:lnTo>
                  <a:lnTo>
                    <a:pt x="2524" y="3"/>
                  </a:lnTo>
                  <a:lnTo>
                    <a:pt x="2524" y="3"/>
                  </a:lnTo>
                  <a:lnTo>
                    <a:pt x="2524" y="3"/>
                  </a:lnTo>
                  <a:lnTo>
                    <a:pt x="2527" y="3"/>
                  </a:lnTo>
                  <a:lnTo>
                    <a:pt x="2527" y="3"/>
                  </a:lnTo>
                  <a:lnTo>
                    <a:pt x="2527" y="3"/>
                  </a:lnTo>
                  <a:lnTo>
                    <a:pt x="2527" y="3"/>
                  </a:lnTo>
                  <a:lnTo>
                    <a:pt x="2529" y="3"/>
                  </a:lnTo>
                  <a:lnTo>
                    <a:pt x="2529" y="3"/>
                  </a:lnTo>
                  <a:lnTo>
                    <a:pt x="2529" y="3"/>
                  </a:lnTo>
                  <a:lnTo>
                    <a:pt x="2529" y="3"/>
                  </a:lnTo>
                  <a:lnTo>
                    <a:pt x="2530" y="3"/>
                  </a:lnTo>
                  <a:lnTo>
                    <a:pt x="2530" y="3"/>
                  </a:lnTo>
                  <a:lnTo>
                    <a:pt x="2531" y="3"/>
                  </a:lnTo>
                  <a:lnTo>
                    <a:pt x="2531" y="3"/>
                  </a:lnTo>
                  <a:lnTo>
                    <a:pt x="2532" y="3"/>
                  </a:lnTo>
                  <a:lnTo>
                    <a:pt x="2532" y="3"/>
                  </a:lnTo>
                  <a:lnTo>
                    <a:pt x="2533" y="3"/>
                  </a:lnTo>
                  <a:lnTo>
                    <a:pt x="2533" y="3"/>
                  </a:lnTo>
                  <a:lnTo>
                    <a:pt x="2534" y="3"/>
                  </a:lnTo>
                  <a:lnTo>
                    <a:pt x="2534" y="3"/>
                  </a:lnTo>
                  <a:lnTo>
                    <a:pt x="2536" y="3"/>
                  </a:lnTo>
                  <a:lnTo>
                    <a:pt x="2536" y="3"/>
                  </a:lnTo>
                  <a:lnTo>
                    <a:pt x="2537" y="1"/>
                  </a:lnTo>
                  <a:lnTo>
                    <a:pt x="2537" y="1"/>
                  </a:lnTo>
                  <a:lnTo>
                    <a:pt x="2537" y="1"/>
                  </a:lnTo>
                  <a:lnTo>
                    <a:pt x="2537" y="1"/>
                  </a:lnTo>
                  <a:lnTo>
                    <a:pt x="2539" y="1"/>
                  </a:lnTo>
                  <a:lnTo>
                    <a:pt x="2539" y="1"/>
                  </a:lnTo>
                  <a:lnTo>
                    <a:pt x="2539" y="1"/>
                  </a:lnTo>
                  <a:lnTo>
                    <a:pt x="2539" y="1"/>
                  </a:lnTo>
                  <a:lnTo>
                    <a:pt x="2540" y="1"/>
                  </a:lnTo>
                  <a:lnTo>
                    <a:pt x="2540" y="1"/>
                  </a:lnTo>
                  <a:lnTo>
                    <a:pt x="2541" y="1"/>
                  </a:lnTo>
                  <a:lnTo>
                    <a:pt x="2541" y="1"/>
                  </a:lnTo>
                  <a:lnTo>
                    <a:pt x="2542" y="1"/>
                  </a:lnTo>
                  <a:lnTo>
                    <a:pt x="2542" y="1"/>
                  </a:lnTo>
                  <a:lnTo>
                    <a:pt x="2543" y="1"/>
                  </a:lnTo>
                  <a:lnTo>
                    <a:pt x="2543" y="1"/>
                  </a:lnTo>
                  <a:lnTo>
                    <a:pt x="2544" y="1"/>
                  </a:lnTo>
                  <a:lnTo>
                    <a:pt x="2544" y="1"/>
                  </a:lnTo>
                  <a:lnTo>
                    <a:pt x="2546" y="1"/>
                  </a:lnTo>
                  <a:lnTo>
                    <a:pt x="2546" y="1"/>
                  </a:lnTo>
                  <a:lnTo>
                    <a:pt x="2547" y="1"/>
                  </a:lnTo>
                  <a:lnTo>
                    <a:pt x="2547" y="1"/>
                  </a:lnTo>
                  <a:lnTo>
                    <a:pt x="2548" y="1"/>
                  </a:lnTo>
                  <a:lnTo>
                    <a:pt x="2548" y="1"/>
                  </a:lnTo>
                  <a:lnTo>
                    <a:pt x="2549" y="1"/>
                  </a:lnTo>
                  <a:lnTo>
                    <a:pt x="2549" y="1"/>
                  </a:lnTo>
                  <a:lnTo>
                    <a:pt x="2549" y="1"/>
                  </a:lnTo>
                  <a:lnTo>
                    <a:pt x="2549" y="1"/>
                  </a:lnTo>
                  <a:lnTo>
                    <a:pt x="2551" y="1"/>
                  </a:lnTo>
                  <a:lnTo>
                    <a:pt x="2551" y="1"/>
                  </a:lnTo>
                  <a:lnTo>
                    <a:pt x="2551" y="1"/>
                  </a:lnTo>
                  <a:lnTo>
                    <a:pt x="2551" y="1"/>
                  </a:lnTo>
                  <a:lnTo>
                    <a:pt x="2552" y="1"/>
                  </a:lnTo>
                  <a:lnTo>
                    <a:pt x="2552" y="1"/>
                  </a:lnTo>
                  <a:lnTo>
                    <a:pt x="2553" y="1"/>
                  </a:lnTo>
                  <a:lnTo>
                    <a:pt x="2553" y="1"/>
                  </a:lnTo>
                  <a:lnTo>
                    <a:pt x="2555" y="1"/>
                  </a:lnTo>
                  <a:lnTo>
                    <a:pt x="2555" y="1"/>
                  </a:lnTo>
                  <a:lnTo>
                    <a:pt x="2556" y="1"/>
                  </a:lnTo>
                  <a:lnTo>
                    <a:pt x="2556" y="1"/>
                  </a:lnTo>
                  <a:lnTo>
                    <a:pt x="2557" y="1"/>
                  </a:lnTo>
                  <a:lnTo>
                    <a:pt x="2557" y="1"/>
                  </a:lnTo>
                  <a:lnTo>
                    <a:pt x="2558" y="1"/>
                  </a:lnTo>
                  <a:lnTo>
                    <a:pt x="2558" y="1"/>
                  </a:lnTo>
                  <a:lnTo>
                    <a:pt x="2559" y="1"/>
                  </a:lnTo>
                  <a:lnTo>
                    <a:pt x="2559" y="1"/>
                  </a:lnTo>
                  <a:lnTo>
                    <a:pt x="2560" y="1"/>
                  </a:lnTo>
                  <a:lnTo>
                    <a:pt x="2560" y="1"/>
                  </a:lnTo>
                  <a:lnTo>
                    <a:pt x="2561" y="1"/>
                  </a:lnTo>
                  <a:lnTo>
                    <a:pt x="2561" y="1"/>
                  </a:lnTo>
                  <a:lnTo>
                    <a:pt x="2562" y="1"/>
                  </a:lnTo>
                  <a:lnTo>
                    <a:pt x="2562" y="1"/>
                  </a:lnTo>
                  <a:lnTo>
                    <a:pt x="2564" y="1"/>
                  </a:lnTo>
                  <a:lnTo>
                    <a:pt x="2564" y="1"/>
                  </a:lnTo>
                  <a:lnTo>
                    <a:pt x="2565" y="1"/>
                  </a:lnTo>
                  <a:lnTo>
                    <a:pt x="2565" y="1"/>
                  </a:lnTo>
                  <a:lnTo>
                    <a:pt x="2566" y="1"/>
                  </a:lnTo>
                  <a:lnTo>
                    <a:pt x="2566" y="1"/>
                  </a:lnTo>
                  <a:lnTo>
                    <a:pt x="2566" y="1"/>
                  </a:lnTo>
                  <a:lnTo>
                    <a:pt x="2566" y="1"/>
                  </a:lnTo>
                  <a:lnTo>
                    <a:pt x="2567" y="1"/>
                  </a:lnTo>
                  <a:lnTo>
                    <a:pt x="2567" y="1"/>
                  </a:lnTo>
                  <a:lnTo>
                    <a:pt x="2568" y="1"/>
                  </a:lnTo>
                  <a:lnTo>
                    <a:pt x="2568" y="1"/>
                  </a:lnTo>
                  <a:lnTo>
                    <a:pt x="2569" y="1"/>
                  </a:lnTo>
                  <a:lnTo>
                    <a:pt x="2569" y="1"/>
                  </a:lnTo>
                  <a:lnTo>
                    <a:pt x="2571" y="1"/>
                  </a:lnTo>
                  <a:lnTo>
                    <a:pt x="2571" y="1"/>
                  </a:lnTo>
                  <a:lnTo>
                    <a:pt x="2571" y="1"/>
                  </a:lnTo>
                  <a:lnTo>
                    <a:pt x="2571" y="1"/>
                  </a:lnTo>
                  <a:lnTo>
                    <a:pt x="2573" y="1"/>
                  </a:lnTo>
                  <a:lnTo>
                    <a:pt x="2573" y="1"/>
                  </a:lnTo>
                  <a:lnTo>
                    <a:pt x="2575" y="1"/>
                  </a:lnTo>
                  <a:lnTo>
                    <a:pt x="2575" y="1"/>
                  </a:lnTo>
                  <a:lnTo>
                    <a:pt x="2576" y="1"/>
                  </a:lnTo>
                  <a:lnTo>
                    <a:pt x="2576" y="1"/>
                  </a:lnTo>
                  <a:lnTo>
                    <a:pt x="2577" y="0"/>
                  </a:lnTo>
                  <a:lnTo>
                    <a:pt x="2577" y="0"/>
                  </a:lnTo>
                  <a:lnTo>
                    <a:pt x="2578" y="0"/>
                  </a:lnTo>
                  <a:lnTo>
                    <a:pt x="2578" y="0"/>
                  </a:lnTo>
                  <a:lnTo>
                    <a:pt x="2578" y="0"/>
                  </a:lnTo>
                  <a:lnTo>
                    <a:pt x="2578" y="0"/>
                  </a:lnTo>
                  <a:lnTo>
                    <a:pt x="2579" y="0"/>
                  </a:lnTo>
                  <a:lnTo>
                    <a:pt x="2579" y="0"/>
                  </a:lnTo>
                  <a:lnTo>
                    <a:pt x="2580" y="0"/>
                  </a:lnTo>
                  <a:lnTo>
                    <a:pt x="2580" y="0"/>
                  </a:lnTo>
                  <a:lnTo>
                    <a:pt x="2582" y="0"/>
                  </a:lnTo>
                  <a:lnTo>
                    <a:pt x="2582" y="0"/>
                  </a:lnTo>
                  <a:lnTo>
                    <a:pt x="2583" y="0"/>
                  </a:lnTo>
                  <a:lnTo>
                    <a:pt x="2583" y="0"/>
                  </a:lnTo>
                  <a:lnTo>
                    <a:pt x="2584" y="0"/>
                  </a:lnTo>
                  <a:lnTo>
                    <a:pt x="2584" y="0"/>
                  </a:lnTo>
                  <a:lnTo>
                    <a:pt x="2585" y="0"/>
                  </a:lnTo>
                  <a:lnTo>
                    <a:pt x="2585" y="0"/>
                  </a:lnTo>
                  <a:lnTo>
                    <a:pt x="2586" y="0"/>
                  </a:lnTo>
                  <a:lnTo>
                    <a:pt x="2586" y="0"/>
                  </a:lnTo>
                  <a:lnTo>
                    <a:pt x="2587" y="0"/>
                  </a:lnTo>
                  <a:lnTo>
                    <a:pt x="2587" y="0"/>
                  </a:lnTo>
                  <a:lnTo>
                    <a:pt x="2588" y="0"/>
                  </a:lnTo>
                  <a:lnTo>
                    <a:pt x="2588" y="0"/>
                  </a:lnTo>
                  <a:lnTo>
                    <a:pt x="2589" y="0"/>
                  </a:lnTo>
                  <a:lnTo>
                    <a:pt x="2589" y="0"/>
                  </a:lnTo>
                  <a:lnTo>
                    <a:pt x="2590" y="0"/>
                  </a:lnTo>
                  <a:lnTo>
                    <a:pt x="2590" y="0"/>
                  </a:lnTo>
                  <a:lnTo>
                    <a:pt x="2592" y="0"/>
                  </a:lnTo>
                  <a:lnTo>
                    <a:pt x="2592" y="0"/>
                  </a:lnTo>
                  <a:lnTo>
                    <a:pt x="2593" y="0"/>
                  </a:lnTo>
                  <a:lnTo>
                    <a:pt x="2593" y="0"/>
                  </a:lnTo>
                  <a:lnTo>
                    <a:pt x="2594" y="0"/>
                  </a:lnTo>
                  <a:lnTo>
                    <a:pt x="2594" y="0"/>
                  </a:lnTo>
                  <a:lnTo>
                    <a:pt x="2594" y="0"/>
                  </a:lnTo>
                  <a:lnTo>
                    <a:pt x="2594" y="0"/>
                  </a:lnTo>
                  <a:lnTo>
                    <a:pt x="2595" y="0"/>
                  </a:lnTo>
                  <a:lnTo>
                    <a:pt x="2595" y="0"/>
                  </a:lnTo>
                  <a:lnTo>
                    <a:pt x="2596" y="0"/>
                  </a:lnTo>
                  <a:lnTo>
                    <a:pt x="2596" y="0"/>
                  </a:lnTo>
                  <a:lnTo>
                    <a:pt x="2597" y="0"/>
                  </a:lnTo>
                  <a:lnTo>
                    <a:pt x="2597" y="0"/>
                  </a:lnTo>
                  <a:lnTo>
                    <a:pt x="2598" y="0"/>
                  </a:lnTo>
                  <a:lnTo>
                    <a:pt x="2598" y="0"/>
                  </a:lnTo>
                  <a:lnTo>
                    <a:pt x="2599" y="0"/>
                  </a:lnTo>
                  <a:lnTo>
                    <a:pt x="2599" y="0"/>
                  </a:lnTo>
                  <a:lnTo>
                    <a:pt x="2601" y="0"/>
                  </a:lnTo>
                  <a:lnTo>
                    <a:pt x="2601" y="0"/>
                  </a:lnTo>
                  <a:lnTo>
                    <a:pt x="2602" y="0"/>
                  </a:lnTo>
                  <a:lnTo>
                    <a:pt x="2602" y="0"/>
                  </a:lnTo>
                  <a:lnTo>
                    <a:pt x="2603" y="0"/>
                  </a:lnTo>
                  <a:lnTo>
                    <a:pt x="2603" y="0"/>
                  </a:lnTo>
                  <a:lnTo>
                    <a:pt x="2604" y="0"/>
                  </a:lnTo>
                  <a:lnTo>
                    <a:pt x="2604" y="0"/>
                  </a:lnTo>
                  <a:lnTo>
                    <a:pt x="2605" y="0"/>
                  </a:lnTo>
                  <a:lnTo>
                    <a:pt x="2605" y="0"/>
                  </a:lnTo>
                  <a:lnTo>
                    <a:pt x="2606" y="0"/>
                  </a:lnTo>
                  <a:lnTo>
                    <a:pt x="2606" y="0"/>
                  </a:lnTo>
                  <a:lnTo>
                    <a:pt x="2607" y="0"/>
                  </a:lnTo>
                  <a:lnTo>
                    <a:pt x="2607" y="0"/>
                  </a:lnTo>
                  <a:lnTo>
                    <a:pt x="2608" y="0"/>
                  </a:lnTo>
                  <a:lnTo>
                    <a:pt x="2608" y="0"/>
                  </a:lnTo>
                  <a:lnTo>
                    <a:pt x="2608" y="0"/>
                  </a:lnTo>
                  <a:lnTo>
                    <a:pt x="2608" y="0"/>
                  </a:lnTo>
                  <a:lnTo>
                    <a:pt x="2610" y="0"/>
                  </a:lnTo>
                  <a:lnTo>
                    <a:pt x="2610" y="0"/>
                  </a:lnTo>
                  <a:lnTo>
                    <a:pt x="2611" y="0"/>
                  </a:lnTo>
                  <a:lnTo>
                    <a:pt x="2611" y="0"/>
                  </a:lnTo>
                  <a:lnTo>
                    <a:pt x="2612" y="0"/>
                  </a:lnTo>
                  <a:lnTo>
                    <a:pt x="2612" y="0"/>
                  </a:lnTo>
                  <a:lnTo>
                    <a:pt x="2613" y="0"/>
                  </a:lnTo>
                  <a:lnTo>
                    <a:pt x="2613" y="0"/>
                  </a:lnTo>
                  <a:lnTo>
                    <a:pt x="2614" y="0"/>
                  </a:lnTo>
                  <a:lnTo>
                    <a:pt x="2614" y="0"/>
                  </a:lnTo>
                  <a:lnTo>
                    <a:pt x="2615" y="0"/>
                  </a:lnTo>
                  <a:lnTo>
                    <a:pt x="2615" y="0"/>
                  </a:lnTo>
                  <a:lnTo>
                    <a:pt x="2616" y="0"/>
                  </a:lnTo>
                  <a:lnTo>
                    <a:pt x="2616" y="0"/>
                  </a:lnTo>
                  <a:lnTo>
                    <a:pt x="2617" y="0"/>
                  </a:lnTo>
                  <a:lnTo>
                    <a:pt x="2617" y="0"/>
                  </a:lnTo>
                  <a:lnTo>
                    <a:pt x="2619" y="0"/>
                  </a:lnTo>
                  <a:lnTo>
                    <a:pt x="2619" y="0"/>
                  </a:lnTo>
                  <a:lnTo>
                    <a:pt x="2620" y="0"/>
                  </a:lnTo>
                  <a:lnTo>
                    <a:pt x="2620" y="0"/>
                  </a:lnTo>
                  <a:lnTo>
                    <a:pt x="2621" y="0"/>
                  </a:lnTo>
                  <a:lnTo>
                    <a:pt x="2621" y="0"/>
                  </a:lnTo>
                  <a:lnTo>
                    <a:pt x="2622" y="0"/>
                  </a:lnTo>
                  <a:lnTo>
                    <a:pt x="2622" y="0"/>
                  </a:lnTo>
                  <a:lnTo>
                    <a:pt x="2623" y="0"/>
                  </a:lnTo>
                  <a:lnTo>
                    <a:pt x="2623" y="0"/>
                  </a:lnTo>
                  <a:lnTo>
                    <a:pt x="2624" y="0"/>
                  </a:lnTo>
                  <a:lnTo>
                    <a:pt x="2624" y="0"/>
                  </a:lnTo>
                  <a:lnTo>
                    <a:pt x="2624" y="0"/>
                  </a:lnTo>
                  <a:lnTo>
                    <a:pt x="2624" y="0"/>
                  </a:lnTo>
                  <a:lnTo>
                    <a:pt x="2626" y="0"/>
                  </a:lnTo>
                  <a:lnTo>
                    <a:pt x="2626" y="0"/>
                  </a:lnTo>
                  <a:lnTo>
                    <a:pt x="2626" y="0"/>
                  </a:lnTo>
                  <a:lnTo>
                    <a:pt x="2626" y="0"/>
                  </a:lnTo>
                  <a:lnTo>
                    <a:pt x="2629" y="0"/>
                  </a:lnTo>
                  <a:lnTo>
                    <a:pt x="2629" y="0"/>
                  </a:lnTo>
                  <a:lnTo>
                    <a:pt x="2629" y="0"/>
                  </a:lnTo>
                  <a:lnTo>
                    <a:pt x="2629" y="0"/>
                  </a:lnTo>
                  <a:lnTo>
                    <a:pt x="2631"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2" name="Freeform 292">
              <a:extLst>
                <a:ext uri="{FF2B5EF4-FFF2-40B4-BE49-F238E27FC236}">
                  <a16:creationId xmlns:a16="http://schemas.microsoft.com/office/drawing/2014/main" xmlns="" id="{8976C23C-E7DF-8D4D-98FE-F4CBFABDF25B}"/>
                </a:ext>
              </a:extLst>
            </p:cNvPr>
            <p:cNvSpPr>
              <a:spLocks/>
            </p:cNvSpPr>
            <p:nvPr/>
          </p:nvSpPr>
          <p:spPr bwMode="auto">
            <a:xfrm flipH="1">
              <a:off x="6899317" y="979354"/>
              <a:ext cx="4599165" cy="2181920"/>
            </a:xfrm>
            <a:custGeom>
              <a:avLst/>
              <a:gdLst>
                <a:gd name="T0" fmla="*/ 2638 w 5255"/>
                <a:gd name="T1" fmla="*/ 0 h 2390"/>
                <a:gd name="T2" fmla="*/ 2642 w 5255"/>
                <a:gd name="T3" fmla="*/ 0 h 2390"/>
                <a:gd name="T4" fmla="*/ 2649 w 5255"/>
                <a:gd name="T5" fmla="*/ 0 h 2390"/>
                <a:gd name="T6" fmla="*/ 2653 w 5255"/>
                <a:gd name="T7" fmla="*/ 0 h 2390"/>
                <a:gd name="T8" fmla="*/ 2660 w 5255"/>
                <a:gd name="T9" fmla="*/ 0 h 2390"/>
                <a:gd name="T10" fmla="*/ 2667 w 5255"/>
                <a:gd name="T11" fmla="*/ 0 h 2390"/>
                <a:gd name="T12" fmla="*/ 2675 w 5255"/>
                <a:gd name="T13" fmla="*/ 0 h 2390"/>
                <a:gd name="T14" fmla="*/ 2679 w 5255"/>
                <a:gd name="T15" fmla="*/ 0 h 2390"/>
                <a:gd name="T16" fmla="*/ 2686 w 5255"/>
                <a:gd name="T17" fmla="*/ 0 h 2390"/>
                <a:gd name="T18" fmla="*/ 2690 w 5255"/>
                <a:gd name="T19" fmla="*/ 1 h 2390"/>
                <a:gd name="T20" fmla="*/ 2697 w 5255"/>
                <a:gd name="T21" fmla="*/ 1 h 2390"/>
                <a:gd name="T22" fmla="*/ 2705 w 5255"/>
                <a:gd name="T23" fmla="*/ 1 h 2390"/>
                <a:gd name="T24" fmla="*/ 2712 w 5255"/>
                <a:gd name="T25" fmla="*/ 1 h 2390"/>
                <a:gd name="T26" fmla="*/ 2716 w 5255"/>
                <a:gd name="T27" fmla="*/ 1 h 2390"/>
                <a:gd name="T28" fmla="*/ 2723 w 5255"/>
                <a:gd name="T29" fmla="*/ 1 h 2390"/>
                <a:gd name="T30" fmla="*/ 2727 w 5255"/>
                <a:gd name="T31" fmla="*/ 3 h 2390"/>
                <a:gd name="T32" fmla="*/ 2733 w 5255"/>
                <a:gd name="T33" fmla="*/ 3 h 2390"/>
                <a:gd name="T34" fmla="*/ 2751 w 5255"/>
                <a:gd name="T35" fmla="*/ 3 h 2390"/>
                <a:gd name="T36" fmla="*/ 2757 w 5255"/>
                <a:gd name="T37" fmla="*/ 4 h 2390"/>
                <a:gd name="T38" fmla="*/ 3182 w 5255"/>
                <a:gd name="T39" fmla="*/ 57 h 2390"/>
                <a:gd name="T40" fmla="*/ 3793 w 5255"/>
                <a:gd name="T41" fmla="*/ 261 h 2390"/>
                <a:gd name="T42" fmla="*/ 4327 w 5255"/>
                <a:gd name="T43" fmla="*/ 597 h 2390"/>
                <a:gd name="T44" fmla="*/ 4760 w 5255"/>
                <a:gd name="T45" fmla="*/ 1044 h 2390"/>
                <a:gd name="T46" fmla="*/ 5072 w 5255"/>
                <a:gd name="T47" fmla="*/ 1581 h 2390"/>
                <a:gd name="T48" fmla="*/ 5241 w 5255"/>
                <a:gd name="T49" fmla="*/ 2188 h 2390"/>
                <a:gd name="T50" fmla="*/ 4984 w 5255"/>
                <a:gd name="T51" fmla="*/ 2044 h 2390"/>
                <a:gd name="T52" fmla="*/ 4187 w 5255"/>
                <a:gd name="T53" fmla="*/ 1590 h 2390"/>
                <a:gd name="T54" fmla="*/ 3173 w 5255"/>
                <a:gd name="T55" fmla="*/ 1345 h 2390"/>
                <a:gd name="T56" fmla="*/ 2127 w 5255"/>
                <a:gd name="T57" fmla="*/ 1348 h 2390"/>
                <a:gd name="T58" fmla="*/ 1074 w 5255"/>
                <a:gd name="T59" fmla="*/ 1615 h 2390"/>
                <a:gd name="T60" fmla="*/ 456 w 5255"/>
                <a:gd name="T61" fmla="*/ 1954 h 2390"/>
                <a:gd name="T62" fmla="*/ 123 w 5255"/>
                <a:gd name="T63" fmla="*/ 2244 h 2390"/>
                <a:gd name="T64" fmla="*/ 36 w 5255"/>
                <a:gd name="T65" fmla="*/ 2094 h 2390"/>
                <a:gd name="T66" fmla="*/ 232 w 5255"/>
                <a:gd name="T67" fmla="*/ 1486 h 2390"/>
                <a:gd name="T68" fmla="*/ 572 w 5255"/>
                <a:gd name="T69" fmla="*/ 955 h 2390"/>
                <a:gd name="T70" fmla="*/ 1033 w 5255"/>
                <a:gd name="T71" fmla="*/ 521 h 2390"/>
                <a:gd name="T72" fmla="*/ 1594 w 5255"/>
                <a:gd name="T73" fmla="*/ 205 h 2390"/>
                <a:gd name="T74" fmla="*/ 2232 w 5255"/>
                <a:gd name="T75" fmla="*/ 30 h 2390"/>
                <a:gd name="T76" fmla="*/ 2482 w 5255"/>
                <a:gd name="T77" fmla="*/ 5 h 2390"/>
                <a:gd name="T78" fmla="*/ 2491 w 5255"/>
                <a:gd name="T79" fmla="*/ 4 h 2390"/>
                <a:gd name="T80" fmla="*/ 2496 w 5255"/>
                <a:gd name="T81" fmla="*/ 4 h 2390"/>
                <a:gd name="T82" fmla="*/ 2504 w 5255"/>
                <a:gd name="T83" fmla="*/ 4 h 2390"/>
                <a:gd name="T84" fmla="*/ 2527 w 5255"/>
                <a:gd name="T85" fmla="*/ 3 h 2390"/>
                <a:gd name="T86" fmla="*/ 2532 w 5255"/>
                <a:gd name="T87" fmla="*/ 3 h 2390"/>
                <a:gd name="T88" fmla="*/ 2537 w 5255"/>
                <a:gd name="T89" fmla="*/ 1 h 2390"/>
                <a:gd name="T90" fmla="*/ 2543 w 5255"/>
                <a:gd name="T91" fmla="*/ 1 h 2390"/>
                <a:gd name="T92" fmla="*/ 2549 w 5255"/>
                <a:gd name="T93" fmla="*/ 1 h 2390"/>
                <a:gd name="T94" fmla="*/ 2555 w 5255"/>
                <a:gd name="T95" fmla="*/ 1 h 2390"/>
                <a:gd name="T96" fmla="*/ 2560 w 5255"/>
                <a:gd name="T97" fmla="*/ 1 h 2390"/>
                <a:gd name="T98" fmla="*/ 2566 w 5255"/>
                <a:gd name="T99" fmla="*/ 1 h 2390"/>
                <a:gd name="T100" fmla="*/ 2571 w 5255"/>
                <a:gd name="T101" fmla="*/ 1 h 2390"/>
                <a:gd name="T102" fmla="*/ 2578 w 5255"/>
                <a:gd name="T103" fmla="*/ 0 h 2390"/>
                <a:gd name="T104" fmla="*/ 2584 w 5255"/>
                <a:gd name="T105" fmla="*/ 0 h 2390"/>
                <a:gd name="T106" fmla="*/ 2590 w 5255"/>
                <a:gd name="T107" fmla="*/ 0 h 2390"/>
                <a:gd name="T108" fmla="*/ 2595 w 5255"/>
                <a:gd name="T109" fmla="*/ 0 h 2390"/>
                <a:gd name="T110" fmla="*/ 2602 w 5255"/>
                <a:gd name="T111" fmla="*/ 0 h 2390"/>
                <a:gd name="T112" fmla="*/ 2607 w 5255"/>
                <a:gd name="T113" fmla="*/ 0 h 2390"/>
                <a:gd name="T114" fmla="*/ 2613 w 5255"/>
                <a:gd name="T115" fmla="*/ 0 h 2390"/>
                <a:gd name="T116" fmla="*/ 2619 w 5255"/>
                <a:gd name="T117" fmla="*/ 0 h 2390"/>
                <a:gd name="T118" fmla="*/ 2624 w 5255"/>
                <a:gd name="T119" fmla="*/ 0 h 2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255" h="2390">
                  <a:moveTo>
                    <a:pt x="2631" y="0"/>
                  </a:moveTo>
                  <a:lnTo>
                    <a:pt x="2631" y="0"/>
                  </a:lnTo>
                  <a:lnTo>
                    <a:pt x="2633" y="0"/>
                  </a:lnTo>
                  <a:lnTo>
                    <a:pt x="2633" y="0"/>
                  </a:lnTo>
                  <a:lnTo>
                    <a:pt x="2633" y="0"/>
                  </a:lnTo>
                  <a:lnTo>
                    <a:pt x="2633" y="0"/>
                  </a:lnTo>
                  <a:lnTo>
                    <a:pt x="2635" y="0"/>
                  </a:lnTo>
                  <a:lnTo>
                    <a:pt x="2635" y="0"/>
                  </a:lnTo>
                  <a:lnTo>
                    <a:pt x="2635" y="0"/>
                  </a:lnTo>
                  <a:lnTo>
                    <a:pt x="2635" y="0"/>
                  </a:lnTo>
                  <a:lnTo>
                    <a:pt x="2638" y="0"/>
                  </a:lnTo>
                  <a:lnTo>
                    <a:pt x="2638" y="0"/>
                  </a:lnTo>
                  <a:lnTo>
                    <a:pt x="2638" y="0"/>
                  </a:lnTo>
                  <a:lnTo>
                    <a:pt x="2638" y="0"/>
                  </a:lnTo>
                  <a:lnTo>
                    <a:pt x="2639" y="0"/>
                  </a:lnTo>
                  <a:lnTo>
                    <a:pt x="2639" y="0"/>
                  </a:lnTo>
                  <a:lnTo>
                    <a:pt x="2640" y="0"/>
                  </a:lnTo>
                  <a:lnTo>
                    <a:pt x="2640" y="0"/>
                  </a:lnTo>
                  <a:lnTo>
                    <a:pt x="2641" y="0"/>
                  </a:lnTo>
                  <a:lnTo>
                    <a:pt x="2641" y="0"/>
                  </a:lnTo>
                  <a:lnTo>
                    <a:pt x="2642" y="0"/>
                  </a:lnTo>
                  <a:lnTo>
                    <a:pt x="2642" y="0"/>
                  </a:lnTo>
                  <a:lnTo>
                    <a:pt x="2643" y="0"/>
                  </a:lnTo>
                  <a:lnTo>
                    <a:pt x="2643" y="0"/>
                  </a:lnTo>
                  <a:lnTo>
                    <a:pt x="2644" y="0"/>
                  </a:lnTo>
                  <a:lnTo>
                    <a:pt x="2644" y="0"/>
                  </a:lnTo>
                  <a:lnTo>
                    <a:pt x="2645" y="0"/>
                  </a:lnTo>
                  <a:lnTo>
                    <a:pt x="2645" y="0"/>
                  </a:lnTo>
                  <a:lnTo>
                    <a:pt x="2647" y="0"/>
                  </a:lnTo>
                  <a:lnTo>
                    <a:pt x="2647" y="0"/>
                  </a:lnTo>
                  <a:lnTo>
                    <a:pt x="2648" y="0"/>
                  </a:lnTo>
                  <a:lnTo>
                    <a:pt x="2648" y="0"/>
                  </a:lnTo>
                  <a:lnTo>
                    <a:pt x="2649" y="0"/>
                  </a:lnTo>
                  <a:lnTo>
                    <a:pt x="2649" y="0"/>
                  </a:lnTo>
                  <a:lnTo>
                    <a:pt x="2650" y="0"/>
                  </a:lnTo>
                  <a:lnTo>
                    <a:pt x="2650" y="0"/>
                  </a:lnTo>
                  <a:lnTo>
                    <a:pt x="2651" y="0"/>
                  </a:lnTo>
                  <a:lnTo>
                    <a:pt x="2651" y="0"/>
                  </a:lnTo>
                  <a:lnTo>
                    <a:pt x="2651" y="0"/>
                  </a:lnTo>
                  <a:lnTo>
                    <a:pt x="2651" y="0"/>
                  </a:lnTo>
                  <a:lnTo>
                    <a:pt x="2652" y="0"/>
                  </a:lnTo>
                  <a:lnTo>
                    <a:pt x="2652" y="0"/>
                  </a:lnTo>
                  <a:lnTo>
                    <a:pt x="2653" y="0"/>
                  </a:lnTo>
                  <a:lnTo>
                    <a:pt x="2653" y="0"/>
                  </a:lnTo>
                  <a:lnTo>
                    <a:pt x="2654" y="0"/>
                  </a:lnTo>
                  <a:lnTo>
                    <a:pt x="2654" y="0"/>
                  </a:lnTo>
                  <a:lnTo>
                    <a:pt x="2656" y="0"/>
                  </a:lnTo>
                  <a:lnTo>
                    <a:pt x="2656" y="0"/>
                  </a:lnTo>
                  <a:lnTo>
                    <a:pt x="2657" y="0"/>
                  </a:lnTo>
                  <a:lnTo>
                    <a:pt x="2657" y="0"/>
                  </a:lnTo>
                  <a:lnTo>
                    <a:pt x="2658" y="0"/>
                  </a:lnTo>
                  <a:lnTo>
                    <a:pt x="2658" y="0"/>
                  </a:lnTo>
                  <a:lnTo>
                    <a:pt x="2659" y="0"/>
                  </a:lnTo>
                  <a:lnTo>
                    <a:pt x="2659" y="0"/>
                  </a:lnTo>
                  <a:lnTo>
                    <a:pt x="2660" y="0"/>
                  </a:lnTo>
                  <a:lnTo>
                    <a:pt x="2660" y="0"/>
                  </a:lnTo>
                  <a:lnTo>
                    <a:pt x="2661" y="0"/>
                  </a:lnTo>
                  <a:lnTo>
                    <a:pt x="2661" y="0"/>
                  </a:lnTo>
                  <a:lnTo>
                    <a:pt x="2662" y="0"/>
                  </a:lnTo>
                  <a:lnTo>
                    <a:pt x="2662" y="0"/>
                  </a:lnTo>
                  <a:lnTo>
                    <a:pt x="2663" y="0"/>
                  </a:lnTo>
                  <a:lnTo>
                    <a:pt x="2663" y="0"/>
                  </a:lnTo>
                  <a:lnTo>
                    <a:pt x="2667" y="0"/>
                  </a:lnTo>
                  <a:lnTo>
                    <a:pt x="2667" y="0"/>
                  </a:lnTo>
                  <a:lnTo>
                    <a:pt x="2667" y="0"/>
                  </a:lnTo>
                  <a:lnTo>
                    <a:pt x="2667" y="0"/>
                  </a:lnTo>
                  <a:lnTo>
                    <a:pt x="2669" y="0"/>
                  </a:lnTo>
                  <a:lnTo>
                    <a:pt x="2669" y="0"/>
                  </a:lnTo>
                  <a:lnTo>
                    <a:pt x="2670" y="0"/>
                  </a:lnTo>
                  <a:lnTo>
                    <a:pt x="2670" y="0"/>
                  </a:lnTo>
                  <a:lnTo>
                    <a:pt x="2671" y="0"/>
                  </a:lnTo>
                  <a:lnTo>
                    <a:pt x="2671" y="0"/>
                  </a:lnTo>
                  <a:lnTo>
                    <a:pt x="2672" y="0"/>
                  </a:lnTo>
                  <a:lnTo>
                    <a:pt x="2672" y="0"/>
                  </a:lnTo>
                  <a:lnTo>
                    <a:pt x="2674" y="0"/>
                  </a:lnTo>
                  <a:lnTo>
                    <a:pt x="2674" y="0"/>
                  </a:lnTo>
                  <a:lnTo>
                    <a:pt x="2675" y="0"/>
                  </a:lnTo>
                  <a:lnTo>
                    <a:pt x="2675" y="0"/>
                  </a:lnTo>
                  <a:lnTo>
                    <a:pt x="2676" y="0"/>
                  </a:lnTo>
                  <a:lnTo>
                    <a:pt x="2676" y="0"/>
                  </a:lnTo>
                  <a:lnTo>
                    <a:pt x="2677" y="0"/>
                  </a:lnTo>
                  <a:lnTo>
                    <a:pt x="2677" y="0"/>
                  </a:lnTo>
                  <a:lnTo>
                    <a:pt x="2677" y="0"/>
                  </a:lnTo>
                  <a:lnTo>
                    <a:pt x="2677" y="0"/>
                  </a:lnTo>
                  <a:lnTo>
                    <a:pt x="2678" y="0"/>
                  </a:lnTo>
                  <a:lnTo>
                    <a:pt x="2678" y="0"/>
                  </a:lnTo>
                  <a:lnTo>
                    <a:pt x="2679" y="0"/>
                  </a:lnTo>
                  <a:lnTo>
                    <a:pt x="2679" y="0"/>
                  </a:lnTo>
                  <a:lnTo>
                    <a:pt x="2680" y="0"/>
                  </a:lnTo>
                  <a:lnTo>
                    <a:pt x="2680" y="0"/>
                  </a:lnTo>
                  <a:lnTo>
                    <a:pt x="2681" y="0"/>
                  </a:lnTo>
                  <a:lnTo>
                    <a:pt x="2681" y="0"/>
                  </a:lnTo>
                  <a:lnTo>
                    <a:pt x="2682" y="0"/>
                  </a:lnTo>
                  <a:lnTo>
                    <a:pt x="2682" y="0"/>
                  </a:lnTo>
                  <a:lnTo>
                    <a:pt x="2684" y="0"/>
                  </a:lnTo>
                  <a:lnTo>
                    <a:pt x="2684" y="0"/>
                  </a:lnTo>
                  <a:lnTo>
                    <a:pt x="2685" y="0"/>
                  </a:lnTo>
                  <a:lnTo>
                    <a:pt x="2685" y="0"/>
                  </a:lnTo>
                  <a:lnTo>
                    <a:pt x="2686" y="0"/>
                  </a:lnTo>
                  <a:lnTo>
                    <a:pt x="2686" y="0"/>
                  </a:lnTo>
                  <a:lnTo>
                    <a:pt x="2687" y="1"/>
                  </a:lnTo>
                  <a:lnTo>
                    <a:pt x="2687" y="1"/>
                  </a:lnTo>
                  <a:lnTo>
                    <a:pt x="2687" y="1"/>
                  </a:lnTo>
                  <a:lnTo>
                    <a:pt x="2687" y="1"/>
                  </a:lnTo>
                  <a:lnTo>
                    <a:pt x="2689" y="1"/>
                  </a:lnTo>
                  <a:lnTo>
                    <a:pt x="2689" y="1"/>
                  </a:lnTo>
                  <a:lnTo>
                    <a:pt x="2689" y="1"/>
                  </a:lnTo>
                  <a:lnTo>
                    <a:pt x="2689" y="1"/>
                  </a:lnTo>
                  <a:lnTo>
                    <a:pt x="2690" y="1"/>
                  </a:lnTo>
                  <a:lnTo>
                    <a:pt x="2690" y="1"/>
                  </a:lnTo>
                  <a:lnTo>
                    <a:pt x="2691" y="1"/>
                  </a:lnTo>
                  <a:lnTo>
                    <a:pt x="2691" y="1"/>
                  </a:lnTo>
                  <a:lnTo>
                    <a:pt x="2693" y="1"/>
                  </a:lnTo>
                  <a:lnTo>
                    <a:pt x="2693" y="1"/>
                  </a:lnTo>
                  <a:lnTo>
                    <a:pt x="2694" y="1"/>
                  </a:lnTo>
                  <a:lnTo>
                    <a:pt x="2694" y="1"/>
                  </a:lnTo>
                  <a:lnTo>
                    <a:pt x="2695" y="1"/>
                  </a:lnTo>
                  <a:lnTo>
                    <a:pt x="2695" y="1"/>
                  </a:lnTo>
                  <a:lnTo>
                    <a:pt x="2696" y="1"/>
                  </a:lnTo>
                  <a:lnTo>
                    <a:pt x="2696" y="1"/>
                  </a:lnTo>
                  <a:lnTo>
                    <a:pt x="2697" y="1"/>
                  </a:lnTo>
                  <a:lnTo>
                    <a:pt x="2697" y="1"/>
                  </a:lnTo>
                  <a:lnTo>
                    <a:pt x="2698" y="1"/>
                  </a:lnTo>
                  <a:lnTo>
                    <a:pt x="2698" y="1"/>
                  </a:lnTo>
                  <a:lnTo>
                    <a:pt x="2699" y="1"/>
                  </a:lnTo>
                  <a:lnTo>
                    <a:pt x="2699" y="1"/>
                  </a:lnTo>
                  <a:lnTo>
                    <a:pt x="2699" y="1"/>
                  </a:lnTo>
                  <a:lnTo>
                    <a:pt x="2699" y="1"/>
                  </a:lnTo>
                  <a:lnTo>
                    <a:pt x="2705" y="1"/>
                  </a:lnTo>
                  <a:lnTo>
                    <a:pt x="2705" y="1"/>
                  </a:lnTo>
                  <a:lnTo>
                    <a:pt x="2705" y="1"/>
                  </a:lnTo>
                  <a:lnTo>
                    <a:pt x="2705" y="1"/>
                  </a:lnTo>
                  <a:lnTo>
                    <a:pt x="2706" y="1"/>
                  </a:lnTo>
                  <a:lnTo>
                    <a:pt x="2706" y="1"/>
                  </a:lnTo>
                  <a:lnTo>
                    <a:pt x="2707" y="1"/>
                  </a:lnTo>
                  <a:lnTo>
                    <a:pt x="2707" y="1"/>
                  </a:lnTo>
                  <a:lnTo>
                    <a:pt x="2708" y="1"/>
                  </a:lnTo>
                  <a:lnTo>
                    <a:pt x="2708" y="1"/>
                  </a:lnTo>
                  <a:lnTo>
                    <a:pt x="2709" y="1"/>
                  </a:lnTo>
                  <a:lnTo>
                    <a:pt x="2709" y="1"/>
                  </a:lnTo>
                  <a:lnTo>
                    <a:pt x="2711" y="1"/>
                  </a:lnTo>
                  <a:lnTo>
                    <a:pt x="2711" y="1"/>
                  </a:lnTo>
                  <a:lnTo>
                    <a:pt x="2712" y="1"/>
                  </a:lnTo>
                  <a:lnTo>
                    <a:pt x="2712" y="1"/>
                  </a:lnTo>
                  <a:lnTo>
                    <a:pt x="2713" y="1"/>
                  </a:lnTo>
                  <a:lnTo>
                    <a:pt x="2713" y="1"/>
                  </a:lnTo>
                  <a:lnTo>
                    <a:pt x="2713" y="1"/>
                  </a:lnTo>
                  <a:lnTo>
                    <a:pt x="2713" y="1"/>
                  </a:lnTo>
                  <a:lnTo>
                    <a:pt x="2715" y="1"/>
                  </a:lnTo>
                  <a:lnTo>
                    <a:pt x="2715" y="1"/>
                  </a:lnTo>
                  <a:lnTo>
                    <a:pt x="2715" y="1"/>
                  </a:lnTo>
                  <a:lnTo>
                    <a:pt x="2715" y="1"/>
                  </a:lnTo>
                  <a:lnTo>
                    <a:pt x="2716" y="1"/>
                  </a:lnTo>
                  <a:lnTo>
                    <a:pt x="2716" y="1"/>
                  </a:lnTo>
                  <a:lnTo>
                    <a:pt x="2717" y="1"/>
                  </a:lnTo>
                  <a:lnTo>
                    <a:pt x="2717" y="1"/>
                  </a:lnTo>
                  <a:lnTo>
                    <a:pt x="2718" y="1"/>
                  </a:lnTo>
                  <a:lnTo>
                    <a:pt x="2718" y="1"/>
                  </a:lnTo>
                  <a:lnTo>
                    <a:pt x="2719" y="1"/>
                  </a:lnTo>
                  <a:lnTo>
                    <a:pt x="2719" y="1"/>
                  </a:lnTo>
                  <a:lnTo>
                    <a:pt x="2721" y="1"/>
                  </a:lnTo>
                  <a:lnTo>
                    <a:pt x="2721" y="1"/>
                  </a:lnTo>
                  <a:lnTo>
                    <a:pt x="2722" y="1"/>
                  </a:lnTo>
                  <a:lnTo>
                    <a:pt x="2722" y="1"/>
                  </a:lnTo>
                  <a:lnTo>
                    <a:pt x="2723" y="1"/>
                  </a:lnTo>
                  <a:lnTo>
                    <a:pt x="2723" y="1"/>
                  </a:lnTo>
                  <a:lnTo>
                    <a:pt x="2723" y="1"/>
                  </a:lnTo>
                  <a:lnTo>
                    <a:pt x="2723" y="1"/>
                  </a:lnTo>
                  <a:lnTo>
                    <a:pt x="2725" y="1"/>
                  </a:lnTo>
                  <a:lnTo>
                    <a:pt x="2725" y="1"/>
                  </a:lnTo>
                  <a:lnTo>
                    <a:pt x="2725" y="1"/>
                  </a:lnTo>
                  <a:lnTo>
                    <a:pt x="2725" y="1"/>
                  </a:lnTo>
                  <a:lnTo>
                    <a:pt x="2727" y="3"/>
                  </a:lnTo>
                  <a:lnTo>
                    <a:pt x="2727" y="3"/>
                  </a:lnTo>
                  <a:lnTo>
                    <a:pt x="2727" y="3"/>
                  </a:lnTo>
                  <a:lnTo>
                    <a:pt x="2727" y="3"/>
                  </a:lnTo>
                  <a:lnTo>
                    <a:pt x="2728" y="3"/>
                  </a:lnTo>
                  <a:lnTo>
                    <a:pt x="2728" y="3"/>
                  </a:lnTo>
                  <a:lnTo>
                    <a:pt x="2730" y="3"/>
                  </a:lnTo>
                  <a:lnTo>
                    <a:pt x="2730" y="3"/>
                  </a:lnTo>
                  <a:lnTo>
                    <a:pt x="2731" y="3"/>
                  </a:lnTo>
                  <a:lnTo>
                    <a:pt x="2731" y="3"/>
                  </a:lnTo>
                  <a:lnTo>
                    <a:pt x="2732" y="3"/>
                  </a:lnTo>
                  <a:lnTo>
                    <a:pt x="2732" y="3"/>
                  </a:lnTo>
                  <a:lnTo>
                    <a:pt x="2733" y="3"/>
                  </a:lnTo>
                  <a:lnTo>
                    <a:pt x="2733" y="3"/>
                  </a:lnTo>
                  <a:lnTo>
                    <a:pt x="2733" y="3"/>
                  </a:lnTo>
                  <a:lnTo>
                    <a:pt x="2733" y="3"/>
                  </a:lnTo>
                  <a:lnTo>
                    <a:pt x="2746" y="3"/>
                  </a:lnTo>
                  <a:lnTo>
                    <a:pt x="2746" y="3"/>
                  </a:lnTo>
                  <a:lnTo>
                    <a:pt x="2746" y="3"/>
                  </a:lnTo>
                  <a:lnTo>
                    <a:pt x="2749" y="3"/>
                  </a:lnTo>
                  <a:lnTo>
                    <a:pt x="2749" y="3"/>
                  </a:lnTo>
                  <a:lnTo>
                    <a:pt x="2749" y="3"/>
                  </a:lnTo>
                  <a:lnTo>
                    <a:pt x="2749" y="3"/>
                  </a:lnTo>
                  <a:lnTo>
                    <a:pt x="2751" y="3"/>
                  </a:lnTo>
                  <a:lnTo>
                    <a:pt x="2751" y="3"/>
                  </a:lnTo>
                  <a:lnTo>
                    <a:pt x="2751" y="3"/>
                  </a:lnTo>
                  <a:lnTo>
                    <a:pt x="2753" y="3"/>
                  </a:lnTo>
                  <a:lnTo>
                    <a:pt x="2753" y="3"/>
                  </a:lnTo>
                  <a:lnTo>
                    <a:pt x="2753" y="3"/>
                  </a:lnTo>
                  <a:lnTo>
                    <a:pt x="2753" y="3"/>
                  </a:lnTo>
                  <a:lnTo>
                    <a:pt x="2754" y="4"/>
                  </a:lnTo>
                  <a:lnTo>
                    <a:pt x="2754" y="4"/>
                  </a:lnTo>
                  <a:lnTo>
                    <a:pt x="2755" y="4"/>
                  </a:lnTo>
                  <a:lnTo>
                    <a:pt x="2755" y="4"/>
                  </a:lnTo>
                  <a:lnTo>
                    <a:pt x="2757" y="4"/>
                  </a:lnTo>
                  <a:lnTo>
                    <a:pt x="2757" y="4"/>
                  </a:lnTo>
                  <a:lnTo>
                    <a:pt x="2757" y="4"/>
                  </a:lnTo>
                  <a:lnTo>
                    <a:pt x="2757" y="4"/>
                  </a:lnTo>
                  <a:lnTo>
                    <a:pt x="2761" y="4"/>
                  </a:lnTo>
                  <a:lnTo>
                    <a:pt x="2761" y="4"/>
                  </a:lnTo>
                  <a:lnTo>
                    <a:pt x="2761" y="4"/>
                  </a:lnTo>
                  <a:lnTo>
                    <a:pt x="2822" y="7"/>
                  </a:lnTo>
                  <a:lnTo>
                    <a:pt x="2883" y="12"/>
                  </a:lnTo>
                  <a:lnTo>
                    <a:pt x="2944" y="18"/>
                  </a:lnTo>
                  <a:lnTo>
                    <a:pt x="3003" y="25"/>
                  </a:lnTo>
                  <a:lnTo>
                    <a:pt x="3064" y="35"/>
                  </a:lnTo>
                  <a:lnTo>
                    <a:pt x="3122" y="45"/>
                  </a:lnTo>
                  <a:lnTo>
                    <a:pt x="3182" y="57"/>
                  </a:lnTo>
                  <a:lnTo>
                    <a:pt x="3240" y="68"/>
                  </a:lnTo>
                  <a:lnTo>
                    <a:pt x="3297" y="82"/>
                  </a:lnTo>
                  <a:lnTo>
                    <a:pt x="3356" y="98"/>
                  </a:lnTo>
                  <a:lnTo>
                    <a:pt x="3412" y="114"/>
                  </a:lnTo>
                  <a:lnTo>
                    <a:pt x="3468" y="132"/>
                  </a:lnTo>
                  <a:lnTo>
                    <a:pt x="3524" y="151"/>
                  </a:lnTo>
                  <a:lnTo>
                    <a:pt x="3579" y="170"/>
                  </a:lnTo>
                  <a:lnTo>
                    <a:pt x="3634" y="192"/>
                  </a:lnTo>
                  <a:lnTo>
                    <a:pt x="3688" y="213"/>
                  </a:lnTo>
                  <a:lnTo>
                    <a:pt x="3740" y="237"/>
                  </a:lnTo>
                  <a:lnTo>
                    <a:pt x="3793" y="261"/>
                  </a:lnTo>
                  <a:lnTo>
                    <a:pt x="3846" y="287"/>
                  </a:lnTo>
                  <a:lnTo>
                    <a:pt x="3897" y="313"/>
                  </a:lnTo>
                  <a:lnTo>
                    <a:pt x="3948" y="341"/>
                  </a:lnTo>
                  <a:lnTo>
                    <a:pt x="3997" y="369"/>
                  </a:lnTo>
                  <a:lnTo>
                    <a:pt x="4047" y="399"/>
                  </a:lnTo>
                  <a:lnTo>
                    <a:pt x="4096" y="429"/>
                  </a:lnTo>
                  <a:lnTo>
                    <a:pt x="4143" y="460"/>
                  </a:lnTo>
                  <a:lnTo>
                    <a:pt x="4190" y="494"/>
                  </a:lnTo>
                  <a:lnTo>
                    <a:pt x="4236" y="527"/>
                  </a:lnTo>
                  <a:lnTo>
                    <a:pt x="4282" y="562"/>
                  </a:lnTo>
                  <a:lnTo>
                    <a:pt x="4327" y="597"/>
                  </a:lnTo>
                  <a:lnTo>
                    <a:pt x="4371" y="633"/>
                  </a:lnTo>
                  <a:lnTo>
                    <a:pt x="4413" y="671"/>
                  </a:lnTo>
                  <a:lnTo>
                    <a:pt x="4456" y="709"/>
                  </a:lnTo>
                  <a:lnTo>
                    <a:pt x="4496" y="748"/>
                  </a:lnTo>
                  <a:lnTo>
                    <a:pt x="4537" y="788"/>
                  </a:lnTo>
                  <a:lnTo>
                    <a:pt x="4576" y="829"/>
                  </a:lnTo>
                  <a:lnTo>
                    <a:pt x="4615" y="870"/>
                  </a:lnTo>
                  <a:lnTo>
                    <a:pt x="4652" y="912"/>
                  </a:lnTo>
                  <a:lnTo>
                    <a:pt x="4689" y="955"/>
                  </a:lnTo>
                  <a:lnTo>
                    <a:pt x="4725" y="999"/>
                  </a:lnTo>
                  <a:lnTo>
                    <a:pt x="4760" y="1044"/>
                  </a:lnTo>
                  <a:lnTo>
                    <a:pt x="4794" y="1089"/>
                  </a:lnTo>
                  <a:lnTo>
                    <a:pt x="4826" y="1135"/>
                  </a:lnTo>
                  <a:lnTo>
                    <a:pt x="4858" y="1182"/>
                  </a:lnTo>
                  <a:lnTo>
                    <a:pt x="4888" y="1229"/>
                  </a:lnTo>
                  <a:lnTo>
                    <a:pt x="4918" y="1278"/>
                  </a:lnTo>
                  <a:lnTo>
                    <a:pt x="4946" y="1327"/>
                  </a:lnTo>
                  <a:lnTo>
                    <a:pt x="4973" y="1376"/>
                  </a:lnTo>
                  <a:lnTo>
                    <a:pt x="5000" y="1427"/>
                  </a:lnTo>
                  <a:lnTo>
                    <a:pt x="5025" y="1478"/>
                  </a:lnTo>
                  <a:lnTo>
                    <a:pt x="5048" y="1530"/>
                  </a:lnTo>
                  <a:lnTo>
                    <a:pt x="5072" y="1581"/>
                  </a:lnTo>
                  <a:lnTo>
                    <a:pt x="5093" y="1633"/>
                  </a:lnTo>
                  <a:lnTo>
                    <a:pt x="5113" y="1687"/>
                  </a:lnTo>
                  <a:lnTo>
                    <a:pt x="5132" y="1740"/>
                  </a:lnTo>
                  <a:lnTo>
                    <a:pt x="5150" y="1795"/>
                  </a:lnTo>
                  <a:lnTo>
                    <a:pt x="5167" y="1849"/>
                  </a:lnTo>
                  <a:lnTo>
                    <a:pt x="5183" y="1905"/>
                  </a:lnTo>
                  <a:lnTo>
                    <a:pt x="5198" y="1960"/>
                  </a:lnTo>
                  <a:lnTo>
                    <a:pt x="5210" y="2017"/>
                  </a:lnTo>
                  <a:lnTo>
                    <a:pt x="5222" y="2074"/>
                  </a:lnTo>
                  <a:lnTo>
                    <a:pt x="5232" y="2131"/>
                  </a:lnTo>
                  <a:lnTo>
                    <a:pt x="5241" y="2188"/>
                  </a:lnTo>
                  <a:lnTo>
                    <a:pt x="5249" y="2247"/>
                  </a:lnTo>
                  <a:lnTo>
                    <a:pt x="5255" y="2305"/>
                  </a:lnTo>
                  <a:lnTo>
                    <a:pt x="5255" y="2305"/>
                  </a:lnTo>
                  <a:lnTo>
                    <a:pt x="5231" y="2277"/>
                  </a:lnTo>
                  <a:lnTo>
                    <a:pt x="5207" y="2250"/>
                  </a:lnTo>
                  <a:lnTo>
                    <a:pt x="5181" y="2223"/>
                  </a:lnTo>
                  <a:lnTo>
                    <a:pt x="5155" y="2197"/>
                  </a:lnTo>
                  <a:lnTo>
                    <a:pt x="5128" y="2170"/>
                  </a:lnTo>
                  <a:lnTo>
                    <a:pt x="5101" y="2144"/>
                  </a:lnTo>
                  <a:lnTo>
                    <a:pt x="5044" y="2093"/>
                  </a:lnTo>
                  <a:lnTo>
                    <a:pt x="4984" y="2044"/>
                  </a:lnTo>
                  <a:lnTo>
                    <a:pt x="4924" y="1995"/>
                  </a:lnTo>
                  <a:lnTo>
                    <a:pt x="4860" y="1947"/>
                  </a:lnTo>
                  <a:lnTo>
                    <a:pt x="4794" y="1902"/>
                  </a:lnTo>
                  <a:lnTo>
                    <a:pt x="4725" y="1858"/>
                  </a:lnTo>
                  <a:lnTo>
                    <a:pt x="4655" y="1815"/>
                  </a:lnTo>
                  <a:lnTo>
                    <a:pt x="4582" y="1774"/>
                  </a:lnTo>
                  <a:lnTo>
                    <a:pt x="4507" y="1734"/>
                  </a:lnTo>
                  <a:lnTo>
                    <a:pt x="4429" y="1695"/>
                  </a:lnTo>
                  <a:lnTo>
                    <a:pt x="4351" y="1658"/>
                  </a:lnTo>
                  <a:lnTo>
                    <a:pt x="4270" y="1623"/>
                  </a:lnTo>
                  <a:lnTo>
                    <a:pt x="4187" y="1590"/>
                  </a:lnTo>
                  <a:lnTo>
                    <a:pt x="4103" y="1559"/>
                  </a:lnTo>
                  <a:lnTo>
                    <a:pt x="4016" y="1528"/>
                  </a:lnTo>
                  <a:lnTo>
                    <a:pt x="3929" y="1500"/>
                  </a:lnTo>
                  <a:lnTo>
                    <a:pt x="3839" y="1474"/>
                  </a:lnTo>
                  <a:lnTo>
                    <a:pt x="3748" y="1450"/>
                  </a:lnTo>
                  <a:lnTo>
                    <a:pt x="3655" y="1427"/>
                  </a:lnTo>
                  <a:lnTo>
                    <a:pt x="3562" y="1406"/>
                  </a:lnTo>
                  <a:lnTo>
                    <a:pt x="3467" y="1388"/>
                  </a:lnTo>
                  <a:lnTo>
                    <a:pt x="3370" y="1372"/>
                  </a:lnTo>
                  <a:lnTo>
                    <a:pt x="3271" y="1358"/>
                  </a:lnTo>
                  <a:lnTo>
                    <a:pt x="3173" y="1345"/>
                  </a:lnTo>
                  <a:lnTo>
                    <a:pt x="3073" y="1335"/>
                  </a:lnTo>
                  <a:lnTo>
                    <a:pt x="2972" y="1328"/>
                  </a:lnTo>
                  <a:lnTo>
                    <a:pt x="2870" y="1321"/>
                  </a:lnTo>
                  <a:lnTo>
                    <a:pt x="2767" y="1318"/>
                  </a:lnTo>
                  <a:lnTo>
                    <a:pt x="2662" y="1317"/>
                  </a:lnTo>
                  <a:lnTo>
                    <a:pt x="2662" y="1317"/>
                  </a:lnTo>
                  <a:lnTo>
                    <a:pt x="2553" y="1318"/>
                  </a:lnTo>
                  <a:lnTo>
                    <a:pt x="2445" y="1322"/>
                  </a:lnTo>
                  <a:lnTo>
                    <a:pt x="2338" y="1329"/>
                  </a:lnTo>
                  <a:lnTo>
                    <a:pt x="2233" y="1337"/>
                  </a:lnTo>
                  <a:lnTo>
                    <a:pt x="2127" y="1348"/>
                  </a:lnTo>
                  <a:lnTo>
                    <a:pt x="2024" y="1361"/>
                  </a:lnTo>
                  <a:lnTo>
                    <a:pt x="1922" y="1377"/>
                  </a:lnTo>
                  <a:lnTo>
                    <a:pt x="1821" y="1396"/>
                  </a:lnTo>
                  <a:lnTo>
                    <a:pt x="1722" y="1415"/>
                  </a:lnTo>
                  <a:lnTo>
                    <a:pt x="1625" y="1438"/>
                  </a:lnTo>
                  <a:lnTo>
                    <a:pt x="1528" y="1463"/>
                  </a:lnTo>
                  <a:lnTo>
                    <a:pt x="1434" y="1489"/>
                  </a:lnTo>
                  <a:lnTo>
                    <a:pt x="1341" y="1518"/>
                  </a:lnTo>
                  <a:lnTo>
                    <a:pt x="1250" y="1548"/>
                  </a:lnTo>
                  <a:lnTo>
                    <a:pt x="1161" y="1580"/>
                  </a:lnTo>
                  <a:lnTo>
                    <a:pt x="1074" y="1615"/>
                  </a:lnTo>
                  <a:lnTo>
                    <a:pt x="989" y="1652"/>
                  </a:lnTo>
                  <a:lnTo>
                    <a:pt x="906" y="1689"/>
                  </a:lnTo>
                  <a:lnTo>
                    <a:pt x="825" y="1729"/>
                  </a:lnTo>
                  <a:lnTo>
                    <a:pt x="746" y="1771"/>
                  </a:lnTo>
                  <a:lnTo>
                    <a:pt x="670" y="1815"/>
                  </a:lnTo>
                  <a:lnTo>
                    <a:pt x="633" y="1837"/>
                  </a:lnTo>
                  <a:lnTo>
                    <a:pt x="596" y="1860"/>
                  </a:lnTo>
                  <a:lnTo>
                    <a:pt x="560" y="1883"/>
                  </a:lnTo>
                  <a:lnTo>
                    <a:pt x="524" y="1906"/>
                  </a:lnTo>
                  <a:lnTo>
                    <a:pt x="489" y="1930"/>
                  </a:lnTo>
                  <a:lnTo>
                    <a:pt x="456" y="1954"/>
                  </a:lnTo>
                  <a:lnTo>
                    <a:pt x="422" y="1979"/>
                  </a:lnTo>
                  <a:lnTo>
                    <a:pt x="388" y="2004"/>
                  </a:lnTo>
                  <a:lnTo>
                    <a:pt x="357" y="2030"/>
                  </a:lnTo>
                  <a:lnTo>
                    <a:pt x="324" y="2055"/>
                  </a:lnTo>
                  <a:lnTo>
                    <a:pt x="294" y="2081"/>
                  </a:lnTo>
                  <a:lnTo>
                    <a:pt x="264" y="2107"/>
                  </a:lnTo>
                  <a:lnTo>
                    <a:pt x="234" y="2134"/>
                  </a:lnTo>
                  <a:lnTo>
                    <a:pt x="206" y="2161"/>
                  </a:lnTo>
                  <a:lnTo>
                    <a:pt x="178" y="2189"/>
                  </a:lnTo>
                  <a:lnTo>
                    <a:pt x="149" y="2216"/>
                  </a:lnTo>
                  <a:lnTo>
                    <a:pt x="123" y="2244"/>
                  </a:lnTo>
                  <a:lnTo>
                    <a:pt x="97" y="2274"/>
                  </a:lnTo>
                  <a:lnTo>
                    <a:pt x="72" y="2302"/>
                  </a:lnTo>
                  <a:lnTo>
                    <a:pt x="47" y="2331"/>
                  </a:lnTo>
                  <a:lnTo>
                    <a:pt x="24" y="2360"/>
                  </a:lnTo>
                  <a:lnTo>
                    <a:pt x="0" y="2390"/>
                  </a:lnTo>
                  <a:lnTo>
                    <a:pt x="0" y="2390"/>
                  </a:lnTo>
                  <a:lnTo>
                    <a:pt x="5" y="2330"/>
                  </a:lnTo>
                  <a:lnTo>
                    <a:pt x="10" y="2270"/>
                  </a:lnTo>
                  <a:lnTo>
                    <a:pt x="17" y="2211"/>
                  </a:lnTo>
                  <a:lnTo>
                    <a:pt x="26" y="2153"/>
                  </a:lnTo>
                  <a:lnTo>
                    <a:pt x="36" y="2094"/>
                  </a:lnTo>
                  <a:lnTo>
                    <a:pt x="47" y="2037"/>
                  </a:lnTo>
                  <a:lnTo>
                    <a:pt x="60" y="1979"/>
                  </a:lnTo>
                  <a:lnTo>
                    <a:pt x="74" y="1923"/>
                  </a:lnTo>
                  <a:lnTo>
                    <a:pt x="90" y="1866"/>
                  </a:lnTo>
                  <a:lnTo>
                    <a:pt x="106" y="1810"/>
                  </a:lnTo>
                  <a:lnTo>
                    <a:pt x="124" y="1755"/>
                  </a:lnTo>
                  <a:lnTo>
                    <a:pt x="144" y="1700"/>
                  </a:lnTo>
                  <a:lnTo>
                    <a:pt x="164" y="1646"/>
                  </a:lnTo>
                  <a:lnTo>
                    <a:pt x="185" y="1592"/>
                  </a:lnTo>
                  <a:lnTo>
                    <a:pt x="209" y="1539"/>
                  </a:lnTo>
                  <a:lnTo>
                    <a:pt x="232" y="1486"/>
                  </a:lnTo>
                  <a:lnTo>
                    <a:pt x="258" y="1435"/>
                  </a:lnTo>
                  <a:lnTo>
                    <a:pt x="284" y="1384"/>
                  </a:lnTo>
                  <a:lnTo>
                    <a:pt x="312" y="1333"/>
                  </a:lnTo>
                  <a:lnTo>
                    <a:pt x="340" y="1283"/>
                  </a:lnTo>
                  <a:lnTo>
                    <a:pt x="370" y="1235"/>
                  </a:lnTo>
                  <a:lnTo>
                    <a:pt x="402" y="1186"/>
                  </a:lnTo>
                  <a:lnTo>
                    <a:pt x="433" y="1139"/>
                  </a:lnTo>
                  <a:lnTo>
                    <a:pt x="467" y="1091"/>
                  </a:lnTo>
                  <a:lnTo>
                    <a:pt x="501" y="1045"/>
                  </a:lnTo>
                  <a:lnTo>
                    <a:pt x="536" y="999"/>
                  </a:lnTo>
                  <a:lnTo>
                    <a:pt x="572" y="955"/>
                  </a:lnTo>
                  <a:lnTo>
                    <a:pt x="609" y="911"/>
                  </a:lnTo>
                  <a:lnTo>
                    <a:pt x="648" y="869"/>
                  </a:lnTo>
                  <a:lnTo>
                    <a:pt x="687" y="827"/>
                  </a:lnTo>
                  <a:lnTo>
                    <a:pt x="727" y="784"/>
                  </a:lnTo>
                  <a:lnTo>
                    <a:pt x="769" y="744"/>
                  </a:lnTo>
                  <a:lnTo>
                    <a:pt x="810" y="705"/>
                  </a:lnTo>
                  <a:lnTo>
                    <a:pt x="854" y="666"/>
                  </a:lnTo>
                  <a:lnTo>
                    <a:pt x="898" y="628"/>
                  </a:lnTo>
                  <a:lnTo>
                    <a:pt x="941" y="591"/>
                  </a:lnTo>
                  <a:lnTo>
                    <a:pt x="987" y="555"/>
                  </a:lnTo>
                  <a:lnTo>
                    <a:pt x="1033" y="521"/>
                  </a:lnTo>
                  <a:lnTo>
                    <a:pt x="1081" y="486"/>
                  </a:lnTo>
                  <a:lnTo>
                    <a:pt x="1129" y="454"/>
                  </a:lnTo>
                  <a:lnTo>
                    <a:pt x="1178" y="422"/>
                  </a:lnTo>
                  <a:lnTo>
                    <a:pt x="1228" y="391"/>
                  </a:lnTo>
                  <a:lnTo>
                    <a:pt x="1278" y="361"/>
                  </a:lnTo>
                  <a:lnTo>
                    <a:pt x="1328" y="332"/>
                  </a:lnTo>
                  <a:lnTo>
                    <a:pt x="1380" y="305"/>
                  </a:lnTo>
                  <a:lnTo>
                    <a:pt x="1433" y="278"/>
                  </a:lnTo>
                  <a:lnTo>
                    <a:pt x="1486" y="252"/>
                  </a:lnTo>
                  <a:lnTo>
                    <a:pt x="1539" y="228"/>
                  </a:lnTo>
                  <a:lnTo>
                    <a:pt x="1594" y="205"/>
                  </a:lnTo>
                  <a:lnTo>
                    <a:pt x="1649" y="183"/>
                  </a:lnTo>
                  <a:lnTo>
                    <a:pt x="1705" y="162"/>
                  </a:lnTo>
                  <a:lnTo>
                    <a:pt x="1761" y="142"/>
                  </a:lnTo>
                  <a:lnTo>
                    <a:pt x="1819" y="124"/>
                  </a:lnTo>
                  <a:lnTo>
                    <a:pt x="1876" y="106"/>
                  </a:lnTo>
                  <a:lnTo>
                    <a:pt x="1934" y="90"/>
                  </a:lnTo>
                  <a:lnTo>
                    <a:pt x="1993" y="76"/>
                  </a:lnTo>
                  <a:lnTo>
                    <a:pt x="2051" y="62"/>
                  </a:lnTo>
                  <a:lnTo>
                    <a:pt x="2111" y="50"/>
                  </a:lnTo>
                  <a:lnTo>
                    <a:pt x="2171" y="39"/>
                  </a:lnTo>
                  <a:lnTo>
                    <a:pt x="2232" y="30"/>
                  </a:lnTo>
                  <a:lnTo>
                    <a:pt x="2292" y="21"/>
                  </a:lnTo>
                  <a:lnTo>
                    <a:pt x="2354" y="14"/>
                  </a:lnTo>
                  <a:lnTo>
                    <a:pt x="2415" y="9"/>
                  </a:lnTo>
                  <a:lnTo>
                    <a:pt x="2478" y="5"/>
                  </a:lnTo>
                  <a:lnTo>
                    <a:pt x="2478" y="5"/>
                  </a:lnTo>
                  <a:lnTo>
                    <a:pt x="2478" y="5"/>
                  </a:lnTo>
                  <a:lnTo>
                    <a:pt x="2479" y="5"/>
                  </a:lnTo>
                  <a:lnTo>
                    <a:pt x="2481" y="5"/>
                  </a:lnTo>
                  <a:lnTo>
                    <a:pt x="2481" y="5"/>
                  </a:lnTo>
                  <a:lnTo>
                    <a:pt x="2482" y="5"/>
                  </a:lnTo>
                  <a:lnTo>
                    <a:pt x="2482" y="5"/>
                  </a:lnTo>
                  <a:lnTo>
                    <a:pt x="2482" y="5"/>
                  </a:lnTo>
                  <a:lnTo>
                    <a:pt x="2486" y="4"/>
                  </a:lnTo>
                  <a:lnTo>
                    <a:pt x="2486" y="4"/>
                  </a:lnTo>
                  <a:lnTo>
                    <a:pt x="2486" y="4"/>
                  </a:lnTo>
                  <a:lnTo>
                    <a:pt x="2488" y="4"/>
                  </a:lnTo>
                  <a:lnTo>
                    <a:pt x="2488" y="4"/>
                  </a:lnTo>
                  <a:lnTo>
                    <a:pt x="2488" y="4"/>
                  </a:lnTo>
                  <a:lnTo>
                    <a:pt x="2488" y="4"/>
                  </a:lnTo>
                  <a:lnTo>
                    <a:pt x="2490" y="4"/>
                  </a:lnTo>
                  <a:lnTo>
                    <a:pt x="2490" y="4"/>
                  </a:lnTo>
                  <a:lnTo>
                    <a:pt x="2491" y="4"/>
                  </a:lnTo>
                  <a:lnTo>
                    <a:pt x="2491" y="4"/>
                  </a:lnTo>
                  <a:lnTo>
                    <a:pt x="2492" y="4"/>
                  </a:lnTo>
                  <a:lnTo>
                    <a:pt x="2492" y="4"/>
                  </a:lnTo>
                  <a:lnTo>
                    <a:pt x="2492" y="4"/>
                  </a:lnTo>
                  <a:lnTo>
                    <a:pt x="2492" y="4"/>
                  </a:lnTo>
                  <a:lnTo>
                    <a:pt x="2494" y="4"/>
                  </a:lnTo>
                  <a:lnTo>
                    <a:pt x="2494" y="4"/>
                  </a:lnTo>
                  <a:lnTo>
                    <a:pt x="2494" y="4"/>
                  </a:lnTo>
                  <a:lnTo>
                    <a:pt x="2494" y="4"/>
                  </a:lnTo>
                  <a:lnTo>
                    <a:pt x="2496" y="4"/>
                  </a:lnTo>
                  <a:lnTo>
                    <a:pt x="2496" y="4"/>
                  </a:lnTo>
                  <a:lnTo>
                    <a:pt x="2496" y="4"/>
                  </a:lnTo>
                  <a:lnTo>
                    <a:pt x="2496" y="4"/>
                  </a:lnTo>
                  <a:lnTo>
                    <a:pt x="2499" y="4"/>
                  </a:lnTo>
                  <a:lnTo>
                    <a:pt x="2499" y="4"/>
                  </a:lnTo>
                  <a:lnTo>
                    <a:pt x="2499" y="4"/>
                  </a:lnTo>
                  <a:lnTo>
                    <a:pt x="2499" y="4"/>
                  </a:lnTo>
                  <a:lnTo>
                    <a:pt x="2502" y="4"/>
                  </a:lnTo>
                  <a:lnTo>
                    <a:pt x="2503" y="4"/>
                  </a:lnTo>
                  <a:lnTo>
                    <a:pt x="2503" y="4"/>
                  </a:lnTo>
                  <a:lnTo>
                    <a:pt x="2504" y="4"/>
                  </a:lnTo>
                  <a:lnTo>
                    <a:pt x="2504" y="4"/>
                  </a:lnTo>
                  <a:lnTo>
                    <a:pt x="2504" y="4"/>
                  </a:lnTo>
                  <a:lnTo>
                    <a:pt x="2504" y="4"/>
                  </a:lnTo>
                  <a:lnTo>
                    <a:pt x="2506" y="4"/>
                  </a:lnTo>
                  <a:lnTo>
                    <a:pt x="2506" y="4"/>
                  </a:lnTo>
                  <a:lnTo>
                    <a:pt x="2506" y="4"/>
                  </a:lnTo>
                  <a:lnTo>
                    <a:pt x="2506" y="4"/>
                  </a:lnTo>
                  <a:lnTo>
                    <a:pt x="2524" y="3"/>
                  </a:lnTo>
                  <a:lnTo>
                    <a:pt x="2524" y="3"/>
                  </a:lnTo>
                  <a:lnTo>
                    <a:pt x="2524" y="3"/>
                  </a:lnTo>
                  <a:lnTo>
                    <a:pt x="2527" y="3"/>
                  </a:lnTo>
                  <a:lnTo>
                    <a:pt x="2527" y="3"/>
                  </a:lnTo>
                  <a:lnTo>
                    <a:pt x="2527" y="3"/>
                  </a:lnTo>
                  <a:lnTo>
                    <a:pt x="2527" y="3"/>
                  </a:lnTo>
                  <a:lnTo>
                    <a:pt x="2529" y="3"/>
                  </a:lnTo>
                  <a:lnTo>
                    <a:pt x="2529" y="3"/>
                  </a:lnTo>
                  <a:lnTo>
                    <a:pt x="2529" y="3"/>
                  </a:lnTo>
                  <a:lnTo>
                    <a:pt x="2529" y="3"/>
                  </a:lnTo>
                  <a:lnTo>
                    <a:pt x="2530" y="3"/>
                  </a:lnTo>
                  <a:lnTo>
                    <a:pt x="2530" y="3"/>
                  </a:lnTo>
                  <a:lnTo>
                    <a:pt x="2531" y="3"/>
                  </a:lnTo>
                  <a:lnTo>
                    <a:pt x="2531" y="3"/>
                  </a:lnTo>
                  <a:lnTo>
                    <a:pt x="2532" y="3"/>
                  </a:lnTo>
                  <a:lnTo>
                    <a:pt x="2532" y="3"/>
                  </a:lnTo>
                  <a:lnTo>
                    <a:pt x="2533" y="3"/>
                  </a:lnTo>
                  <a:lnTo>
                    <a:pt x="2533" y="3"/>
                  </a:lnTo>
                  <a:lnTo>
                    <a:pt x="2534" y="3"/>
                  </a:lnTo>
                  <a:lnTo>
                    <a:pt x="2534" y="3"/>
                  </a:lnTo>
                  <a:lnTo>
                    <a:pt x="2536" y="3"/>
                  </a:lnTo>
                  <a:lnTo>
                    <a:pt x="2536" y="3"/>
                  </a:lnTo>
                  <a:lnTo>
                    <a:pt x="2537" y="1"/>
                  </a:lnTo>
                  <a:lnTo>
                    <a:pt x="2537" y="1"/>
                  </a:lnTo>
                  <a:lnTo>
                    <a:pt x="2537" y="1"/>
                  </a:lnTo>
                  <a:lnTo>
                    <a:pt x="2537" y="1"/>
                  </a:lnTo>
                  <a:lnTo>
                    <a:pt x="2539" y="1"/>
                  </a:lnTo>
                  <a:lnTo>
                    <a:pt x="2539" y="1"/>
                  </a:lnTo>
                  <a:lnTo>
                    <a:pt x="2539" y="1"/>
                  </a:lnTo>
                  <a:lnTo>
                    <a:pt x="2539" y="1"/>
                  </a:lnTo>
                  <a:lnTo>
                    <a:pt x="2540" y="1"/>
                  </a:lnTo>
                  <a:lnTo>
                    <a:pt x="2540" y="1"/>
                  </a:lnTo>
                  <a:lnTo>
                    <a:pt x="2541" y="1"/>
                  </a:lnTo>
                  <a:lnTo>
                    <a:pt x="2541" y="1"/>
                  </a:lnTo>
                  <a:lnTo>
                    <a:pt x="2542" y="1"/>
                  </a:lnTo>
                  <a:lnTo>
                    <a:pt x="2542" y="1"/>
                  </a:lnTo>
                  <a:lnTo>
                    <a:pt x="2543" y="1"/>
                  </a:lnTo>
                  <a:lnTo>
                    <a:pt x="2543" y="1"/>
                  </a:lnTo>
                  <a:lnTo>
                    <a:pt x="2544" y="1"/>
                  </a:lnTo>
                  <a:lnTo>
                    <a:pt x="2544" y="1"/>
                  </a:lnTo>
                  <a:lnTo>
                    <a:pt x="2546" y="1"/>
                  </a:lnTo>
                  <a:lnTo>
                    <a:pt x="2546" y="1"/>
                  </a:lnTo>
                  <a:lnTo>
                    <a:pt x="2547" y="1"/>
                  </a:lnTo>
                  <a:lnTo>
                    <a:pt x="2547" y="1"/>
                  </a:lnTo>
                  <a:lnTo>
                    <a:pt x="2548" y="1"/>
                  </a:lnTo>
                  <a:lnTo>
                    <a:pt x="2548" y="1"/>
                  </a:lnTo>
                  <a:lnTo>
                    <a:pt x="2549" y="1"/>
                  </a:lnTo>
                  <a:lnTo>
                    <a:pt x="2549" y="1"/>
                  </a:lnTo>
                  <a:lnTo>
                    <a:pt x="2549" y="1"/>
                  </a:lnTo>
                  <a:lnTo>
                    <a:pt x="2549" y="1"/>
                  </a:lnTo>
                  <a:lnTo>
                    <a:pt x="2551" y="1"/>
                  </a:lnTo>
                  <a:lnTo>
                    <a:pt x="2551" y="1"/>
                  </a:lnTo>
                  <a:lnTo>
                    <a:pt x="2551" y="1"/>
                  </a:lnTo>
                  <a:lnTo>
                    <a:pt x="2551" y="1"/>
                  </a:lnTo>
                  <a:lnTo>
                    <a:pt x="2552" y="1"/>
                  </a:lnTo>
                  <a:lnTo>
                    <a:pt x="2552" y="1"/>
                  </a:lnTo>
                  <a:lnTo>
                    <a:pt x="2553" y="1"/>
                  </a:lnTo>
                  <a:lnTo>
                    <a:pt x="2553" y="1"/>
                  </a:lnTo>
                  <a:lnTo>
                    <a:pt x="2555" y="1"/>
                  </a:lnTo>
                  <a:lnTo>
                    <a:pt x="2555" y="1"/>
                  </a:lnTo>
                  <a:lnTo>
                    <a:pt x="2556" y="1"/>
                  </a:lnTo>
                  <a:lnTo>
                    <a:pt x="2556" y="1"/>
                  </a:lnTo>
                  <a:lnTo>
                    <a:pt x="2557" y="1"/>
                  </a:lnTo>
                  <a:lnTo>
                    <a:pt x="2557" y="1"/>
                  </a:lnTo>
                  <a:lnTo>
                    <a:pt x="2558" y="1"/>
                  </a:lnTo>
                  <a:lnTo>
                    <a:pt x="2558" y="1"/>
                  </a:lnTo>
                  <a:lnTo>
                    <a:pt x="2559" y="1"/>
                  </a:lnTo>
                  <a:lnTo>
                    <a:pt x="2559" y="1"/>
                  </a:lnTo>
                  <a:lnTo>
                    <a:pt x="2560" y="1"/>
                  </a:lnTo>
                  <a:lnTo>
                    <a:pt x="2560" y="1"/>
                  </a:lnTo>
                  <a:lnTo>
                    <a:pt x="2561" y="1"/>
                  </a:lnTo>
                  <a:lnTo>
                    <a:pt x="2561" y="1"/>
                  </a:lnTo>
                  <a:lnTo>
                    <a:pt x="2562" y="1"/>
                  </a:lnTo>
                  <a:lnTo>
                    <a:pt x="2562" y="1"/>
                  </a:lnTo>
                  <a:lnTo>
                    <a:pt x="2564" y="1"/>
                  </a:lnTo>
                  <a:lnTo>
                    <a:pt x="2564" y="1"/>
                  </a:lnTo>
                  <a:lnTo>
                    <a:pt x="2565" y="1"/>
                  </a:lnTo>
                  <a:lnTo>
                    <a:pt x="2565" y="1"/>
                  </a:lnTo>
                  <a:lnTo>
                    <a:pt x="2566" y="1"/>
                  </a:lnTo>
                  <a:lnTo>
                    <a:pt x="2566" y="1"/>
                  </a:lnTo>
                  <a:lnTo>
                    <a:pt x="2566" y="1"/>
                  </a:lnTo>
                  <a:lnTo>
                    <a:pt x="2566" y="1"/>
                  </a:lnTo>
                  <a:lnTo>
                    <a:pt x="2567" y="1"/>
                  </a:lnTo>
                  <a:lnTo>
                    <a:pt x="2567" y="1"/>
                  </a:lnTo>
                  <a:lnTo>
                    <a:pt x="2568" y="1"/>
                  </a:lnTo>
                  <a:lnTo>
                    <a:pt x="2568" y="1"/>
                  </a:lnTo>
                  <a:lnTo>
                    <a:pt x="2569" y="1"/>
                  </a:lnTo>
                  <a:lnTo>
                    <a:pt x="2569" y="1"/>
                  </a:lnTo>
                  <a:lnTo>
                    <a:pt x="2571" y="1"/>
                  </a:lnTo>
                  <a:lnTo>
                    <a:pt x="2571" y="1"/>
                  </a:lnTo>
                  <a:lnTo>
                    <a:pt x="2571" y="1"/>
                  </a:lnTo>
                  <a:lnTo>
                    <a:pt x="2571" y="1"/>
                  </a:lnTo>
                  <a:lnTo>
                    <a:pt x="2573" y="1"/>
                  </a:lnTo>
                  <a:lnTo>
                    <a:pt x="2573" y="1"/>
                  </a:lnTo>
                  <a:lnTo>
                    <a:pt x="2575" y="1"/>
                  </a:lnTo>
                  <a:lnTo>
                    <a:pt x="2575" y="1"/>
                  </a:lnTo>
                  <a:lnTo>
                    <a:pt x="2576" y="1"/>
                  </a:lnTo>
                  <a:lnTo>
                    <a:pt x="2576" y="1"/>
                  </a:lnTo>
                  <a:lnTo>
                    <a:pt x="2577" y="0"/>
                  </a:lnTo>
                  <a:lnTo>
                    <a:pt x="2577" y="0"/>
                  </a:lnTo>
                  <a:lnTo>
                    <a:pt x="2578" y="0"/>
                  </a:lnTo>
                  <a:lnTo>
                    <a:pt x="2578" y="0"/>
                  </a:lnTo>
                  <a:lnTo>
                    <a:pt x="2578" y="0"/>
                  </a:lnTo>
                  <a:lnTo>
                    <a:pt x="2578" y="0"/>
                  </a:lnTo>
                  <a:lnTo>
                    <a:pt x="2579" y="0"/>
                  </a:lnTo>
                  <a:lnTo>
                    <a:pt x="2579" y="0"/>
                  </a:lnTo>
                  <a:lnTo>
                    <a:pt x="2580" y="0"/>
                  </a:lnTo>
                  <a:lnTo>
                    <a:pt x="2580" y="0"/>
                  </a:lnTo>
                  <a:lnTo>
                    <a:pt x="2582" y="0"/>
                  </a:lnTo>
                  <a:lnTo>
                    <a:pt x="2582" y="0"/>
                  </a:lnTo>
                  <a:lnTo>
                    <a:pt x="2583" y="0"/>
                  </a:lnTo>
                  <a:lnTo>
                    <a:pt x="2583" y="0"/>
                  </a:lnTo>
                  <a:lnTo>
                    <a:pt x="2584" y="0"/>
                  </a:lnTo>
                  <a:lnTo>
                    <a:pt x="2584" y="0"/>
                  </a:lnTo>
                  <a:lnTo>
                    <a:pt x="2585" y="0"/>
                  </a:lnTo>
                  <a:lnTo>
                    <a:pt x="2585" y="0"/>
                  </a:lnTo>
                  <a:lnTo>
                    <a:pt x="2586" y="0"/>
                  </a:lnTo>
                  <a:lnTo>
                    <a:pt x="2586" y="0"/>
                  </a:lnTo>
                  <a:lnTo>
                    <a:pt x="2587" y="0"/>
                  </a:lnTo>
                  <a:lnTo>
                    <a:pt x="2587" y="0"/>
                  </a:lnTo>
                  <a:lnTo>
                    <a:pt x="2588" y="0"/>
                  </a:lnTo>
                  <a:lnTo>
                    <a:pt x="2588" y="0"/>
                  </a:lnTo>
                  <a:lnTo>
                    <a:pt x="2589" y="0"/>
                  </a:lnTo>
                  <a:lnTo>
                    <a:pt x="2589" y="0"/>
                  </a:lnTo>
                  <a:lnTo>
                    <a:pt x="2590" y="0"/>
                  </a:lnTo>
                  <a:lnTo>
                    <a:pt x="2590" y="0"/>
                  </a:lnTo>
                  <a:lnTo>
                    <a:pt x="2592" y="0"/>
                  </a:lnTo>
                  <a:lnTo>
                    <a:pt x="2592" y="0"/>
                  </a:lnTo>
                  <a:lnTo>
                    <a:pt x="2593" y="0"/>
                  </a:lnTo>
                  <a:lnTo>
                    <a:pt x="2593" y="0"/>
                  </a:lnTo>
                  <a:lnTo>
                    <a:pt x="2594" y="0"/>
                  </a:lnTo>
                  <a:lnTo>
                    <a:pt x="2594" y="0"/>
                  </a:lnTo>
                  <a:lnTo>
                    <a:pt x="2594" y="0"/>
                  </a:lnTo>
                  <a:lnTo>
                    <a:pt x="2594" y="0"/>
                  </a:lnTo>
                  <a:lnTo>
                    <a:pt x="2595" y="0"/>
                  </a:lnTo>
                  <a:lnTo>
                    <a:pt x="2595" y="0"/>
                  </a:lnTo>
                  <a:lnTo>
                    <a:pt x="2596" y="0"/>
                  </a:lnTo>
                  <a:lnTo>
                    <a:pt x="2596" y="0"/>
                  </a:lnTo>
                  <a:lnTo>
                    <a:pt x="2597" y="0"/>
                  </a:lnTo>
                  <a:lnTo>
                    <a:pt x="2597" y="0"/>
                  </a:lnTo>
                  <a:lnTo>
                    <a:pt x="2598" y="0"/>
                  </a:lnTo>
                  <a:lnTo>
                    <a:pt x="2598" y="0"/>
                  </a:lnTo>
                  <a:lnTo>
                    <a:pt x="2599" y="0"/>
                  </a:lnTo>
                  <a:lnTo>
                    <a:pt x="2599" y="0"/>
                  </a:lnTo>
                  <a:lnTo>
                    <a:pt x="2601" y="0"/>
                  </a:lnTo>
                  <a:lnTo>
                    <a:pt x="2601" y="0"/>
                  </a:lnTo>
                  <a:lnTo>
                    <a:pt x="2602" y="0"/>
                  </a:lnTo>
                  <a:lnTo>
                    <a:pt x="2602" y="0"/>
                  </a:lnTo>
                  <a:lnTo>
                    <a:pt x="2603" y="0"/>
                  </a:lnTo>
                  <a:lnTo>
                    <a:pt x="2603" y="0"/>
                  </a:lnTo>
                  <a:lnTo>
                    <a:pt x="2604" y="0"/>
                  </a:lnTo>
                  <a:lnTo>
                    <a:pt x="2604" y="0"/>
                  </a:lnTo>
                  <a:lnTo>
                    <a:pt x="2605" y="0"/>
                  </a:lnTo>
                  <a:lnTo>
                    <a:pt x="2605" y="0"/>
                  </a:lnTo>
                  <a:lnTo>
                    <a:pt x="2606" y="0"/>
                  </a:lnTo>
                  <a:lnTo>
                    <a:pt x="2606" y="0"/>
                  </a:lnTo>
                  <a:lnTo>
                    <a:pt x="2607" y="0"/>
                  </a:lnTo>
                  <a:lnTo>
                    <a:pt x="2607" y="0"/>
                  </a:lnTo>
                  <a:lnTo>
                    <a:pt x="2608" y="0"/>
                  </a:lnTo>
                  <a:lnTo>
                    <a:pt x="2608" y="0"/>
                  </a:lnTo>
                  <a:lnTo>
                    <a:pt x="2608" y="0"/>
                  </a:lnTo>
                  <a:lnTo>
                    <a:pt x="2608" y="0"/>
                  </a:lnTo>
                  <a:lnTo>
                    <a:pt x="2610" y="0"/>
                  </a:lnTo>
                  <a:lnTo>
                    <a:pt x="2610" y="0"/>
                  </a:lnTo>
                  <a:lnTo>
                    <a:pt x="2611" y="0"/>
                  </a:lnTo>
                  <a:lnTo>
                    <a:pt x="2611" y="0"/>
                  </a:lnTo>
                  <a:lnTo>
                    <a:pt x="2612" y="0"/>
                  </a:lnTo>
                  <a:lnTo>
                    <a:pt x="2612" y="0"/>
                  </a:lnTo>
                  <a:lnTo>
                    <a:pt x="2613" y="0"/>
                  </a:lnTo>
                  <a:lnTo>
                    <a:pt x="2613" y="0"/>
                  </a:lnTo>
                  <a:lnTo>
                    <a:pt x="2614" y="0"/>
                  </a:lnTo>
                  <a:lnTo>
                    <a:pt x="2614" y="0"/>
                  </a:lnTo>
                  <a:lnTo>
                    <a:pt x="2615" y="0"/>
                  </a:lnTo>
                  <a:lnTo>
                    <a:pt x="2615" y="0"/>
                  </a:lnTo>
                  <a:lnTo>
                    <a:pt x="2616" y="0"/>
                  </a:lnTo>
                  <a:lnTo>
                    <a:pt x="2616" y="0"/>
                  </a:lnTo>
                  <a:lnTo>
                    <a:pt x="2617" y="0"/>
                  </a:lnTo>
                  <a:lnTo>
                    <a:pt x="2617" y="0"/>
                  </a:lnTo>
                  <a:lnTo>
                    <a:pt x="2619" y="0"/>
                  </a:lnTo>
                  <a:lnTo>
                    <a:pt x="2619" y="0"/>
                  </a:lnTo>
                  <a:lnTo>
                    <a:pt x="2620" y="0"/>
                  </a:lnTo>
                  <a:lnTo>
                    <a:pt x="2620" y="0"/>
                  </a:lnTo>
                  <a:lnTo>
                    <a:pt x="2621" y="0"/>
                  </a:lnTo>
                  <a:lnTo>
                    <a:pt x="2621" y="0"/>
                  </a:lnTo>
                  <a:lnTo>
                    <a:pt x="2622" y="0"/>
                  </a:lnTo>
                  <a:lnTo>
                    <a:pt x="2622" y="0"/>
                  </a:lnTo>
                  <a:lnTo>
                    <a:pt x="2623" y="0"/>
                  </a:lnTo>
                  <a:lnTo>
                    <a:pt x="2623" y="0"/>
                  </a:lnTo>
                  <a:lnTo>
                    <a:pt x="2624" y="0"/>
                  </a:lnTo>
                  <a:lnTo>
                    <a:pt x="2624" y="0"/>
                  </a:lnTo>
                  <a:lnTo>
                    <a:pt x="2624" y="0"/>
                  </a:lnTo>
                  <a:lnTo>
                    <a:pt x="2624" y="0"/>
                  </a:lnTo>
                  <a:lnTo>
                    <a:pt x="2626" y="0"/>
                  </a:lnTo>
                  <a:lnTo>
                    <a:pt x="2626" y="0"/>
                  </a:lnTo>
                  <a:lnTo>
                    <a:pt x="2626" y="0"/>
                  </a:lnTo>
                  <a:lnTo>
                    <a:pt x="2626" y="0"/>
                  </a:lnTo>
                  <a:lnTo>
                    <a:pt x="2629" y="0"/>
                  </a:lnTo>
                  <a:lnTo>
                    <a:pt x="2629" y="0"/>
                  </a:lnTo>
                  <a:lnTo>
                    <a:pt x="2629" y="0"/>
                  </a:lnTo>
                  <a:lnTo>
                    <a:pt x="2629" y="0"/>
                  </a:lnTo>
                  <a:lnTo>
                    <a:pt x="2631"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3" name="Freeform 293">
              <a:extLst>
                <a:ext uri="{FF2B5EF4-FFF2-40B4-BE49-F238E27FC236}">
                  <a16:creationId xmlns:a16="http://schemas.microsoft.com/office/drawing/2014/main" xmlns="" id="{3ABD2D3C-463F-024C-AD4D-F18F2C93E92A}"/>
                </a:ext>
              </a:extLst>
            </p:cNvPr>
            <p:cNvSpPr>
              <a:spLocks/>
            </p:cNvSpPr>
            <p:nvPr/>
          </p:nvSpPr>
          <p:spPr bwMode="auto">
            <a:xfrm flipH="1">
              <a:off x="9078145" y="2810383"/>
              <a:ext cx="189007" cy="1939485"/>
            </a:xfrm>
            <a:custGeom>
              <a:avLst/>
              <a:gdLst>
                <a:gd name="T0" fmla="*/ 214 w 214"/>
                <a:gd name="T1" fmla="*/ 2 h 2132"/>
                <a:gd name="T2" fmla="*/ 0 w 214"/>
                <a:gd name="T3" fmla="*/ 0 h 2132"/>
                <a:gd name="T4" fmla="*/ 84 w 214"/>
                <a:gd name="T5" fmla="*/ 2132 h 2132"/>
                <a:gd name="T6" fmla="*/ 132 w 214"/>
                <a:gd name="T7" fmla="*/ 2132 h 2132"/>
                <a:gd name="T8" fmla="*/ 214 w 214"/>
                <a:gd name="T9" fmla="*/ 2 h 2132"/>
              </a:gdLst>
              <a:ahLst/>
              <a:cxnLst>
                <a:cxn ang="0">
                  <a:pos x="T0" y="T1"/>
                </a:cxn>
                <a:cxn ang="0">
                  <a:pos x="T2" y="T3"/>
                </a:cxn>
                <a:cxn ang="0">
                  <a:pos x="T4" y="T5"/>
                </a:cxn>
                <a:cxn ang="0">
                  <a:pos x="T6" y="T7"/>
                </a:cxn>
                <a:cxn ang="0">
                  <a:pos x="T8" y="T9"/>
                </a:cxn>
              </a:cxnLst>
              <a:rect l="0" t="0" r="r" b="b"/>
              <a:pathLst>
                <a:path w="214" h="2132">
                  <a:moveTo>
                    <a:pt x="214" y="2"/>
                  </a:moveTo>
                  <a:lnTo>
                    <a:pt x="0" y="0"/>
                  </a:lnTo>
                  <a:lnTo>
                    <a:pt x="84" y="2132"/>
                  </a:lnTo>
                  <a:lnTo>
                    <a:pt x="132" y="2132"/>
                  </a:lnTo>
                  <a:lnTo>
                    <a:pt x="214" y="2"/>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4" name="Freeform 294">
              <a:extLst>
                <a:ext uri="{FF2B5EF4-FFF2-40B4-BE49-F238E27FC236}">
                  <a16:creationId xmlns:a16="http://schemas.microsoft.com/office/drawing/2014/main" xmlns="" id="{C101A310-0167-E540-BE0A-03153B6E8414}"/>
                </a:ext>
              </a:extLst>
            </p:cNvPr>
            <p:cNvSpPr>
              <a:spLocks/>
            </p:cNvSpPr>
            <p:nvPr/>
          </p:nvSpPr>
          <p:spPr bwMode="auto">
            <a:xfrm flipH="1">
              <a:off x="8658130" y="2727443"/>
              <a:ext cx="2278582" cy="829385"/>
            </a:xfrm>
            <a:custGeom>
              <a:avLst/>
              <a:gdLst>
                <a:gd name="T0" fmla="*/ 2556 w 2609"/>
                <a:gd name="T1" fmla="*/ 913 h 913"/>
                <a:gd name="T2" fmla="*/ 2609 w 2609"/>
                <a:gd name="T3" fmla="*/ 764 h 913"/>
                <a:gd name="T4" fmla="*/ 11 w 2609"/>
                <a:gd name="T5" fmla="*/ 0 h 913"/>
                <a:gd name="T6" fmla="*/ 0 w 2609"/>
                <a:gd name="T7" fmla="*/ 32 h 913"/>
                <a:gd name="T8" fmla="*/ 2556 w 2609"/>
                <a:gd name="T9" fmla="*/ 913 h 913"/>
              </a:gdLst>
              <a:ahLst/>
              <a:cxnLst>
                <a:cxn ang="0">
                  <a:pos x="T0" y="T1"/>
                </a:cxn>
                <a:cxn ang="0">
                  <a:pos x="T2" y="T3"/>
                </a:cxn>
                <a:cxn ang="0">
                  <a:pos x="T4" y="T5"/>
                </a:cxn>
                <a:cxn ang="0">
                  <a:pos x="T6" y="T7"/>
                </a:cxn>
                <a:cxn ang="0">
                  <a:pos x="T8" y="T9"/>
                </a:cxn>
              </a:cxnLst>
              <a:rect l="0" t="0" r="r" b="b"/>
              <a:pathLst>
                <a:path w="2609" h="913">
                  <a:moveTo>
                    <a:pt x="2556" y="913"/>
                  </a:moveTo>
                  <a:lnTo>
                    <a:pt x="2609" y="764"/>
                  </a:lnTo>
                  <a:lnTo>
                    <a:pt x="11" y="0"/>
                  </a:lnTo>
                  <a:lnTo>
                    <a:pt x="0" y="32"/>
                  </a:lnTo>
                  <a:lnTo>
                    <a:pt x="2556" y="913"/>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5" name="Freeform 295">
              <a:extLst>
                <a:ext uri="{FF2B5EF4-FFF2-40B4-BE49-F238E27FC236}">
                  <a16:creationId xmlns:a16="http://schemas.microsoft.com/office/drawing/2014/main" xmlns="" id="{6A3E8EC4-5C17-D044-93DD-CAA5C8882E47}"/>
                </a:ext>
              </a:extLst>
            </p:cNvPr>
            <p:cNvSpPr>
              <a:spLocks/>
            </p:cNvSpPr>
            <p:nvPr/>
          </p:nvSpPr>
          <p:spPr bwMode="auto">
            <a:xfrm flipH="1">
              <a:off x="7886352" y="1987376"/>
              <a:ext cx="1585557" cy="1677909"/>
            </a:xfrm>
            <a:custGeom>
              <a:avLst/>
              <a:gdLst>
                <a:gd name="T0" fmla="*/ 51 w 1813"/>
                <a:gd name="T1" fmla="*/ 1843 h 1843"/>
                <a:gd name="T2" fmla="*/ 1813 w 1813"/>
                <a:gd name="T3" fmla="*/ 0 h 1843"/>
                <a:gd name="T4" fmla="*/ 0 w 1813"/>
                <a:gd name="T5" fmla="*/ 1797 h 1843"/>
                <a:gd name="T6" fmla="*/ 51 w 1813"/>
                <a:gd name="T7" fmla="*/ 1843 h 1843"/>
              </a:gdLst>
              <a:ahLst/>
              <a:cxnLst>
                <a:cxn ang="0">
                  <a:pos x="T0" y="T1"/>
                </a:cxn>
                <a:cxn ang="0">
                  <a:pos x="T2" y="T3"/>
                </a:cxn>
                <a:cxn ang="0">
                  <a:pos x="T4" y="T5"/>
                </a:cxn>
                <a:cxn ang="0">
                  <a:pos x="T6" y="T7"/>
                </a:cxn>
              </a:cxnLst>
              <a:rect l="0" t="0" r="r" b="b"/>
              <a:pathLst>
                <a:path w="1813" h="1843">
                  <a:moveTo>
                    <a:pt x="51" y="1843"/>
                  </a:moveTo>
                  <a:lnTo>
                    <a:pt x="1813" y="0"/>
                  </a:lnTo>
                  <a:lnTo>
                    <a:pt x="0" y="1797"/>
                  </a:lnTo>
                  <a:lnTo>
                    <a:pt x="51" y="1843"/>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6" name="Freeform 296">
              <a:extLst>
                <a:ext uri="{FF2B5EF4-FFF2-40B4-BE49-F238E27FC236}">
                  <a16:creationId xmlns:a16="http://schemas.microsoft.com/office/drawing/2014/main" xmlns="" id="{CBF8E7DF-8D6D-8F42-8F09-5CA1E54DB9C0}"/>
                </a:ext>
              </a:extLst>
            </p:cNvPr>
            <p:cNvSpPr>
              <a:spLocks/>
            </p:cNvSpPr>
            <p:nvPr/>
          </p:nvSpPr>
          <p:spPr bwMode="auto">
            <a:xfrm flipH="1">
              <a:off x="8983641" y="3116615"/>
              <a:ext cx="378014" cy="376412"/>
            </a:xfrm>
            <a:custGeom>
              <a:avLst/>
              <a:gdLst>
                <a:gd name="T0" fmla="*/ 0 w 432"/>
                <a:gd name="T1" fmla="*/ 208 h 416"/>
                <a:gd name="T2" fmla="*/ 5 w 432"/>
                <a:gd name="T3" fmla="*/ 249 h 416"/>
                <a:gd name="T4" fmla="*/ 17 w 432"/>
                <a:gd name="T5" fmla="*/ 289 h 416"/>
                <a:gd name="T6" fmla="*/ 37 w 432"/>
                <a:gd name="T7" fmla="*/ 324 h 416"/>
                <a:gd name="T8" fmla="*/ 63 w 432"/>
                <a:gd name="T9" fmla="*/ 355 h 416"/>
                <a:gd name="T10" fmla="*/ 96 w 432"/>
                <a:gd name="T11" fmla="*/ 380 h 416"/>
                <a:gd name="T12" fmla="*/ 131 w 432"/>
                <a:gd name="T13" fmla="*/ 399 h 416"/>
                <a:gd name="T14" fmla="*/ 173 w 432"/>
                <a:gd name="T15" fmla="*/ 411 h 416"/>
                <a:gd name="T16" fmla="*/ 216 w 432"/>
                <a:gd name="T17" fmla="*/ 416 h 416"/>
                <a:gd name="T18" fmla="*/ 238 w 432"/>
                <a:gd name="T19" fmla="*/ 414 h 416"/>
                <a:gd name="T20" fmla="*/ 279 w 432"/>
                <a:gd name="T21" fmla="*/ 406 h 416"/>
                <a:gd name="T22" fmla="*/ 319 w 432"/>
                <a:gd name="T23" fmla="*/ 391 h 416"/>
                <a:gd name="T24" fmla="*/ 354 w 432"/>
                <a:gd name="T25" fmla="*/ 368 h 416"/>
                <a:gd name="T26" fmla="*/ 383 w 432"/>
                <a:gd name="T27" fmla="*/ 340 h 416"/>
                <a:gd name="T28" fmla="*/ 405 w 432"/>
                <a:gd name="T29" fmla="*/ 306 h 416"/>
                <a:gd name="T30" fmla="*/ 422 w 432"/>
                <a:gd name="T31" fmla="*/ 270 h 416"/>
                <a:gd name="T32" fmla="*/ 431 w 432"/>
                <a:gd name="T33" fmla="*/ 229 h 416"/>
                <a:gd name="T34" fmla="*/ 432 w 432"/>
                <a:gd name="T35" fmla="*/ 208 h 416"/>
                <a:gd name="T36" fmla="*/ 428 w 432"/>
                <a:gd name="T37" fmla="*/ 166 h 416"/>
                <a:gd name="T38" fmla="*/ 414 w 432"/>
                <a:gd name="T39" fmla="*/ 127 h 416"/>
                <a:gd name="T40" fmla="*/ 395 w 432"/>
                <a:gd name="T41" fmla="*/ 92 h 416"/>
                <a:gd name="T42" fmla="*/ 368 w 432"/>
                <a:gd name="T43" fmla="*/ 61 h 416"/>
                <a:gd name="T44" fmla="*/ 337 w 432"/>
                <a:gd name="T45" fmla="*/ 35 h 416"/>
                <a:gd name="T46" fmla="*/ 300 w 432"/>
                <a:gd name="T47" fmla="*/ 17 h 416"/>
                <a:gd name="T48" fmla="*/ 259 w 432"/>
                <a:gd name="T49" fmla="*/ 4 h 416"/>
                <a:gd name="T50" fmla="*/ 216 w 432"/>
                <a:gd name="T51" fmla="*/ 0 h 416"/>
                <a:gd name="T52" fmla="*/ 194 w 432"/>
                <a:gd name="T53" fmla="*/ 1 h 416"/>
                <a:gd name="T54" fmla="*/ 152 w 432"/>
                <a:gd name="T55" fmla="*/ 9 h 416"/>
                <a:gd name="T56" fmla="*/ 113 w 432"/>
                <a:gd name="T57" fmla="*/ 26 h 416"/>
                <a:gd name="T58" fmla="*/ 79 w 432"/>
                <a:gd name="T59" fmla="*/ 47 h 416"/>
                <a:gd name="T60" fmla="*/ 50 w 432"/>
                <a:gd name="T61" fmla="*/ 75 h 416"/>
                <a:gd name="T62" fmla="*/ 26 w 432"/>
                <a:gd name="T63" fmla="*/ 109 h 416"/>
                <a:gd name="T64" fmla="*/ 10 w 432"/>
                <a:gd name="T65" fmla="*/ 147 h 416"/>
                <a:gd name="T66" fmla="*/ 1 w 432"/>
                <a:gd name="T67" fmla="*/ 187 h 416"/>
                <a:gd name="T68" fmla="*/ 0 w 432"/>
                <a:gd name="T69" fmla="*/ 208 h 4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32" h="416">
                  <a:moveTo>
                    <a:pt x="0" y="208"/>
                  </a:moveTo>
                  <a:lnTo>
                    <a:pt x="0" y="208"/>
                  </a:lnTo>
                  <a:lnTo>
                    <a:pt x="1" y="229"/>
                  </a:lnTo>
                  <a:lnTo>
                    <a:pt x="5" y="249"/>
                  </a:lnTo>
                  <a:lnTo>
                    <a:pt x="10" y="270"/>
                  </a:lnTo>
                  <a:lnTo>
                    <a:pt x="17" y="289"/>
                  </a:lnTo>
                  <a:lnTo>
                    <a:pt x="26" y="306"/>
                  </a:lnTo>
                  <a:lnTo>
                    <a:pt x="37" y="324"/>
                  </a:lnTo>
                  <a:lnTo>
                    <a:pt x="50" y="340"/>
                  </a:lnTo>
                  <a:lnTo>
                    <a:pt x="63" y="355"/>
                  </a:lnTo>
                  <a:lnTo>
                    <a:pt x="79" y="368"/>
                  </a:lnTo>
                  <a:lnTo>
                    <a:pt x="96" y="380"/>
                  </a:lnTo>
                  <a:lnTo>
                    <a:pt x="113" y="391"/>
                  </a:lnTo>
                  <a:lnTo>
                    <a:pt x="131" y="399"/>
                  </a:lnTo>
                  <a:lnTo>
                    <a:pt x="152" y="406"/>
                  </a:lnTo>
                  <a:lnTo>
                    <a:pt x="173" y="411"/>
                  </a:lnTo>
                  <a:lnTo>
                    <a:pt x="194" y="414"/>
                  </a:lnTo>
                  <a:lnTo>
                    <a:pt x="216" y="416"/>
                  </a:lnTo>
                  <a:lnTo>
                    <a:pt x="216" y="416"/>
                  </a:lnTo>
                  <a:lnTo>
                    <a:pt x="238" y="414"/>
                  </a:lnTo>
                  <a:lnTo>
                    <a:pt x="259" y="411"/>
                  </a:lnTo>
                  <a:lnTo>
                    <a:pt x="279" y="406"/>
                  </a:lnTo>
                  <a:lnTo>
                    <a:pt x="300" y="399"/>
                  </a:lnTo>
                  <a:lnTo>
                    <a:pt x="319" y="391"/>
                  </a:lnTo>
                  <a:lnTo>
                    <a:pt x="337" y="380"/>
                  </a:lnTo>
                  <a:lnTo>
                    <a:pt x="354" y="368"/>
                  </a:lnTo>
                  <a:lnTo>
                    <a:pt x="368" y="355"/>
                  </a:lnTo>
                  <a:lnTo>
                    <a:pt x="383" y="340"/>
                  </a:lnTo>
                  <a:lnTo>
                    <a:pt x="395" y="324"/>
                  </a:lnTo>
                  <a:lnTo>
                    <a:pt x="405" y="306"/>
                  </a:lnTo>
                  <a:lnTo>
                    <a:pt x="414" y="289"/>
                  </a:lnTo>
                  <a:lnTo>
                    <a:pt x="422" y="270"/>
                  </a:lnTo>
                  <a:lnTo>
                    <a:pt x="428" y="249"/>
                  </a:lnTo>
                  <a:lnTo>
                    <a:pt x="431" y="229"/>
                  </a:lnTo>
                  <a:lnTo>
                    <a:pt x="432" y="208"/>
                  </a:lnTo>
                  <a:lnTo>
                    <a:pt x="432" y="208"/>
                  </a:lnTo>
                  <a:lnTo>
                    <a:pt x="431" y="187"/>
                  </a:lnTo>
                  <a:lnTo>
                    <a:pt x="428" y="166"/>
                  </a:lnTo>
                  <a:lnTo>
                    <a:pt x="422" y="147"/>
                  </a:lnTo>
                  <a:lnTo>
                    <a:pt x="414" y="127"/>
                  </a:lnTo>
                  <a:lnTo>
                    <a:pt x="405" y="109"/>
                  </a:lnTo>
                  <a:lnTo>
                    <a:pt x="395" y="92"/>
                  </a:lnTo>
                  <a:lnTo>
                    <a:pt x="383" y="75"/>
                  </a:lnTo>
                  <a:lnTo>
                    <a:pt x="368" y="61"/>
                  </a:lnTo>
                  <a:lnTo>
                    <a:pt x="354" y="47"/>
                  </a:lnTo>
                  <a:lnTo>
                    <a:pt x="337" y="35"/>
                  </a:lnTo>
                  <a:lnTo>
                    <a:pt x="319" y="26"/>
                  </a:lnTo>
                  <a:lnTo>
                    <a:pt x="300" y="17"/>
                  </a:lnTo>
                  <a:lnTo>
                    <a:pt x="279" y="9"/>
                  </a:lnTo>
                  <a:lnTo>
                    <a:pt x="259" y="4"/>
                  </a:lnTo>
                  <a:lnTo>
                    <a:pt x="238" y="1"/>
                  </a:lnTo>
                  <a:lnTo>
                    <a:pt x="216" y="0"/>
                  </a:lnTo>
                  <a:lnTo>
                    <a:pt x="216" y="0"/>
                  </a:lnTo>
                  <a:lnTo>
                    <a:pt x="194" y="1"/>
                  </a:lnTo>
                  <a:lnTo>
                    <a:pt x="173" y="4"/>
                  </a:lnTo>
                  <a:lnTo>
                    <a:pt x="152" y="9"/>
                  </a:lnTo>
                  <a:lnTo>
                    <a:pt x="131" y="17"/>
                  </a:lnTo>
                  <a:lnTo>
                    <a:pt x="113" y="26"/>
                  </a:lnTo>
                  <a:lnTo>
                    <a:pt x="96" y="35"/>
                  </a:lnTo>
                  <a:lnTo>
                    <a:pt x="79" y="47"/>
                  </a:lnTo>
                  <a:lnTo>
                    <a:pt x="63" y="61"/>
                  </a:lnTo>
                  <a:lnTo>
                    <a:pt x="50" y="75"/>
                  </a:lnTo>
                  <a:lnTo>
                    <a:pt x="37" y="92"/>
                  </a:lnTo>
                  <a:lnTo>
                    <a:pt x="26" y="109"/>
                  </a:lnTo>
                  <a:lnTo>
                    <a:pt x="17" y="127"/>
                  </a:lnTo>
                  <a:lnTo>
                    <a:pt x="10" y="147"/>
                  </a:lnTo>
                  <a:lnTo>
                    <a:pt x="5" y="166"/>
                  </a:lnTo>
                  <a:lnTo>
                    <a:pt x="1" y="187"/>
                  </a:lnTo>
                  <a:lnTo>
                    <a:pt x="0" y="208"/>
                  </a:lnTo>
                  <a:lnTo>
                    <a:pt x="0" y="208"/>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7" name="Freeform 297">
              <a:extLst>
                <a:ext uri="{FF2B5EF4-FFF2-40B4-BE49-F238E27FC236}">
                  <a16:creationId xmlns:a16="http://schemas.microsoft.com/office/drawing/2014/main" xmlns="" id="{D223600B-7A02-0B48-ADDD-57A711B8D815}"/>
                </a:ext>
              </a:extLst>
            </p:cNvPr>
            <p:cNvSpPr>
              <a:spLocks/>
            </p:cNvSpPr>
            <p:nvPr/>
          </p:nvSpPr>
          <p:spPr bwMode="auto">
            <a:xfrm flipH="1">
              <a:off x="9030893" y="3161274"/>
              <a:ext cx="283510" cy="287093"/>
            </a:xfrm>
            <a:custGeom>
              <a:avLst/>
              <a:gdLst>
                <a:gd name="T0" fmla="*/ 163 w 326"/>
                <a:gd name="T1" fmla="*/ 314 h 314"/>
                <a:gd name="T2" fmla="*/ 196 w 326"/>
                <a:gd name="T3" fmla="*/ 311 h 314"/>
                <a:gd name="T4" fmla="*/ 226 w 326"/>
                <a:gd name="T5" fmla="*/ 302 h 314"/>
                <a:gd name="T6" fmla="*/ 255 w 326"/>
                <a:gd name="T7" fmla="*/ 287 h 314"/>
                <a:gd name="T8" fmla="*/ 278 w 326"/>
                <a:gd name="T9" fmla="*/ 268 h 314"/>
                <a:gd name="T10" fmla="*/ 298 w 326"/>
                <a:gd name="T11" fmla="*/ 245 h 314"/>
                <a:gd name="T12" fmla="*/ 313 w 326"/>
                <a:gd name="T13" fmla="*/ 218 h 314"/>
                <a:gd name="T14" fmla="*/ 323 w 326"/>
                <a:gd name="T15" fmla="*/ 189 h 314"/>
                <a:gd name="T16" fmla="*/ 326 w 326"/>
                <a:gd name="T17" fmla="*/ 157 h 314"/>
                <a:gd name="T18" fmla="*/ 325 w 326"/>
                <a:gd name="T19" fmla="*/ 141 h 314"/>
                <a:gd name="T20" fmla="*/ 318 w 326"/>
                <a:gd name="T21" fmla="*/ 111 h 314"/>
                <a:gd name="T22" fmla="*/ 306 w 326"/>
                <a:gd name="T23" fmla="*/ 82 h 314"/>
                <a:gd name="T24" fmla="*/ 288 w 326"/>
                <a:gd name="T25" fmla="*/ 57 h 314"/>
                <a:gd name="T26" fmla="*/ 267 w 326"/>
                <a:gd name="T27" fmla="*/ 36 h 314"/>
                <a:gd name="T28" fmla="*/ 241 w 326"/>
                <a:gd name="T29" fmla="*/ 19 h 314"/>
                <a:gd name="T30" fmla="*/ 211 w 326"/>
                <a:gd name="T31" fmla="*/ 7 h 314"/>
                <a:gd name="T32" fmla="*/ 179 w 326"/>
                <a:gd name="T33" fmla="*/ 1 h 314"/>
                <a:gd name="T34" fmla="*/ 163 w 326"/>
                <a:gd name="T35" fmla="*/ 0 h 314"/>
                <a:gd name="T36" fmla="*/ 130 w 326"/>
                <a:gd name="T37" fmla="*/ 3 h 314"/>
                <a:gd name="T38" fmla="*/ 100 w 326"/>
                <a:gd name="T39" fmla="*/ 12 h 314"/>
                <a:gd name="T40" fmla="*/ 72 w 326"/>
                <a:gd name="T41" fmla="*/ 27 h 314"/>
                <a:gd name="T42" fmla="*/ 47 w 326"/>
                <a:gd name="T43" fmla="*/ 46 h 314"/>
                <a:gd name="T44" fmla="*/ 28 w 326"/>
                <a:gd name="T45" fmla="*/ 69 h 314"/>
                <a:gd name="T46" fmla="*/ 12 w 326"/>
                <a:gd name="T47" fmla="*/ 96 h 314"/>
                <a:gd name="T48" fmla="*/ 3 w 326"/>
                <a:gd name="T49" fmla="*/ 125 h 314"/>
                <a:gd name="T50" fmla="*/ 0 w 326"/>
                <a:gd name="T51" fmla="*/ 157 h 314"/>
                <a:gd name="T52" fmla="*/ 1 w 326"/>
                <a:gd name="T53" fmla="*/ 173 h 314"/>
                <a:gd name="T54" fmla="*/ 7 w 326"/>
                <a:gd name="T55" fmla="*/ 204 h 314"/>
                <a:gd name="T56" fmla="*/ 19 w 326"/>
                <a:gd name="T57" fmla="*/ 232 h 314"/>
                <a:gd name="T58" fmla="*/ 37 w 326"/>
                <a:gd name="T59" fmla="*/ 257 h 314"/>
                <a:gd name="T60" fmla="*/ 59 w 326"/>
                <a:gd name="T61" fmla="*/ 278 h 314"/>
                <a:gd name="T62" fmla="*/ 85 w 326"/>
                <a:gd name="T63" fmla="*/ 295 h 314"/>
                <a:gd name="T64" fmla="*/ 114 w 326"/>
                <a:gd name="T65" fmla="*/ 307 h 314"/>
                <a:gd name="T66" fmla="*/ 146 w 326"/>
                <a:gd name="T67" fmla="*/ 313 h 314"/>
                <a:gd name="T68" fmla="*/ 163 w 326"/>
                <a:gd name="T69" fmla="*/ 314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6" h="314">
                  <a:moveTo>
                    <a:pt x="163" y="314"/>
                  </a:moveTo>
                  <a:lnTo>
                    <a:pt x="163" y="314"/>
                  </a:lnTo>
                  <a:lnTo>
                    <a:pt x="179" y="313"/>
                  </a:lnTo>
                  <a:lnTo>
                    <a:pt x="196" y="311"/>
                  </a:lnTo>
                  <a:lnTo>
                    <a:pt x="211" y="307"/>
                  </a:lnTo>
                  <a:lnTo>
                    <a:pt x="226" y="302"/>
                  </a:lnTo>
                  <a:lnTo>
                    <a:pt x="241" y="295"/>
                  </a:lnTo>
                  <a:lnTo>
                    <a:pt x="255" y="287"/>
                  </a:lnTo>
                  <a:lnTo>
                    <a:pt x="267" y="278"/>
                  </a:lnTo>
                  <a:lnTo>
                    <a:pt x="278" y="268"/>
                  </a:lnTo>
                  <a:lnTo>
                    <a:pt x="288" y="257"/>
                  </a:lnTo>
                  <a:lnTo>
                    <a:pt x="298" y="245"/>
                  </a:lnTo>
                  <a:lnTo>
                    <a:pt x="306" y="232"/>
                  </a:lnTo>
                  <a:lnTo>
                    <a:pt x="313" y="218"/>
                  </a:lnTo>
                  <a:lnTo>
                    <a:pt x="318" y="204"/>
                  </a:lnTo>
                  <a:lnTo>
                    <a:pt x="323" y="189"/>
                  </a:lnTo>
                  <a:lnTo>
                    <a:pt x="325" y="173"/>
                  </a:lnTo>
                  <a:lnTo>
                    <a:pt x="326" y="157"/>
                  </a:lnTo>
                  <a:lnTo>
                    <a:pt x="326" y="157"/>
                  </a:lnTo>
                  <a:lnTo>
                    <a:pt x="325" y="141"/>
                  </a:lnTo>
                  <a:lnTo>
                    <a:pt x="323" y="125"/>
                  </a:lnTo>
                  <a:lnTo>
                    <a:pt x="318" y="111"/>
                  </a:lnTo>
                  <a:lnTo>
                    <a:pt x="313" y="96"/>
                  </a:lnTo>
                  <a:lnTo>
                    <a:pt x="306" y="82"/>
                  </a:lnTo>
                  <a:lnTo>
                    <a:pt x="298" y="69"/>
                  </a:lnTo>
                  <a:lnTo>
                    <a:pt x="288" y="57"/>
                  </a:lnTo>
                  <a:lnTo>
                    <a:pt x="278" y="46"/>
                  </a:lnTo>
                  <a:lnTo>
                    <a:pt x="267" y="36"/>
                  </a:lnTo>
                  <a:lnTo>
                    <a:pt x="255" y="27"/>
                  </a:lnTo>
                  <a:lnTo>
                    <a:pt x="241" y="19"/>
                  </a:lnTo>
                  <a:lnTo>
                    <a:pt x="226" y="12"/>
                  </a:lnTo>
                  <a:lnTo>
                    <a:pt x="211" y="7"/>
                  </a:lnTo>
                  <a:lnTo>
                    <a:pt x="196" y="3"/>
                  </a:lnTo>
                  <a:lnTo>
                    <a:pt x="179" y="1"/>
                  </a:lnTo>
                  <a:lnTo>
                    <a:pt x="163" y="0"/>
                  </a:lnTo>
                  <a:lnTo>
                    <a:pt x="163" y="0"/>
                  </a:lnTo>
                  <a:lnTo>
                    <a:pt x="146" y="1"/>
                  </a:lnTo>
                  <a:lnTo>
                    <a:pt x="130" y="3"/>
                  </a:lnTo>
                  <a:lnTo>
                    <a:pt x="114" y="7"/>
                  </a:lnTo>
                  <a:lnTo>
                    <a:pt x="100" y="12"/>
                  </a:lnTo>
                  <a:lnTo>
                    <a:pt x="85" y="19"/>
                  </a:lnTo>
                  <a:lnTo>
                    <a:pt x="72" y="27"/>
                  </a:lnTo>
                  <a:lnTo>
                    <a:pt x="59" y="36"/>
                  </a:lnTo>
                  <a:lnTo>
                    <a:pt x="47" y="46"/>
                  </a:lnTo>
                  <a:lnTo>
                    <a:pt x="37" y="57"/>
                  </a:lnTo>
                  <a:lnTo>
                    <a:pt x="28" y="69"/>
                  </a:lnTo>
                  <a:lnTo>
                    <a:pt x="19" y="82"/>
                  </a:lnTo>
                  <a:lnTo>
                    <a:pt x="12" y="96"/>
                  </a:lnTo>
                  <a:lnTo>
                    <a:pt x="7" y="111"/>
                  </a:lnTo>
                  <a:lnTo>
                    <a:pt x="3" y="125"/>
                  </a:lnTo>
                  <a:lnTo>
                    <a:pt x="1" y="141"/>
                  </a:lnTo>
                  <a:lnTo>
                    <a:pt x="0" y="157"/>
                  </a:lnTo>
                  <a:lnTo>
                    <a:pt x="0" y="157"/>
                  </a:lnTo>
                  <a:lnTo>
                    <a:pt x="1" y="173"/>
                  </a:lnTo>
                  <a:lnTo>
                    <a:pt x="3" y="189"/>
                  </a:lnTo>
                  <a:lnTo>
                    <a:pt x="7" y="204"/>
                  </a:lnTo>
                  <a:lnTo>
                    <a:pt x="12" y="218"/>
                  </a:lnTo>
                  <a:lnTo>
                    <a:pt x="19" y="232"/>
                  </a:lnTo>
                  <a:lnTo>
                    <a:pt x="28" y="245"/>
                  </a:lnTo>
                  <a:lnTo>
                    <a:pt x="37" y="257"/>
                  </a:lnTo>
                  <a:lnTo>
                    <a:pt x="47" y="268"/>
                  </a:lnTo>
                  <a:lnTo>
                    <a:pt x="59" y="278"/>
                  </a:lnTo>
                  <a:lnTo>
                    <a:pt x="72" y="287"/>
                  </a:lnTo>
                  <a:lnTo>
                    <a:pt x="85" y="295"/>
                  </a:lnTo>
                  <a:lnTo>
                    <a:pt x="100" y="302"/>
                  </a:lnTo>
                  <a:lnTo>
                    <a:pt x="114" y="307"/>
                  </a:lnTo>
                  <a:lnTo>
                    <a:pt x="130" y="311"/>
                  </a:lnTo>
                  <a:lnTo>
                    <a:pt x="146" y="313"/>
                  </a:lnTo>
                  <a:lnTo>
                    <a:pt x="163" y="314"/>
                  </a:lnTo>
                  <a:lnTo>
                    <a:pt x="163" y="314"/>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8" name="Freeform 298">
              <a:extLst>
                <a:ext uri="{FF2B5EF4-FFF2-40B4-BE49-F238E27FC236}">
                  <a16:creationId xmlns:a16="http://schemas.microsoft.com/office/drawing/2014/main" xmlns="" id="{43917840-5B45-BB41-BA7F-65E610CF33B1}"/>
                </a:ext>
              </a:extLst>
            </p:cNvPr>
            <p:cNvSpPr>
              <a:spLocks/>
            </p:cNvSpPr>
            <p:nvPr/>
          </p:nvSpPr>
          <p:spPr bwMode="auto">
            <a:xfrm flipH="1">
              <a:off x="9114896" y="3244214"/>
              <a:ext cx="120754" cy="121217"/>
            </a:xfrm>
            <a:custGeom>
              <a:avLst/>
              <a:gdLst>
                <a:gd name="T0" fmla="*/ 70 w 139"/>
                <a:gd name="T1" fmla="*/ 134 h 134"/>
                <a:gd name="T2" fmla="*/ 70 w 139"/>
                <a:gd name="T3" fmla="*/ 134 h 134"/>
                <a:gd name="T4" fmla="*/ 77 w 139"/>
                <a:gd name="T5" fmla="*/ 134 h 134"/>
                <a:gd name="T6" fmla="*/ 84 w 139"/>
                <a:gd name="T7" fmla="*/ 133 h 134"/>
                <a:gd name="T8" fmla="*/ 91 w 139"/>
                <a:gd name="T9" fmla="*/ 131 h 134"/>
                <a:gd name="T10" fmla="*/ 96 w 139"/>
                <a:gd name="T11" fmla="*/ 129 h 134"/>
                <a:gd name="T12" fmla="*/ 109 w 139"/>
                <a:gd name="T13" fmla="*/ 122 h 134"/>
                <a:gd name="T14" fmla="*/ 119 w 139"/>
                <a:gd name="T15" fmla="*/ 115 h 134"/>
                <a:gd name="T16" fmla="*/ 128 w 139"/>
                <a:gd name="T17" fmla="*/ 104 h 134"/>
                <a:gd name="T18" fmla="*/ 135 w 139"/>
                <a:gd name="T19" fmla="*/ 93 h 134"/>
                <a:gd name="T20" fmla="*/ 137 w 139"/>
                <a:gd name="T21" fmla="*/ 87 h 134"/>
                <a:gd name="T22" fmla="*/ 138 w 139"/>
                <a:gd name="T23" fmla="*/ 80 h 134"/>
                <a:gd name="T24" fmla="*/ 139 w 139"/>
                <a:gd name="T25" fmla="*/ 74 h 134"/>
                <a:gd name="T26" fmla="*/ 139 w 139"/>
                <a:gd name="T27" fmla="*/ 67 h 134"/>
                <a:gd name="T28" fmla="*/ 139 w 139"/>
                <a:gd name="T29" fmla="*/ 67 h 134"/>
                <a:gd name="T30" fmla="*/ 139 w 139"/>
                <a:gd name="T31" fmla="*/ 60 h 134"/>
                <a:gd name="T32" fmla="*/ 138 w 139"/>
                <a:gd name="T33" fmla="*/ 53 h 134"/>
                <a:gd name="T34" fmla="*/ 137 w 139"/>
                <a:gd name="T35" fmla="*/ 47 h 134"/>
                <a:gd name="T36" fmla="*/ 135 w 139"/>
                <a:gd name="T37" fmla="*/ 41 h 134"/>
                <a:gd name="T38" fmla="*/ 128 w 139"/>
                <a:gd name="T39" fmla="*/ 29 h 134"/>
                <a:gd name="T40" fmla="*/ 119 w 139"/>
                <a:gd name="T41" fmla="*/ 20 h 134"/>
                <a:gd name="T42" fmla="*/ 109 w 139"/>
                <a:gd name="T43" fmla="*/ 11 h 134"/>
                <a:gd name="T44" fmla="*/ 96 w 139"/>
                <a:gd name="T45" fmla="*/ 5 h 134"/>
                <a:gd name="T46" fmla="*/ 91 w 139"/>
                <a:gd name="T47" fmla="*/ 2 h 134"/>
                <a:gd name="T48" fmla="*/ 84 w 139"/>
                <a:gd name="T49" fmla="*/ 1 h 134"/>
                <a:gd name="T50" fmla="*/ 77 w 139"/>
                <a:gd name="T51" fmla="*/ 0 h 134"/>
                <a:gd name="T52" fmla="*/ 70 w 139"/>
                <a:gd name="T53" fmla="*/ 0 h 134"/>
                <a:gd name="T54" fmla="*/ 70 w 139"/>
                <a:gd name="T55" fmla="*/ 0 h 134"/>
                <a:gd name="T56" fmla="*/ 63 w 139"/>
                <a:gd name="T57" fmla="*/ 0 h 134"/>
                <a:gd name="T58" fmla="*/ 56 w 139"/>
                <a:gd name="T59" fmla="*/ 1 h 134"/>
                <a:gd name="T60" fmla="*/ 49 w 139"/>
                <a:gd name="T61" fmla="*/ 2 h 134"/>
                <a:gd name="T62" fmla="*/ 43 w 139"/>
                <a:gd name="T63" fmla="*/ 5 h 134"/>
                <a:gd name="T64" fmla="*/ 31 w 139"/>
                <a:gd name="T65" fmla="*/ 11 h 134"/>
                <a:gd name="T66" fmla="*/ 20 w 139"/>
                <a:gd name="T67" fmla="*/ 20 h 134"/>
                <a:gd name="T68" fmla="*/ 12 w 139"/>
                <a:gd name="T69" fmla="*/ 29 h 134"/>
                <a:gd name="T70" fmla="*/ 6 w 139"/>
                <a:gd name="T71" fmla="*/ 41 h 134"/>
                <a:gd name="T72" fmla="*/ 3 w 139"/>
                <a:gd name="T73" fmla="*/ 47 h 134"/>
                <a:gd name="T74" fmla="*/ 1 w 139"/>
                <a:gd name="T75" fmla="*/ 53 h 134"/>
                <a:gd name="T76" fmla="*/ 0 w 139"/>
                <a:gd name="T77" fmla="*/ 60 h 134"/>
                <a:gd name="T78" fmla="*/ 0 w 139"/>
                <a:gd name="T79" fmla="*/ 67 h 134"/>
                <a:gd name="T80" fmla="*/ 0 w 139"/>
                <a:gd name="T81" fmla="*/ 67 h 134"/>
                <a:gd name="T82" fmla="*/ 0 w 139"/>
                <a:gd name="T83" fmla="*/ 74 h 134"/>
                <a:gd name="T84" fmla="*/ 1 w 139"/>
                <a:gd name="T85" fmla="*/ 80 h 134"/>
                <a:gd name="T86" fmla="*/ 3 w 139"/>
                <a:gd name="T87" fmla="*/ 87 h 134"/>
                <a:gd name="T88" fmla="*/ 6 w 139"/>
                <a:gd name="T89" fmla="*/ 93 h 134"/>
                <a:gd name="T90" fmla="*/ 12 w 139"/>
                <a:gd name="T91" fmla="*/ 104 h 134"/>
                <a:gd name="T92" fmla="*/ 20 w 139"/>
                <a:gd name="T93" fmla="*/ 115 h 134"/>
                <a:gd name="T94" fmla="*/ 31 w 139"/>
                <a:gd name="T95" fmla="*/ 122 h 134"/>
                <a:gd name="T96" fmla="*/ 43 w 139"/>
                <a:gd name="T97" fmla="*/ 129 h 134"/>
                <a:gd name="T98" fmla="*/ 49 w 139"/>
                <a:gd name="T99" fmla="*/ 131 h 134"/>
                <a:gd name="T100" fmla="*/ 56 w 139"/>
                <a:gd name="T101" fmla="*/ 133 h 134"/>
                <a:gd name="T102" fmla="*/ 63 w 139"/>
                <a:gd name="T103" fmla="*/ 134 h 134"/>
                <a:gd name="T104" fmla="*/ 70 w 139"/>
                <a:gd name="T105" fmla="*/ 134 h 134"/>
                <a:gd name="T106" fmla="*/ 70 w 139"/>
                <a:gd name="T107" fmla="*/ 134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9" h="134">
                  <a:moveTo>
                    <a:pt x="70" y="134"/>
                  </a:moveTo>
                  <a:lnTo>
                    <a:pt x="70" y="134"/>
                  </a:lnTo>
                  <a:lnTo>
                    <a:pt x="77" y="134"/>
                  </a:lnTo>
                  <a:lnTo>
                    <a:pt x="84" y="133"/>
                  </a:lnTo>
                  <a:lnTo>
                    <a:pt x="91" y="131"/>
                  </a:lnTo>
                  <a:lnTo>
                    <a:pt x="96" y="129"/>
                  </a:lnTo>
                  <a:lnTo>
                    <a:pt x="109" y="122"/>
                  </a:lnTo>
                  <a:lnTo>
                    <a:pt x="119" y="115"/>
                  </a:lnTo>
                  <a:lnTo>
                    <a:pt x="128" y="104"/>
                  </a:lnTo>
                  <a:lnTo>
                    <a:pt x="135" y="93"/>
                  </a:lnTo>
                  <a:lnTo>
                    <a:pt x="137" y="87"/>
                  </a:lnTo>
                  <a:lnTo>
                    <a:pt x="138" y="80"/>
                  </a:lnTo>
                  <a:lnTo>
                    <a:pt x="139" y="74"/>
                  </a:lnTo>
                  <a:lnTo>
                    <a:pt x="139" y="67"/>
                  </a:lnTo>
                  <a:lnTo>
                    <a:pt x="139" y="67"/>
                  </a:lnTo>
                  <a:lnTo>
                    <a:pt x="139" y="60"/>
                  </a:lnTo>
                  <a:lnTo>
                    <a:pt x="138" y="53"/>
                  </a:lnTo>
                  <a:lnTo>
                    <a:pt x="137" y="47"/>
                  </a:lnTo>
                  <a:lnTo>
                    <a:pt x="135" y="41"/>
                  </a:lnTo>
                  <a:lnTo>
                    <a:pt x="128" y="29"/>
                  </a:lnTo>
                  <a:lnTo>
                    <a:pt x="119" y="20"/>
                  </a:lnTo>
                  <a:lnTo>
                    <a:pt x="109" y="11"/>
                  </a:lnTo>
                  <a:lnTo>
                    <a:pt x="96" y="5"/>
                  </a:lnTo>
                  <a:lnTo>
                    <a:pt x="91" y="2"/>
                  </a:lnTo>
                  <a:lnTo>
                    <a:pt x="84" y="1"/>
                  </a:lnTo>
                  <a:lnTo>
                    <a:pt x="77" y="0"/>
                  </a:lnTo>
                  <a:lnTo>
                    <a:pt x="70" y="0"/>
                  </a:lnTo>
                  <a:lnTo>
                    <a:pt x="70" y="0"/>
                  </a:lnTo>
                  <a:lnTo>
                    <a:pt x="63" y="0"/>
                  </a:lnTo>
                  <a:lnTo>
                    <a:pt x="56" y="1"/>
                  </a:lnTo>
                  <a:lnTo>
                    <a:pt x="49" y="2"/>
                  </a:lnTo>
                  <a:lnTo>
                    <a:pt x="43" y="5"/>
                  </a:lnTo>
                  <a:lnTo>
                    <a:pt x="31" y="11"/>
                  </a:lnTo>
                  <a:lnTo>
                    <a:pt x="20" y="20"/>
                  </a:lnTo>
                  <a:lnTo>
                    <a:pt x="12" y="29"/>
                  </a:lnTo>
                  <a:lnTo>
                    <a:pt x="6" y="41"/>
                  </a:lnTo>
                  <a:lnTo>
                    <a:pt x="3" y="47"/>
                  </a:lnTo>
                  <a:lnTo>
                    <a:pt x="1" y="53"/>
                  </a:lnTo>
                  <a:lnTo>
                    <a:pt x="0" y="60"/>
                  </a:lnTo>
                  <a:lnTo>
                    <a:pt x="0" y="67"/>
                  </a:lnTo>
                  <a:lnTo>
                    <a:pt x="0" y="67"/>
                  </a:lnTo>
                  <a:lnTo>
                    <a:pt x="0" y="74"/>
                  </a:lnTo>
                  <a:lnTo>
                    <a:pt x="1" y="80"/>
                  </a:lnTo>
                  <a:lnTo>
                    <a:pt x="3" y="87"/>
                  </a:lnTo>
                  <a:lnTo>
                    <a:pt x="6" y="93"/>
                  </a:lnTo>
                  <a:lnTo>
                    <a:pt x="12" y="104"/>
                  </a:lnTo>
                  <a:lnTo>
                    <a:pt x="20" y="115"/>
                  </a:lnTo>
                  <a:lnTo>
                    <a:pt x="31" y="122"/>
                  </a:lnTo>
                  <a:lnTo>
                    <a:pt x="43" y="129"/>
                  </a:lnTo>
                  <a:lnTo>
                    <a:pt x="49" y="131"/>
                  </a:lnTo>
                  <a:lnTo>
                    <a:pt x="56" y="133"/>
                  </a:lnTo>
                  <a:lnTo>
                    <a:pt x="63" y="134"/>
                  </a:lnTo>
                  <a:lnTo>
                    <a:pt x="70" y="134"/>
                  </a:lnTo>
                  <a:lnTo>
                    <a:pt x="70" y="134"/>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9" name="Freeform 299">
              <a:extLst>
                <a:ext uri="{FF2B5EF4-FFF2-40B4-BE49-F238E27FC236}">
                  <a16:creationId xmlns:a16="http://schemas.microsoft.com/office/drawing/2014/main" xmlns="" id="{72E1375E-5766-5242-B3F7-C116E235CD77}"/>
                </a:ext>
              </a:extLst>
            </p:cNvPr>
            <p:cNvSpPr>
              <a:spLocks/>
            </p:cNvSpPr>
            <p:nvPr/>
          </p:nvSpPr>
          <p:spPr bwMode="auto">
            <a:xfrm flipH="1">
              <a:off x="9120146" y="2778484"/>
              <a:ext cx="183757" cy="1945864"/>
            </a:xfrm>
            <a:custGeom>
              <a:avLst/>
              <a:gdLst>
                <a:gd name="T0" fmla="*/ 214 w 214"/>
                <a:gd name="T1" fmla="*/ 2 h 2132"/>
                <a:gd name="T2" fmla="*/ 0 w 214"/>
                <a:gd name="T3" fmla="*/ 0 h 2132"/>
                <a:gd name="T4" fmla="*/ 84 w 214"/>
                <a:gd name="T5" fmla="*/ 2132 h 2132"/>
                <a:gd name="T6" fmla="*/ 132 w 214"/>
                <a:gd name="T7" fmla="*/ 2132 h 2132"/>
                <a:gd name="T8" fmla="*/ 214 w 214"/>
                <a:gd name="T9" fmla="*/ 2 h 2132"/>
              </a:gdLst>
              <a:ahLst/>
              <a:cxnLst>
                <a:cxn ang="0">
                  <a:pos x="T0" y="T1"/>
                </a:cxn>
                <a:cxn ang="0">
                  <a:pos x="T2" y="T3"/>
                </a:cxn>
                <a:cxn ang="0">
                  <a:pos x="T4" y="T5"/>
                </a:cxn>
                <a:cxn ang="0">
                  <a:pos x="T6" y="T7"/>
                </a:cxn>
                <a:cxn ang="0">
                  <a:pos x="T8" y="T9"/>
                </a:cxn>
              </a:cxnLst>
              <a:rect l="0" t="0" r="r" b="b"/>
              <a:pathLst>
                <a:path w="214" h="2132">
                  <a:moveTo>
                    <a:pt x="214" y="2"/>
                  </a:moveTo>
                  <a:lnTo>
                    <a:pt x="0" y="0"/>
                  </a:lnTo>
                  <a:lnTo>
                    <a:pt x="84" y="2132"/>
                  </a:lnTo>
                  <a:lnTo>
                    <a:pt x="132" y="2132"/>
                  </a:lnTo>
                  <a:lnTo>
                    <a:pt x="214" y="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0" name="Freeform 300">
              <a:extLst>
                <a:ext uri="{FF2B5EF4-FFF2-40B4-BE49-F238E27FC236}">
                  <a16:creationId xmlns:a16="http://schemas.microsoft.com/office/drawing/2014/main" xmlns="" id="{506FF9B9-BAC2-034F-8794-CDD1E55314EA}"/>
                </a:ext>
              </a:extLst>
            </p:cNvPr>
            <p:cNvSpPr>
              <a:spLocks/>
            </p:cNvSpPr>
            <p:nvPr/>
          </p:nvSpPr>
          <p:spPr bwMode="auto">
            <a:xfrm flipH="1">
              <a:off x="8694881" y="2676406"/>
              <a:ext cx="2283832" cy="829385"/>
            </a:xfrm>
            <a:custGeom>
              <a:avLst/>
              <a:gdLst>
                <a:gd name="T0" fmla="*/ 2556 w 2609"/>
                <a:gd name="T1" fmla="*/ 912 h 912"/>
                <a:gd name="T2" fmla="*/ 2609 w 2609"/>
                <a:gd name="T3" fmla="*/ 763 h 912"/>
                <a:gd name="T4" fmla="*/ 11 w 2609"/>
                <a:gd name="T5" fmla="*/ 0 h 912"/>
                <a:gd name="T6" fmla="*/ 0 w 2609"/>
                <a:gd name="T7" fmla="*/ 32 h 912"/>
                <a:gd name="T8" fmla="*/ 2556 w 2609"/>
                <a:gd name="T9" fmla="*/ 912 h 912"/>
              </a:gdLst>
              <a:ahLst/>
              <a:cxnLst>
                <a:cxn ang="0">
                  <a:pos x="T0" y="T1"/>
                </a:cxn>
                <a:cxn ang="0">
                  <a:pos x="T2" y="T3"/>
                </a:cxn>
                <a:cxn ang="0">
                  <a:pos x="T4" y="T5"/>
                </a:cxn>
                <a:cxn ang="0">
                  <a:pos x="T6" y="T7"/>
                </a:cxn>
                <a:cxn ang="0">
                  <a:pos x="T8" y="T9"/>
                </a:cxn>
              </a:cxnLst>
              <a:rect l="0" t="0" r="r" b="b"/>
              <a:pathLst>
                <a:path w="2609" h="912">
                  <a:moveTo>
                    <a:pt x="2556" y="912"/>
                  </a:moveTo>
                  <a:lnTo>
                    <a:pt x="2609" y="763"/>
                  </a:lnTo>
                  <a:lnTo>
                    <a:pt x="11" y="0"/>
                  </a:lnTo>
                  <a:lnTo>
                    <a:pt x="0" y="32"/>
                  </a:lnTo>
                  <a:lnTo>
                    <a:pt x="2556" y="91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1" name="Freeform 301">
              <a:extLst>
                <a:ext uri="{FF2B5EF4-FFF2-40B4-BE49-F238E27FC236}">
                  <a16:creationId xmlns:a16="http://schemas.microsoft.com/office/drawing/2014/main" xmlns="" id="{61776F83-7457-4141-BF09-158B3B5D3AD3}"/>
                </a:ext>
              </a:extLst>
            </p:cNvPr>
            <p:cNvSpPr>
              <a:spLocks/>
            </p:cNvSpPr>
            <p:nvPr/>
          </p:nvSpPr>
          <p:spPr bwMode="auto">
            <a:xfrm flipH="1">
              <a:off x="7923103" y="1955477"/>
              <a:ext cx="1585557" cy="1684291"/>
            </a:xfrm>
            <a:custGeom>
              <a:avLst/>
              <a:gdLst>
                <a:gd name="T0" fmla="*/ 52 w 1812"/>
                <a:gd name="T1" fmla="*/ 1845 h 1845"/>
                <a:gd name="T2" fmla="*/ 1812 w 1812"/>
                <a:gd name="T3" fmla="*/ 0 h 1845"/>
                <a:gd name="T4" fmla="*/ 0 w 1812"/>
                <a:gd name="T5" fmla="*/ 1798 h 1845"/>
                <a:gd name="T6" fmla="*/ 52 w 1812"/>
                <a:gd name="T7" fmla="*/ 1845 h 1845"/>
              </a:gdLst>
              <a:ahLst/>
              <a:cxnLst>
                <a:cxn ang="0">
                  <a:pos x="T0" y="T1"/>
                </a:cxn>
                <a:cxn ang="0">
                  <a:pos x="T2" y="T3"/>
                </a:cxn>
                <a:cxn ang="0">
                  <a:pos x="T4" y="T5"/>
                </a:cxn>
                <a:cxn ang="0">
                  <a:pos x="T6" y="T7"/>
                </a:cxn>
              </a:cxnLst>
              <a:rect l="0" t="0" r="r" b="b"/>
              <a:pathLst>
                <a:path w="1812" h="1845">
                  <a:moveTo>
                    <a:pt x="52" y="1845"/>
                  </a:moveTo>
                  <a:lnTo>
                    <a:pt x="1812" y="0"/>
                  </a:lnTo>
                  <a:lnTo>
                    <a:pt x="0" y="1798"/>
                  </a:lnTo>
                  <a:lnTo>
                    <a:pt x="52" y="1845"/>
                  </a:lnTo>
                  <a:close/>
                </a:path>
              </a:pathLst>
            </a:custGeom>
            <a:solidFill>
              <a:srgbClr val="C320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2" name="Freeform 302">
              <a:extLst>
                <a:ext uri="{FF2B5EF4-FFF2-40B4-BE49-F238E27FC236}">
                  <a16:creationId xmlns:a16="http://schemas.microsoft.com/office/drawing/2014/main" xmlns="" id="{80263512-F50F-4743-BB8A-F4868F290EB7}"/>
                </a:ext>
              </a:extLst>
            </p:cNvPr>
            <p:cNvSpPr>
              <a:spLocks/>
            </p:cNvSpPr>
            <p:nvPr/>
          </p:nvSpPr>
          <p:spPr bwMode="auto">
            <a:xfrm flipH="1">
              <a:off x="9025643" y="3091098"/>
              <a:ext cx="378014" cy="376412"/>
            </a:xfrm>
            <a:custGeom>
              <a:avLst/>
              <a:gdLst>
                <a:gd name="T0" fmla="*/ 0 w 432"/>
                <a:gd name="T1" fmla="*/ 207 h 414"/>
                <a:gd name="T2" fmla="*/ 5 w 432"/>
                <a:gd name="T3" fmla="*/ 249 h 414"/>
                <a:gd name="T4" fmla="*/ 17 w 432"/>
                <a:gd name="T5" fmla="*/ 288 h 414"/>
                <a:gd name="T6" fmla="*/ 37 w 432"/>
                <a:gd name="T7" fmla="*/ 324 h 414"/>
                <a:gd name="T8" fmla="*/ 63 w 432"/>
                <a:gd name="T9" fmla="*/ 354 h 414"/>
                <a:gd name="T10" fmla="*/ 96 w 432"/>
                <a:gd name="T11" fmla="*/ 380 h 414"/>
                <a:gd name="T12" fmla="*/ 132 w 432"/>
                <a:gd name="T13" fmla="*/ 398 h 414"/>
                <a:gd name="T14" fmla="*/ 173 w 432"/>
                <a:gd name="T15" fmla="*/ 410 h 414"/>
                <a:gd name="T16" fmla="*/ 216 w 432"/>
                <a:gd name="T17" fmla="*/ 414 h 414"/>
                <a:gd name="T18" fmla="*/ 238 w 432"/>
                <a:gd name="T19" fmla="*/ 413 h 414"/>
                <a:gd name="T20" fmla="*/ 280 w 432"/>
                <a:gd name="T21" fmla="*/ 406 h 414"/>
                <a:gd name="T22" fmla="*/ 319 w 432"/>
                <a:gd name="T23" fmla="*/ 390 h 414"/>
                <a:gd name="T24" fmla="*/ 354 w 432"/>
                <a:gd name="T25" fmla="*/ 367 h 414"/>
                <a:gd name="T26" fmla="*/ 383 w 432"/>
                <a:gd name="T27" fmla="*/ 339 h 414"/>
                <a:gd name="T28" fmla="*/ 405 w 432"/>
                <a:gd name="T29" fmla="*/ 306 h 414"/>
                <a:gd name="T30" fmla="*/ 422 w 432"/>
                <a:gd name="T31" fmla="*/ 269 h 414"/>
                <a:gd name="T32" fmla="*/ 431 w 432"/>
                <a:gd name="T33" fmla="*/ 229 h 414"/>
                <a:gd name="T34" fmla="*/ 432 w 432"/>
                <a:gd name="T35" fmla="*/ 207 h 414"/>
                <a:gd name="T36" fmla="*/ 428 w 432"/>
                <a:gd name="T37" fmla="*/ 165 h 414"/>
                <a:gd name="T38" fmla="*/ 414 w 432"/>
                <a:gd name="T39" fmla="*/ 126 h 414"/>
                <a:gd name="T40" fmla="*/ 395 w 432"/>
                <a:gd name="T41" fmla="*/ 91 h 414"/>
                <a:gd name="T42" fmla="*/ 368 w 432"/>
                <a:gd name="T43" fmla="*/ 60 h 414"/>
                <a:gd name="T44" fmla="*/ 337 w 432"/>
                <a:gd name="T45" fmla="*/ 35 h 414"/>
                <a:gd name="T46" fmla="*/ 300 w 432"/>
                <a:gd name="T47" fmla="*/ 16 h 414"/>
                <a:gd name="T48" fmla="*/ 259 w 432"/>
                <a:gd name="T49" fmla="*/ 4 h 414"/>
                <a:gd name="T50" fmla="*/ 216 w 432"/>
                <a:gd name="T51" fmla="*/ 0 h 414"/>
                <a:gd name="T52" fmla="*/ 194 w 432"/>
                <a:gd name="T53" fmla="*/ 1 h 414"/>
                <a:gd name="T54" fmla="*/ 152 w 432"/>
                <a:gd name="T55" fmla="*/ 8 h 414"/>
                <a:gd name="T56" fmla="*/ 114 w 432"/>
                <a:gd name="T57" fmla="*/ 25 h 414"/>
                <a:gd name="T58" fmla="*/ 79 w 432"/>
                <a:gd name="T59" fmla="*/ 47 h 414"/>
                <a:gd name="T60" fmla="*/ 50 w 432"/>
                <a:gd name="T61" fmla="*/ 75 h 414"/>
                <a:gd name="T62" fmla="*/ 26 w 432"/>
                <a:gd name="T63" fmla="*/ 108 h 414"/>
                <a:gd name="T64" fmla="*/ 10 w 432"/>
                <a:gd name="T65" fmla="*/ 145 h 414"/>
                <a:gd name="T66" fmla="*/ 1 w 432"/>
                <a:gd name="T67" fmla="*/ 185 h 414"/>
                <a:gd name="T68" fmla="*/ 0 w 432"/>
                <a:gd name="T69" fmla="*/ 207 h 4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32" h="414">
                  <a:moveTo>
                    <a:pt x="0" y="207"/>
                  </a:moveTo>
                  <a:lnTo>
                    <a:pt x="0" y="207"/>
                  </a:lnTo>
                  <a:lnTo>
                    <a:pt x="1" y="229"/>
                  </a:lnTo>
                  <a:lnTo>
                    <a:pt x="5" y="249"/>
                  </a:lnTo>
                  <a:lnTo>
                    <a:pt x="10" y="269"/>
                  </a:lnTo>
                  <a:lnTo>
                    <a:pt x="17" y="288"/>
                  </a:lnTo>
                  <a:lnTo>
                    <a:pt x="26" y="306"/>
                  </a:lnTo>
                  <a:lnTo>
                    <a:pt x="37" y="324"/>
                  </a:lnTo>
                  <a:lnTo>
                    <a:pt x="50" y="339"/>
                  </a:lnTo>
                  <a:lnTo>
                    <a:pt x="63" y="354"/>
                  </a:lnTo>
                  <a:lnTo>
                    <a:pt x="79" y="367"/>
                  </a:lnTo>
                  <a:lnTo>
                    <a:pt x="96" y="380"/>
                  </a:lnTo>
                  <a:lnTo>
                    <a:pt x="114" y="390"/>
                  </a:lnTo>
                  <a:lnTo>
                    <a:pt x="132" y="398"/>
                  </a:lnTo>
                  <a:lnTo>
                    <a:pt x="152" y="406"/>
                  </a:lnTo>
                  <a:lnTo>
                    <a:pt x="173" y="410"/>
                  </a:lnTo>
                  <a:lnTo>
                    <a:pt x="194" y="413"/>
                  </a:lnTo>
                  <a:lnTo>
                    <a:pt x="216" y="414"/>
                  </a:lnTo>
                  <a:lnTo>
                    <a:pt x="216" y="414"/>
                  </a:lnTo>
                  <a:lnTo>
                    <a:pt x="238" y="413"/>
                  </a:lnTo>
                  <a:lnTo>
                    <a:pt x="259" y="410"/>
                  </a:lnTo>
                  <a:lnTo>
                    <a:pt x="280" y="406"/>
                  </a:lnTo>
                  <a:lnTo>
                    <a:pt x="300" y="398"/>
                  </a:lnTo>
                  <a:lnTo>
                    <a:pt x="319" y="390"/>
                  </a:lnTo>
                  <a:lnTo>
                    <a:pt x="337" y="380"/>
                  </a:lnTo>
                  <a:lnTo>
                    <a:pt x="354" y="367"/>
                  </a:lnTo>
                  <a:lnTo>
                    <a:pt x="368" y="354"/>
                  </a:lnTo>
                  <a:lnTo>
                    <a:pt x="383" y="339"/>
                  </a:lnTo>
                  <a:lnTo>
                    <a:pt x="395" y="324"/>
                  </a:lnTo>
                  <a:lnTo>
                    <a:pt x="405" y="306"/>
                  </a:lnTo>
                  <a:lnTo>
                    <a:pt x="414" y="288"/>
                  </a:lnTo>
                  <a:lnTo>
                    <a:pt x="422" y="269"/>
                  </a:lnTo>
                  <a:lnTo>
                    <a:pt x="428" y="249"/>
                  </a:lnTo>
                  <a:lnTo>
                    <a:pt x="431" y="229"/>
                  </a:lnTo>
                  <a:lnTo>
                    <a:pt x="432" y="207"/>
                  </a:lnTo>
                  <a:lnTo>
                    <a:pt x="432" y="207"/>
                  </a:lnTo>
                  <a:lnTo>
                    <a:pt x="431" y="185"/>
                  </a:lnTo>
                  <a:lnTo>
                    <a:pt x="428" y="165"/>
                  </a:lnTo>
                  <a:lnTo>
                    <a:pt x="422" y="145"/>
                  </a:lnTo>
                  <a:lnTo>
                    <a:pt x="414" y="126"/>
                  </a:lnTo>
                  <a:lnTo>
                    <a:pt x="405" y="108"/>
                  </a:lnTo>
                  <a:lnTo>
                    <a:pt x="395" y="91"/>
                  </a:lnTo>
                  <a:lnTo>
                    <a:pt x="383" y="75"/>
                  </a:lnTo>
                  <a:lnTo>
                    <a:pt x="368" y="60"/>
                  </a:lnTo>
                  <a:lnTo>
                    <a:pt x="354" y="47"/>
                  </a:lnTo>
                  <a:lnTo>
                    <a:pt x="337" y="35"/>
                  </a:lnTo>
                  <a:lnTo>
                    <a:pt x="319" y="25"/>
                  </a:lnTo>
                  <a:lnTo>
                    <a:pt x="300" y="16"/>
                  </a:lnTo>
                  <a:lnTo>
                    <a:pt x="280" y="8"/>
                  </a:lnTo>
                  <a:lnTo>
                    <a:pt x="259" y="4"/>
                  </a:lnTo>
                  <a:lnTo>
                    <a:pt x="238" y="1"/>
                  </a:lnTo>
                  <a:lnTo>
                    <a:pt x="216" y="0"/>
                  </a:lnTo>
                  <a:lnTo>
                    <a:pt x="216" y="0"/>
                  </a:lnTo>
                  <a:lnTo>
                    <a:pt x="194" y="1"/>
                  </a:lnTo>
                  <a:lnTo>
                    <a:pt x="173" y="4"/>
                  </a:lnTo>
                  <a:lnTo>
                    <a:pt x="152" y="8"/>
                  </a:lnTo>
                  <a:lnTo>
                    <a:pt x="132" y="16"/>
                  </a:lnTo>
                  <a:lnTo>
                    <a:pt x="114" y="25"/>
                  </a:lnTo>
                  <a:lnTo>
                    <a:pt x="96" y="35"/>
                  </a:lnTo>
                  <a:lnTo>
                    <a:pt x="79" y="47"/>
                  </a:lnTo>
                  <a:lnTo>
                    <a:pt x="63" y="60"/>
                  </a:lnTo>
                  <a:lnTo>
                    <a:pt x="50" y="75"/>
                  </a:lnTo>
                  <a:lnTo>
                    <a:pt x="37" y="91"/>
                  </a:lnTo>
                  <a:lnTo>
                    <a:pt x="26" y="108"/>
                  </a:lnTo>
                  <a:lnTo>
                    <a:pt x="17" y="126"/>
                  </a:lnTo>
                  <a:lnTo>
                    <a:pt x="10" y="145"/>
                  </a:lnTo>
                  <a:lnTo>
                    <a:pt x="5" y="165"/>
                  </a:lnTo>
                  <a:lnTo>
                    <a:pt x="1" y="185"/>
                  </a:lnTo>
                  <a:lnTo>
                    <a:pt x="0" y="207"/>
                  </a:lnTo>
                  <a:lnTo>
                    <a:pt x="0" y="207"/>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3" name="Freeform 303">
              <a:extLst>
                <a:ext uri="{FF2B5EF4-FFF2-40B4-BE49-F238E27FC236}">
                  <a16:creationId xmlns:a16="http://schemas.microsoft.com/office/drawing/2014/main" xmlns="" id="{23336346-8C63-6845-BD94-9C9810ACF905}"/>
                </a:ext>
              </a:extLst>
            </p:cNvPr>
            <p:cNvSpPr>
              <a:spLocks/>
            </p:cNvSpPr>
            <p:nvPr/>
          </p:nvSpPr>
          <p:spPr bwMode="auto">
            <a:xfrm flipH="1">
              <a:off x="9067644" y="3135757"/>
              <a:ext cx="288760" cy="287093"/>
            </a:xfrm>
            <a:custGeom>
              <a:avLst/>
              <a:gdLst>
                <a:gd name="T0" fmla="*/ 163 w 326"/>
                <a:gd name="T1" fmla="*/ 315 h 315"/>
                <a:gd name="T2" fmla="*/ 196 w 326"/>
                <a:gd name="T3" fmla="*/ 311 h 315"/>
                <a:gd name="T4" fmla="*/ 227 w 326"/>
                <a:gd name="T5" fmla="*/ 302 h 315"/>
                <a:gd name="T6" fmla="*/ 255 w 326"/>
                <a:gd name="T7" fmla="*/ 288 h 315"/>
                <a:gd name="T8" fmla="*/ 278 w 326"/>
                <a:gd name="T9" fmla="*/ 268 h 315"/>
                <a:gd name="T10" fmla="*/ 298 w 326"/>
                <a:gd name="T11" fmla="*/ 245 h 315"/>
                <a:gd name="T12" fmla="*/ 313 w 326"/>
                <a:gd name="T13" fmla="*/ 219 h 315"/>
                <a:gd name="T14" fmla="*/ 323 w 326"/>
                <a:gd name="T15" fmla="*/ 188 h 315"/>
                <a:gd name="T16" fmla="*/ 326 w 326"/>
                <a:gd name="T17" fmla="*/ 157 h 315"/>
                <a:gd name="T18" fmla="*/ 325 w 326"/>
                <a:gd name="T19" fmla="*/ 141 h 315"/>
                <a:gd name="T20" fmla="*/ 319 w 326"/>
                <a:gd name="T21" fmla="*/ 111 h 315"/>
                <a:gd name="T22" fmla="*/ 306 w 326"/>
                <a:gd name="T23" fmla="*/ 83 h 315"/>
                <a:gd name="T24" fmla="*/ 288 w 326"/>
                <a:gd name="T25" fmla="*/ 58 h 315"/>
                <a:gd name="T26" fmla="*/ 267 w 326"/>
                <a:gd name="T27" fmla="*/ 36 h 315"/>
                <a:gd name="T28" fmla="*/ 241 w 326"/>
                <a:gd name="T29" fmla="*/ 19 h 315"/>
                <a:gd name="T30" fmla="*/ 211 w 326"/>
                <a:gd name="T31" fmla="*/ 7 h 315"/>
                <a:gd name="T32" fmla="*/ 180 w 326"/>
                <a:gd name="T33" fmla="*/ 0 h 315"/>
                <a:gd name="T34" fmla="*/ 163 w 326"/>
                <a:gd name="T35" fmla="*/ 0 h 315"/>
                <a:gd name="T36" fmla="*/ 130 w 326"/>
                <a:gd name="T37" fmla="*/ 4 h 315"/>
                <a:gd name="T38" fmla="*/ 100 w 326"/>
                <a:gd name="T39" fmla="*/ 12 h 315"/>
                <a:gd name="T40" fmla="*/ 72 w 326"/>
                <a:gd name="T41" fmla="*/ 26 h 315"/>
                <a:gd name="T42" fmla="*/ 47 w 326"/>
                <a:gd name="T43" fmla="*/ 46 h 315"/>
                <a:gd name="T44" fmla="*/ 28 w 326"/>
                <a:gd name="T45" fmla="*/ 70 h 315"/>
                <a:gd name="T46" fmla="*/ 12 w 326"/>
                <a:gd name="T47" fmla="*/ 95 h 315"/>
                <a:gd name="T48" fmla="*/ 3 w 326"/>
                <a:gd name="T49" fmla="*/ 126 h 315"/>
                <a:gd name="T50" fmla="*/ 0 w 326"/>
                <a:gd name="T51" fmla="*/ 157 h 315"/>
                <a:gd name="T52" fmla="*/ 1 w 326"/>
                <a:gd name="T53" fmla="*/ 173 h 315"/>
                <a:gd name="T54" fmla="*/ 7 w 326"/>
                <a:gd name="T55" fmla="*/ 203 h 315"/>
                <a:gd name="T56" fmla="*/ 19 w 326"/>
                <a:gd name="T57" fmla="*/ 232 h 315"/>
                <a:gd name="T58" fmla="*/ 37 w 326"/>
                <a:gd name="T59" fmla="*/ 257 h 315"/>
                <a:gd name="T60" fmla="*/ 59 w 326"/>
                <a:gd name="T61" fmla="*/ 278 h 315"/>
                <a:gd name="T62" fmla="*/ 85 w 326"/>
                <a:gd name="T63" fmla="*/ 295 h 315"/>
                <a:gd name="T64" fmla="*/ 114 w 326"/>
                <a:gd name="T65" fmla="*/ 307 h 315"/>
                <a:gd name="T66" fmla="*/ 146 w 326"/>
                <a:gd name="T67" fmla="*/ 314 h 315"/>
                <a:gd name="T68" fmla="*/ 163 w 326"/>
                <a:gd name="T69" fmla="*/ 315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6" h="315">
                  <a:moveTo>
                    <a:pt x="163" y="315"/>
                  </a:moveTo>
                  <a:lnTo>
                    <a:pt x="163" y="315"/>
                  </a:lnTo>
                  <a:lnTo>
                    <a:pt x="180" y="314"/>
                  </a:lnTo>
                  <a:lnTo>
                    <a:pt x="196" y="311"/>
                  </a:lnTo>
                  <a:lnTo>
                    <a:pt x="211" y="307"/>
                  </a:lnTo>
                  <a:lnTo>
                    <a:pt x="227" y="302"/>
                  </a:lnTo>
                  <a:lnTo>
                    <a:pt x="241" y="295"/>
                  </a:lnTo>
                  <a:lnTo>
                    <a:pt x="255" y="288"/>
                  </a:lnTo>
                  <a:lnTo>
                    <a:pt x="267" y="278"/>
                  </a:lnTo>
                  <a:lnTo>
                    <a:pt x="278" y="268"/>
                  </a:lnTo>
                  <a:lnTo>
                    <a:pt x="288" y="257"/>
                  </a:lnTo>
                  <a:lnTo>
                    <a:pt x="298" y="245"/>
                  </a:lnTo>
                  <a:lnTo>
                    <a:pt x="306" y="232"/>
                  </a:lnTo>
                  <a:lnTo>
                    <a:pt x="313" y="219"/>
                  </a:lnTo>
                  <a:lnTo>
                    <a:pt x="319" y="203"/>
                  </a:lnTo>
                  <a:lnTo>
                    <a:pt x="323" y="188"/>
                  </a:lnTo>
                  <a:lnTo>
                    <a:pt x="325" y="173"/>
                  </a:lnTo>
                  <a:lnTo>
                    <a:pt x="326" y="157"/>
                  </a:lnTo>
                  <a:lnTo>
                    <a:pt x="326" y="157"/>
                  </a:lnTo>
                  <a:lnTo>
                    <a:pt x="325" y="141"/>
                  </a:lnTo>
                  <a:lnTo>
                    <a:pt x="323" y="126"/>
                  </a:lnTo>
                  <a:lnTo>
                    <a:pt x="319" y="111"/>
                  </a:lnTo>
                  <a:lnTo>
                    <a:pt x="313" y="95"/>
                  </a:lnTo>
                  <a:lnTo>
                    <a:pt x="306" y="83"/>
                  </a:lnTo>
                  <a:lnTo>
                    <a:pt x="298" y="70"/>
                  </a:lnTo>
                  <a:lnTo>
                    <a:pt x="288" y="58"/>
                  </a:lnTo>
                  <a:lnTo>
                    <a:pt x="278" y="46"/>
                  </a:lnTo>
                  <a:lnTo>
                    <a:pt x="267" y="36"/>
                  </a:lnTo>
                  <a:lnTo>
                    <a:pt x="255" y="26"/>
                  </a:lnTo>
                  <a:lnTo>
                    <a:pt x="241" y="19"/>
                  </a:lnTo>
                  <a:lnTo>
                    <a:pt x="227" y="12"/>
                  </a:lnTo>
                  <a:lnTo>
                    <a:pt x="211" y="7"/>
                  </a:lnTo>
                  <a:lnTo>
                    <a:pt x="196" y="4"/>
                  </a:lnTo>
                  <a:lnTo>
                    <a:pt x="180" y="0"/>
                  </a:lnTo>
                  <a:lnTo>
                    <a:pt x="163" y="0"/>
                  </a:lnTo>
                  <a:lnTo>
                    <a:pt x="163" y="0"/>
                  </a:lnTo>
                  <a:lnTo>
                    <a:pt x="146" y="0"/>
                  </a:lnTo>
                  <a:lnTo>
                    <a:pt x="130" y="4"/>
                  </a:lnTo>
                  <a:lnTo>
                    <a:pt x="114" y="7"/>
                  </a:lnTo>
                  <a:lnTo>
                    <a:pt x="100" y="12"/>
                  </a:lnTo>
                  <a:lnTo>
                    <a:pt x="85" y="19"/>
                  </a:lnTo>
                  <a:lnTo>
                    <a:pt x="72" y="26"/>
                  </a:lnTo>
                  <a:lnTo>
                    <a:pt x="59" y="36"/>
                  </a:lnTo>
                  <a:lnTo>
                    <a:pt x="47" y="46"/>
                  </a:lnTo>
                  <a:lnTo>
                    <a:pt x="37" y="58"/>
                  </a:lnTo>
                  <a:lnTo>
                    <a:pt x="28" y="70"/>
                  </a:lnTo>
                  <a:lnTo>
                    <a:pt x="19" y="83"/>
                  </a:lnTo>
                  <a:lnTo>
                    <a:pt x="12" y="95"/>
                  </a:lnTo>
                  <a:lnTo>
                    <a:pt x="7" y="111"/>
                  </a:lnTo>
                  <a:lnTo>
                    <a:pt x="3" y="126"/>
                  </a:lnTo>
                  <a:lnTo>
                    <a:pt x="1" y="141"/>
                  </a:lnTo>
                  <a:lnTo>
                    <a:pt x="0" y="157"/>
                  </a:lnTo>
                  <a:lnTo>
                    <a:pt x="0" y="157"/>
                  </a:lnTo>
                  <a:lnTo>
                    <a:pt x="1" y="173"/>
                  </a:lnTo>
                  <a:lnTo>
                    <a:pt x="3" y="188"/>
                  </a:lnTo>
                  <a:lnTo>
                    <a:pt x="7" y="203"/>
                  </a:lnTo>
                  <a:lnTo>
                    <a:pt x="12" y="219"/>
                  </a:lnTo>
                  <a:lnTo>
                    <a:pt x="19" y="232"/>
                  </a:lnTo>
                  <a:lnTo>
                    <a:pt x="28" y="245"/>
                  </a:lnTo>
                  <a:lnTo>
                    <a:pt x="37" y="257"/>
                  </a:lnTo>
                  <a:lnTo>
                    <a:pt x="47" y="268"/>
                  </a:lnTo>
                  <a:lnTo>
                    <a:pt x="59" y="278"/>
                  </a:lnTo>
                  <a:lnTo>
                    <a:pt x="72" y="288"/>
                  </a:lnTo>
                  <a:lnTo>
                    <a:pt x="85" y="295"/>
                  </a:lnTo>
                  <a:lnTo>
                    <a:pt x="100" y="302"/>
                  </a:lnTo>
                  <a:lnTo>
                    <a:pt x="114" y="307"/>
                  </a:lnTo>
                  <a:lnTo>
                    <a:pt x="130" y="311"/>
                  </a:lnTo>
                  <a:lnTo>
                    <a:pt x="146" y="314"/>
                  </a:lnTo>
                  <a:lnTo>
                    <a:pt x="163" y="315"/>
                  </a:lnTo>
                  <a:lnTo>
                    <a:pt x="163" y="315"/>
                  </a:lnTo>
                  <a:close/>
                </a:path>
              </a:pathLst>
            </a:custGeom>
            <a:solidFill>
              <a:srgbClr val="E5E5E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4" name="Freeform 304">
              <a:extLst>
                <a:ext uri="{FF2B5EF4-FFF2-40B4-BE49-F238E27FC236}">
                  <a16:creationId xmlns:a16="http://schemas.microsoft.com/office/drawing/2014/main" xmlns="" id="{0176C46D-A971-A64F-82B7-BC2B1D4CEAF0}"/>
                </a:ext>
              </a:extLst>
            </p:cNvPr>
            <p:cNvSpPr>
              <a:spLocks/>
            </p:cNvSpPr>
            <p:nvPr/>
          </p:nvSpPr>
          <p:spPr bwMode="auto">
            <a:xfrm flipH="1">
              <a:off x="9151647" y="3218694"/>
              <a:ext cx="120754" cy="121217"/>
            </a:xfrm>
            <a:custGeom>
              <a:avLst/>
              <a:gdLst>
                <a:gd name="T0" fmla="*/ 70 w 139"/>
                <a:gd name="T1" fmla="*/ 134 h 134"/>
                <a:gd name="T2" fmla="*/ 70 w 139"/>
                <a:gd name="T3" fmla="*/ 134 h 134"/>
                <a:gd name="T4" fmla="*/ 78 w 139"/>
                <a:gd name="T5" fmla="*/ 134 h 134"/>
                <a:gd name="T6" fmla="*/ 84 w 139"/>
                <a:gd name="T7" fmla="*/ 133 h 134"/>
                <a:gd name="T8" fmla="*/ 91 w 139"/>
                <a:gd name="T9" fmla="*/ 131 h 134"/>
                <a:gd name="T10" fmla="*/ 97 w 139"/>
                <a:gd name="T11" fmla="*/ 129 h 134"/>
                <a:gd name="T12" fmla="*/ 109 w 139"/>
                <a:gd name="T13" fmla="*/ 123 h 134"/>
                <a:gd name="T14" fmla="*/ 119 w 139"/>
                <a:gd name="T15" fmla="*/ 115 h 134"/>
                <a:gd name="T16" fmla="*/ 128 w 139"/>
                <a:gd name="T17" fmla="*/ 105 h 134"/>
                <a:gd name="T18" fmla="*/ 135 w 139"/>
                <a:gd name="T19" fmla="*/ 93 h 134"/>
                <a:gd name="T20" fmla="*/ 137 w 139"/>
                <a:gd name="T21" fmla="*/ 88 h 134"/>
                <a:gd name="T22" fmla="*/ 138 w 139"/>
                <a:gd name="T23" fmla="*/ 81 h 134"/>
                <a:gd name="T24" fmla="*/ 139 w 139"/>
                <a:gd name="T25" fmla="*/ 74 h 134"/>
                <a:gd name="T26" fmla="*/ 139 w 139"/>
                <a:gd name="T27" fmla="*/ 67 h 134"/>
                <a:gd name="T28" fmla="*/ 139 w 139"/>
                <a:gd name="T29" fmla="*/ 67 h 134"/>
                <a:gd name="T30" fmla="*/ 139 w 139"/>
                <a:gd name="T31" fmla="*/ 61 h 134"/>
                <a:gd name="T32" fmla="*/ 138 w 139"/>
                <a:gd name="T33" fmla="*/ 54 h 134"/>
                <a:gd name="T34" fmla="*/ 137 w 139"/>
                <a:gd name="T35" fmla="*/ 48 h 134"/>
                <a:gd name="T36" fmla="*/ 135 w 139"/>
                <a:gd name="T37" fmla="*/ 41 h 134"/>
                <a:gd name="T38" fmla="*/ 128 w 139"/>
                <a:gd name="T39" fmla="*/ 29 h 134"/>
                <a:gd name="T40" fmla="*/ 119 w 139"/>
                <a:gd name="T41" fmla="*/ 20 h 134"/>
                <a:gd name="T42" fmla="*/ 109 w 139"/>
                <a:gd name="T43" fmla="*/ 12 h 134"/>
                <a:gd name="T44" fmla="*/ 97 w 139"/>
                <a:gd name="T45" fmla="*/ 5 h 134"/>
                <a:gd name="T46" fmla="*/ 91 w 139"/>
                <a:gd name="T47" fmla="*/ 3 h 134"/>
                <a:gd name="T48" fmla="*/ 84 w 139"/>
                <a:gd name="T49" fmla="*/ 1 h 134"/>
                <a:gd name="T50" fmla="*/ 78 w 139"/>
                <a:gd name="T51" fmla="*/ 0 h 134"/>
                <a:gd name="T52" fmla="*/ 70 w 139"/>
                <a:gd name="T53" fmla="*/ 0 h 134"/>
                <a:gd name="T54" fmla="*/ 70 w 139"/>
                <a:gd name="T55" fmla="*/ 0 h 134"/>
                <a:gd name="T56" fmla="*/ 63 w 139"/>
                <a:gd name="T57" fmla="*/ 0 h 134"/>
                <a:gd name="T58" fmla="*/ 56 w 139"/>
                <a:gd name="T59" fmla="*/ 1 h 134"/>
                <a:gd name="T60" fmla="*/ 49 w 139"/>
                <a:gd name="T61" fmla="*/ 3 h 134"/>
                <a:gd name="T62" fmla="*/ 43 w 139"/>
                <a:gd name="T63" fmla="*/ 5 h 134"/>
                <a:gd name="T64" fmla="*/ 32 w 139"/>
                <a:gd name="T65" fmla="*/ 12 h 134"/>
                <a:gd name="T66" fmla="*/ 20 w 139"/>
                <a:gd name="T67" fmla="*/ 20 h 134"/>
                <a:gd name="T68" fmla="*/ 12 w 139"/>
                <a:gd name="T69" fmla="*/ 29 h 134"/>
                <a:gd name="T70" fmla="*/ 6 w 139"/>
                <a:gd name="T71" fmla="*/ 41 h 134"/>
                <a:gd name="T72" fmla="*/ 3 w 139"/>
                <a:gd name="T73" fmla="*/ 48 h 134"/>
                <a:gd name="T74" fmla="*/ 1 w 139"/>
                <a:gd name="T75" fmla="*/ 54 h 134"/>
                <a:gd name="T76" fmla="*/ 0 w 139"/>
                <a:gd name="T77" fmla="*/ 61 h 134"/>
                <a:gd name="T78" fmla="*/ 0 w 139"/>
                <a:gd name="T79" fmla="*/ 67 h 134"/>
                <a:gd name="T80" fmla="*/ 0 w 139"/>
                <a:gd name="T81" fmla="*/ 67 h 134"/>
                <a:gd name="T82" fmla="*/ 0 w 139"/>
                <a:gd name="T83" fmla="*/ 74 h 134"/>
                <a:gd name="T84" fmla="*/ 1 w 139"/>
                <a:gd name="T85" fmla="*/ 81 h 134"/>
                <a:gd name="T86" fmla="*/ 3 w 139"/>
                <a:gd name="T87" fmla="*/ 88 h 134"/>
                <a:gd name="T88" fmla="*/ 6 w 139"/>
                <a:gd name="T89" fmla="*/ 93 h 134"/>
                <a:gd name="T90" fmla="*/ 12 w 139"/>
                <a:gd name="T91" fmla="*/ 105 h 134"/>
                <a:gd name="T92" fmla="*/ 20 w 139"/>
                <a:gd name="T93" fmla="*/ 115 h 134"/>
                <a:gd name="T94" fmla="*/ 32 w 139"/>
                <a:gd name="T95" fmla="*/ 123 h 134"/>
                <a:gd name="T96" fmla="*/ 43 w 139"/>
                <a:gd name="T97" fmla="*/ 129 h 134"/>
                <a:gd name="T98" fmla="*/ 49 w 139"/>
                <a:gd name="T99" fmla="*/ 131 h 134"/>
                <a:gd name="T100" fmla="*/ 56 w 139"/>
                <a:gd name="T101" fmla="*/ 133 h 134"/>
                <a:gd name="T102" fmla="*/ 63 w 139"/>
                <a:gd name="T103" fmla="*/ 134 h 134"/>
                <a:gd name="T104" fmla="*/ 70 w 139"/>
                <a:gd name="T105" fmla="*/ 134 h 134"/>
                <a:gd name="T106" fmla="*/ 70 w 139"/>
                <a:gd name="T107" fmla="*/ 134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9" h="134">
                  <a:moveTo>
                    <a:pt x="70" y="134"/>
                  </a:moveTo>
                  <a:lnTo>
                    <a:pt x="70" y="134"/>
                  </a:lnTo>
                  <a:lnTo>
                    <a:pt x="78" y="134"/>
                  </a:lnTo>
                  <a:lnTo>
                    <a:pt x="84" y="133"/>
                  </a:lnTo>
                  <a:lnTo>
                    <a:pt x="91" y="131"/>
                  </a:lnTo>
                  <a:lnTo>
                    <a:pt x="97" y="129"/>
                  </a:lnTo>
                  <a:lnTo>
                    <a:pt x="109" y="123"/>
                  </a:lnTo>
                  <a:lnTo>
                    <a:pt x="119" y="115"/>
                  </a:lnTo>
                  <a:lnTo>
                    <a:pt x="128" y="105"/>
                  </a:lnTo>
                  <a:lnTo>
                    <a:pt x="135" y="93"/>
                  </a:lnTo>
                  <a:lnTo>
                    <a:pt x="137" y="88"/>
                  </a:lnTo>
                  <a:lnTo>
                    <a:pt x="138" y="81"/>
                  </a:lnTo>
                  <a:lnTo>
                    <a:pt x="139" y="74"/>
                  </a:lnTo>
                  <a:lnTo>
                    <a:pt x="139" y="67"/>
                  </a:lnTo>
                  <a:lnTo>
                    <a:pt x="139" y="67"/>
                  </a:lnTo>
                  <a:lnTo>
                    <a:pt x="139" y="61"/>
                  </a:lnTo>
                  <a:lnTo>
                    <a:pt x="138" y="54"/>
                  </a:lnTo>
                  <a:lnTo>
                    <a:pt x="137" y="48"/>
                  </a:lnTo>
                  <a:lnTo>
                    <a:pt x="135" y="41"/>
                  </a:lnTo>
                  <a:lnTo>
                    <a:pt x="128" y="29"/>
                  </a:lnTo>
                  <a:lnTo>
                    <a:pt x="119" y="20"/>
                  </a:lnTo>
                  <a:lnTo>
                    <a:pt x="109" y="12"/>
                  </a:lnTo>
                  <a:lnTo>
                    <a:pt x="97" y="5"/>
                  </a:lnTo>
                  <a:lnTo>
                    <a:pt x="91" y="3"/>
                  </a:lnTo>
                  <a:lnTo>
                    <a:pt x="84" y="1"/>
                  </a:lnTo>
                  <a:lnTo>
                    <a:pt x="78" y="0"/>
                  </a:lnTo>
                  <a:lnTo>
                    <a:pt x="70" y="0"/>
                  </a:lnTo>
                  <a:lnTo>
                    <a:pt x="70" y="0"/>
                  </a:lnTo>
                  <a:lnTo>
                    <a:pt x="63" y="0"/>
                  </a:lnTo>
                  <a:lnTo>
                    <a:pt x="56" y="1"/>
                  </a:lnTo>
                  <a:lnTo>
                    <a:pt x="49" y="3"/>
                  </a:lnTo>
                  <a:lnTo>
                    <a:pt x="43" y="5"/>
                  </a:lnTo>
                  <a:lnTo>
                    <a:pt x="32" y="12"/>
                  </a:lnTo>
                  <a:lnTo>
                    <a:pt x="20" y="20"/>
                  </a:lnTo>
                  <a:lnTo>
                    <a:pt x="12" y="29"/>
                  </a:lnTo>
                  <a:lnTo>
                    <a:pt x="6" y="41"/>
                  </a:lnTo>
                  <a:lnTo>
                    <a:pt x="3" y="48"/>
                  </a:lnTo>
                  <a:lnTo>
                    <a:pt x="1" y="54"/>
                  </a:lnTo>
                  <a:lnTo>
                    <a:pt x="0" y="61"/>
                  </a:lnTo>
                  <a:lnTo>
                    <a:pt x="0" y="67"/>
                  </a:lnTo>
                  <a:lnTo>
                    <a:pt x="0" y="67"/>
                  </a:lnTo>
                  <a:lnTo>
                    <a:pt x="0" y="74"/>
                  </a:lnTo>
                  <a:lnTo>
                    <a:pt x="1" y="81"/>
                  </a:lnTo>
                  <a:lnTo>
                    <a:pt x="3" y="88"/>
                  </a:lnTo>
                  <a:lnTo>
                    <a:pt x="6" y="93"/>
                  </a:lnTo>
                  <a:lnTo>
                    <a:pt x="12" y="105"/>
                  </a:lnTo>
                  <a:lnTo>
                    <a:pt x="20" y="115"/>
                  </a:lnTo>
                  <a:lnTo>
                    <a:pt x="32" y="123"/>
                  </a:lnTo>
                  <a:lnTo>
                    <a:pt x="43" y="129"/>
                  </a:lnTo>
                  <a:lnTo>
                    <a:pt x="49" y="131"/>
                  </a:lnTo>
                  <a:lnTo>
                    <a:pt x="56" y="133"/>
                  </a:lnTo>
                  <a:lnTo>
                    <a:pt x="63" y="134"/>
                  </a:lnTo>
                  <a:lnTo>
                    <a:pt x="70" y="134"/>
                  </a:lnTo>
                  <a:lnTo>
                    <a:pt x="70" y="134"/>
                  </a:lnTo>
                  <a:close/>
                </a:path>
              </a:pathLst>
            </a:custGeom>
            <a:solidFill>
              <a:srgbClr val="C320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5" name="Freeform 305">
              <a:extLst>
                <a:ext uri="{FF2B5EF4-FFF2-40B4-BE49-F238E27FC236}">
                  <a16:creationId xmlns:a16="http://schemas.microsoft.com/office/drawing/2014/main" xmlns="" id="{F4E6681D-793B-EE47-8EBA-229B0D7264D9}"/>
                </a:ext>
              </a:extLst>
            </p:cNvPr>
            <p:cNvSpPr>
              <a:spLocks/>
            </p:cNvSpPr>
            <p:nvPr/>
          </p:nvSpPr>
          <p:spPr bwMode="auto">
            <a:xfrm flipH="1">
              <a:off x="8143611" y="1502504"/>
              <a:ext cx="152255" cy="197775"/>
            </a:xfrm>
            <a:custGeom>
              <a:avLst/>
              <a:gdLst>
                <a:gd name="T0" fmla="*/ 0 w 168"/>
                <a:gd name="T1" fmla="*/ 185 h 218"/>
                <a:gd name="T2" fmla="*/ 110 w 168"/>
                <a:gd name="T3" fmla="*/ 0 h 218"/>
                <a:gd name="T4" fmla="*/ 168 w 168"/>
                <a:gd name="T5" fmla="*/ 32 h 218"/>
                <a:gd name="T6" fmla="*/ 58 w 168"/>
                <a:gd name="T7" fmla="*/ 218 h 218"/>
                <a:gd name="T8" fmla="*/ 58 w 168"/>
                <a:gd name="T9" fmla="*/ 218 h 218"/>
                <a:gd name="T10" fmla="*/ 0 w 168"/>
                <a:gd name="T11" fmla="*/ 185 h 218"/>
                <a:gd name="T12" fmla="*/ 0 w 168"/>
                <a:gd name="T13" fmla="*/ 185 h 218"/>
              </a:gdLst>
              <a:ahLst/>
              <a:cxnLst>
                <a:cxn ang="0">
                  <a:pos x="T0" y="T1"/>
                </a:cxn>
                <a:cxn ang="0">
                  <a:pos x="T2" y="T3"/>
                </a:cxn>
                <a:cxn ang="0">
                  <a:pos x="T4" y="T5"/>
                </a:cxn>
                <a:cxn ang="0">
                  <a:pos x="T6" y="T7"/>
                </a:cxn>
                <a:cxn ang="0">
                  <a:pos x="T8" y="T9"/>
                </a:cxn>
                <a:cxn ang="0">
                  <a:pos x="T10" y="T11"/>
                </a:cxn>
                <a:cxn ang="0">
                  <a:pos x="T12" y="T13"/>
                </a:cxn>
              </a:cxnLst>
              <a:rect l="0" t="0" r="r" b="b"/>
              <a:pathLst>
                <a:path w="168" h="218">
                  <a:moveTo>
                    <a:pt x="0" y="185"/>
                  </a:moveTo>
                  <a:lnTo>
                    <a:pt x="110" y="0"/>
                  </a:lnTo>
                  <a:lnTo>
                    <a:pt x="168" y="32"/>
                  </a:lnTo>
                  <a:lnTo>
                    <a:pt x="58" y="218"/>
                  </a:lnTo>
                  <a:lnTo>
                    <a:pt x="58" y="218"/>
                  </a:lnTo>
                  <a:lnTo>
                    <a:pt x="0" y="185"/>
                  </a:lnTo>
                  <a:lnTo>
                    <a:pt x="0" y="185"/>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6" name="Freeform 306">
              <a:extLst>
                <a:ext uri="{FF2B5EF4-FFF2-40B4-BE49-F238E27FC236}">
                  <a16:creationId xmlns:a16="http://schemas.microsoft.com/office/drawing/2014/main" xmlns="" id="{72E4A45A-0158-C14F-BD1E-DF2B2F2F3D2B}"/>
                </a:ext>
              </a:extLst>
            </p:cNvPr>
            <p:cNvSpPr>
              <a:spLocks/>
            </p:cNvSpPr>
            <p:nvPr/>
          </p:nvSpPr>
          <p:spPr bwMode="auto">
            <a:xfrm flipH="1">
              <a:off x="10091431" y="4909363"/>
              <a:ext cx="152255" cy="197775"/>
            </a:xfrm>
            <a:custGeom>
              <a:avLst/>
              <a:gdLst>
                <a:gd name="T0" fmla="*/ 169 w 169"/>
                <a:gd name="T1" fmla="*/ 31 h 217"/>
                <a:gd name="T2" fmla="*/ 59 w 169"/>
                <a:gd name="T3" fmla="*/ 217 h 217"/>
                <a:gd name="T4" fmla="*/ 0 w 169"/>
                <a:gd name="T5" fmla="*/ 185 h 217"/>
                <a:gd name="T6" fmla="*/ 111 w 169"/>
                <a:gd name="T7" fmla="*/ 0 h 217"/>
                <a:gd name="T8" fmla="*/ 111 w 169"/>
                <a:gd name="T9" fmla="*/ 0 h 217"/>
                <a:gd name="T10" fmla="*/ 169 w 169"/>
                <a:gd name="T11" fmla="*/ 31 h 217"/>
                <a:gd name="T12" fmla="*/ 169 w 169"/>
                <a:gd name="T13" fmla="*/ 31 h 217"/>
              </a:gdLst>
              <a:ahLst/>
              <a:cxnLst>
                <a:cxn ang="0">
                  <a:pos x="T0" y="T1"/>
                </a:cxn>
                <a:cxn ang="0">
                  <a:pos x="T2" y="T3"/>
                </a:cxn>
                <a:cxn ang="0">
                  <a:pos x="T4" y="T5"/>
                </a:cxn>
                <a:cxn ang="0">
                  <a:pos x="T6" y="T7"/>
                </a:cxn>
                <a:cxn ang="0">
                  <a:pos x="T8" y="T9"/>
                </a:cxn>
                <a:cxn ang="0">
                  <a:pos x="T10" y="T11"/>
                </a:cxn>
                <a:cxn ang="0">
                  <a:pos x="T12" y="T13"/>
                </a:cxn>
              </a:cxnLst>
              <a:rect l="0" t="0" r="r" b="b"/>
              <a:pathLst>
                <a:path w="169" h="217">
                  <a:moveTo>
                    <a:pt x="169" y="31"/>
                  </a:moveTo>
                  <a:lnTo>
                    <a:pt x="59" y="217"/>
                  </a:lnTo>
                  <a:lnTo>
                    <a:pt x="0" y="185"/>
                  </a:lnTo>
                  <a:lnTo>
                    <a:pt x="111" y="0"/>
                  </a:lnTo>
                  <a:lnTo>
                    <a:pt x="111" y="0"/>
                  </a:lnTo>
                  <a:lnTo>
                    <a:pt x="169" y="31"/>
                  </a:lnTo>
                  <a:lnTo>
                    <a:pt x="169" y="31"/>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7" name="Freeform 307">
              <a:extLst>
                <a:ext uri="{FF2B5EF4-FFF2-40B4-BE49-F238E27FC236}">
                  <a16:creationId xmlns:a16="http://schemas.microsoft.com/office/drawing/2014/main" xmlns="" id="{7368B606-FCCA-3A49-9D79-6C3CF1EE3E21}"/>
                </a:ext>
              </a:extLst>
            </p:cNvPr>
            <p:cNvSpPr>
              <a:spLocks/>
            </p:cNvSpPr>
            <p:nvPr/>
          </p:nvSpPr>
          <p:spPr bwMode="auto">
            <a:xfrm flipH="1">
              <a:off x="7398085" y="2255331"/>
              <a:ext cx="194257" cy="146738"/>
            </a:xfrm>
            <a:custGeom>
              <a:avLst/>
              <a:gdLst>
                <a:gd name="T0" fmla="*/ 0 w 225"/>
                <a:gd name="T1" fmla="*/ 106 h 162"/>
                <a:gd name="T2" fmla="*/ 191 w 225"/>
                <a:gd name="T3" fmla="*/ 0 h 162"/>
                <a:gd name="T4" fmla="*/ 225 w 225"/>
                <a:gd name="T5" fmla="*/ 56 h 162"/>
                <a:gd name="T6" fmla="*/ 33 w 225"/>
                <a:gd name="T7" fmla="*/ 162 h 162"/>
                <a:gd name="T8" fmla="*/ 33 w 225"/>
                <a:gd name="T9" fmla="*/ 162 h 162"/>
                <a:gd name="T10" fmla="*/ 0 w 225"/>
                <a:gd name="T11" fmla="*/ 106 h 162"/>
                <a:gd name="T12" fmla="*/ 0 w 225"/>
                <a:gd name="T13" fmla="*/ 106 h 162"/>
              </a:gdLst>
              <a:ahLst/>
              <a:cxnLst>
                <a:cxn ang="0">
                  <a:pos x="T0" y="T1"/>
                </a:cxn>
                <a:cxn ang="0">
                  <a:pos x="T2" y="T3"/>
                </a:cxn>
                <a:cxn ang="0">
                  <a:pos x="T4" y="T5"/>
                </a:cxn>
                <a:cxn ang="0">
                  <a:pos x="T6" y="T7"/>
                </a:cxn>
                <a:cxn ang="0">
                  <a:pos x="T8" y="T9"/>
                </a:cxn>
                <a:cxn ang="0">
                  <a:pos x="T10" y="T11"/>
                </a:cxn>
                <a:cxn ang="0">
                  <a:pos x="T12" y="T13"/>
                </a:cxn>
              </a:cxnLst>
              <a:rect l="0" t="0" r="r" b="b"/>
              <a:pathLst>
                <a:path w="225" h="162">
                  <a:moveTo>
                    <a:pt x="0" y="106"/>
                  </a:moveTo>
                  <a:lnTo>
                    <a:pt x="191" y="0"/>
                  </a:lnTo>
                  <a:lnTo>
                    <a:pt x="225" y="56"/>
                  </a:lnTo>
                  <a:lnTo>
                    <a:pt x="33" y="162"/>
                  </a:lnTo>
                  <a:lnTo>
                    <a:pt x="33" y="162"/>
                  </a:lnTo>
                  <a:lnTo>
                    <a:pt x="0" y="106"/>
                  </a:lnTo>
                  <a:lnTo>
                    <a:pt x="0" y="106"/>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8" name="Freeform 308">
              <a:extLst>
                <a:ext uri="{FF2B5EF4-FFF2-40B4-BE49-F238E27FC236}">
                  <a16:creationId xmlns:a16="http://schemas.microsoft.com/office/drawing/2014/main" xmlns="" id="{3D413074-3D67-E04C-808D-20D1F25A1560}"/>
                </a:ext>
              </a:extLst>
            </p:cNvPr>
            <p:cNvSpPr>
              <a:spLocks/>
            </p:cNvSpPr>
            <p:nvPr/>
          </p:nvSpPr>
          <p:spPr bwMode="auto">
            <a:xfrm flipH="1">
              <a:off x="10794956" y="4207577"/>
              <a:ext cx="199507" cy="146738"/>
            </a:xfrm>
            <a:custGeom>
              <a:avLst/>
              <a:gdLst>
                <a:gd name="T0" fmla="*/ 227 w 227"/>
                <a:gd name="T1" fmla="*/ 56 h 162"/>
                <a:gd name="T2" fmla="*/ 34 w 227"/>
                <a:gd name="T3" fmla="*/ 162 h 162"/>
                <a:gd name="T4" fmla="*/ 0 w 227"/>
                <a:gd name="T5" fmla="*/ 106 h 162"/>
                <a:gd name="T6" fmla="*/ 193 w 227"/>
                <a:gd name="T7" fmla="*/ 0 h 162"/>
                <a:gd name="T8" fmla="*/ 193 w 227"/>
                <a:gd name="T9" fmla="*/ 0 h 162"/>
                <a:gd name="T10" fmla="*/ 227 w 227"/>
                <a:gd name="T11" fmla="*/ 56 h 162"/>
                <a:gd name="T12" fmla="*/ 227 w 227"/>
                <a:gd name="T13" fmla="*/ 56 h 162"/>
              </a:gdLst>
              <a:ahLst/>
              <a:cxnLst>
                <a:cxn ang="0">
                  <a:pos x="T0" y="T1"/>
                </a:cxn>
                <a:cxn ang="0">
                  <a:pos x="T2" y="T3"/>
                </a:cxn>
                <a:cxn ang="0">
                  <a:pos x="T4" y="T5"/>
                </a:cxn>
                <a:cxn ang="0">
                  <a:pos x="T6" y="T7"/>
                </a:cxn>
                <a:cxn ang="0">
                  <a:pos x="T8" y="T9"/>
                </a:cxn>
                <a:cxn ang="0">
                  <a:pos x="T10" y="T11"/>
                </a:cxn>
                <a:cxn ang="0">
                  <a:pos x="T12" y="T13"/>
                </a:cxn>
              </a:cxnLst>
              <a:rect l="0" t="0" r="r" b="b"/>
              <a:pathLst>
                <a:path w="227" h="162">
                  <a:moveTo>
                    <a:pt x="227" y="56"/>
                  </a:moveTo>
                  <a:lnTo>
                    <a:pt x="34" y="162"/>
                  </a:lnTo>
                  <a:lnTo>
                    <a:pt x="0" y="106"/>
                  </a:lnTo>
                  <a:lnTo>
                    <a:pt x="193" y="0"/>
                  </a:lnTo>
                  <a:lnTo>
                    <a:pt x="193" y="0"/>
                  </a:lnTo>
                  <a:lnTo>
                    <a:pt x="227" y="56"/>
                  </a:lnTo>
                  <a:lnTo>
                    <a:pt x="227" y="56"/>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9" name="Freeform 309">
              <a:extLst>
                <a:ext uri="{FF2B5EF4-FFF2-40B4-BE49-F238E27FC236}">
                  <a16:creationId xmlns:a16="http://schemas.microsoft.com/office/drawing/2014/main" xmlns="" id="{461ACF23-2CD5-3E4D-97A1-02011E63D3D4}"/>
                </a:ext>
              </a:extLst>
            </p:cNvPr>
            <p:cNvSpPr>
              <a:spLocks/>
            </p:cNvSpPr>
            <p:nvPr/>
          </p:nvSpPr>
          <p:spPr bwMode="auto">
            <a:xfrm flipH="1">
              <a:off x="10794956" y="2255331"/>
              <a:ext cx="194257" cy="146738"/>
            </a:xfrm>
            <a:custGeom>
              <a:avLst/>
              <a:gdLst>
                <a:gd name="T0" fmla="*/ 192 w 226"/>
                <a:gd name="T1" fmla="*/ 162 h 162"/>
                <a:gd name="T2" fmla="*/ 0 w 226"/>
                <a:gd name="T3" fmla="*/ 56 h 162"/>
                <a:gd name="T4" fmla="*/ 34 w 226"/>
                <a:gd name="T5" fmla="*/ 0 h 162"/>
                <a:gd name="T6" fmla="*/ 226 w 226"/>
                <a:gd name="T7" fmla="*/ 106 h 162"/>
                <a:gd name="T8" fmla="*/ 226 w 226"/>
                <a:gd name="T9" fmla="*/ 106 h 162"/>
                <a:gd name="T10" fmla="*/ 192 w 226"/>
                <a:gd name="T11" fmla="*/ 162 h 162"/>
                <a:gd name="T12" fmla="*/ 192 w 226"/>
                <a:gd name="T13" fmla="*/ 162 h 162"/>
              </a:gdLst>
              <a:ahLst/>
              <a:cxnLst>
                <a:cxn ang="0">
                  <a:pos x="T0" y="T1"/>
                </a:cxn>
                <a:cxn ang="0">
                  <a:pos x="T2" y="T3"/>
                </a:cxn>
                <a:cxn ang="0">
                  <a:pos x="T4" y="T5"/>
                </a:cxn>
                <a:cxn ang="0">
                  <a:pos x="T6" y="T7"/>
                </a:cxn>
                <a:cxn ang="0">
                  <a:pos x="T8" y="T9"/>
                </a:cxn>
                <a:cxn ang="0">
                  <a:pos x="T10" y="T11"/>
                </a:cxn>
                <a:cxn ang="0">
                  <a:pos x="T12" y="T13"/>
                </a:cxn>
              </a:cxnLst>
              <a:rect l="0" t="0" r="r" b="b"/>
              <a:pathLst>
                <a:path w="226" h="162">
                  <a:moveTo>
                    <a:pt x="192" y="162"/>
                  </a:moveTo>
                  <a:lnTo>
                    <a:pt x="0" y="56"/>
                  </a:lnTo>
                  <a:lnTo>
                    <a:pt x="34" y="0"/>
                  </a:lnTo>
                  <a:lnTo>
                    <a:pt x="226" y="106"/>
                  </a:lnTo>
                  <a:lnTo>
                    <a:pt x="226" y="106"/>
                  </a:lnTo>
                  <a:lnTo>
                    <a:pt x="192" y="162"/>
                  </a:lnTo>
                  <a:lnTo>
                    <a:pt x="192" y="16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0" name="Freeform 310">
              <a:extLst>
                <a:ext uri="{FF2B5EF4-FFF2-40B4-BE49-F238E27FC236}">
                  <a16:creationId xmlns:a16="http://schemas.microsoft.com/office/drawing/2014/main" xmlns="" id="{01B0DE79-47CA-4941-9A4A-0570DB3A3D15}"/>
                </a:ext>
              </a:extLst>
            </p:cNvPr>
            <p:cNvSpPr>
              <a:spLocks/>
            </p:cNvSpPr>
            <p:nvPr/>
          </p:nvSpPr>
          <p:spPr bwMode="auto">
            <a:xfrm flipH="1">
              <a:off x="7398085" y="4207577"/>
              <a:ext cx="194257" cy="146738"/>
            </a:xfrm>
            <a:custGeom>
              <a:avLst/>
              <a:gdLst>
                <a:gd name="T0" fmla="*/ 33 w 226"/>
                <a:gd name="T1" fmla="*/ 0 h 162"/>
                <a:gd name="T2" fmla="*/ 226 w 226"/>
                <a:gd name="T3" fmla="*/ 106 h 162"/>
                <a:gd name="T4" fmla="*/ 192 w 226"/>
                <a:gd name="T5" fmla="*/ 162 h 162"/>
                <a:gd name="T6" fmla="*/ 0 w 226"/>
                <a:gd name="T7" fmla="*/ 56 h 162"/>
                <a:gd name="T8" fmla="*/ 0 w 226"/>
                <a:gd name="T9" fmla="*/ 56 h 162"/>
                <a:gd name="T10" fmla="*/ 33 w 226"/>
                <a:gd name="T11" fmla="*/ 0 h 162"/>
                <a:gd name="T12" fmla="*/ 33 w 226"/>
                <a:gd name="T13" fmla="*/ 0 h 162"/>
              </a:gdLst>
              <a:ahLst/>
              <a:cxnLst>
                <a:cxn ang="0">
                  <a:pos x="T0" y="T1"/>
                </a:cxn>
                <a:cxn ang="0">
                  <a:pos x="T2" y="T3"/>
                </a:cxn>
                <a:cxn ang="0">
                  <a:pos x="T4" y="T5"/>
                </a:cxn>
                <a:cxn ang="0">
                  <a:pos x="T6" y="T7"/>
                </a:cxn>
                <a:cxn ang="0">
                  <a:pos x="T8" y="T9"/>
                </a:cxn>
                <a:cxn ang="0">
                  <a:pos x="T10" y="T11"/>
                </a:cxn>
                <a:cxn ang="0">
                  <a:pos x="T12" y="T13"/>
                </a:cxn>
              </a:cxnLst>
              <a:rect l="0" t="0" r="r" b="b"/>
              <a:pathLst>
                <a:path w="226" h="162">
                  <a:moveTo>
                    <a:pt x="33" y="0"/>
                  </a:moveTo>
                  <a:lnTo>
                    <a:pt x="226" y="106"/>
                  </a:lnTo>
                  <a:lnTo>
                    <a:pt x="192" y="162"/>
                  </a:lnTo>
                  <a:lnTo>
                    <a:pt x="0" y="56"/>
                  </a:lnTo>
                  <a:lnTo>
                    <a:pt x="0" y="56"/>
                  </a:lnTo>
                  <a:lnTo>
                    <a:pt x="33" y="0"/>
                  </a:lnTo>
                  <a:lnTo>
                    <a:pt x="33"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1" name="Freeform 311">
              <a:extLst>
                <a:ext uri="{FF2B5EF4-FFF2-40B4-BE49-F238E27FC236}">
                  <a16:creationId xmlns:a16="http://schemas.microsoft.com/office/drawing/2014/main" xmlns="" id="{084F5AA7-AD2A-BE40-815C-809FB3D4B3F6}"/>
                </a:ext>
              </a:extLst>
            </p:cNvPr>
            <p:cNvSpPr>
              <a:spLocks/>
            </p:cNvSpPr>
            <p:nvPr/>
          </p:nvSpPr>
          <p:spPr bwMode="auto">
            <a:xfrm flipH="1">
              <a:off x="10096681" y="1502504"/>
              <a:ext cx="147005" cy="197775"/>
            </a:xfrm>
            <a:custGeom>
              <a:avLst/>
              <a:gdLst>
                <a:gd name="T0" fmla="*/ 109 w 168"/>
                <a:gd name="T1" fmla="*/ 217 h 217"/>
                <a:gd name="T2" fmla="*/ 0 w 168"/>
                <a:gd name="T3" fmla="*/ 32 h 217"/>
                <a:gd name="T4" fmla="*/ 58 w 168"/>
                <a:gd name="T5" fmla="*/ 0 h 217"/>
                <a:gd name="T6" fmla="*/ 168 w 168"/>
                <a:gd name="T7" fmla="*/ 185 h 217"/>
                <a:gd name="T8" fmla="*/ 168 w 168"/>
                <a:gd name="T9" fmla="*/ 185 h 217"/>
                <a:gd name="T10" fmla="*/ 109 w 168"/>
                <a:gd name="T11" fmla="*/ 217 h 217"/>
                <a:gd name="T12" fmla="*/ 109 w 168"/>
                <a:gd name="T13" fmla="*/ 217 h 217"/>
              </a:gdLst>
              <a:ahLst/>
              <a:cxnLst>
                <a:cxn ang="0">
                  <a:pos x="T0" y="T1"/>
                </a:cxn>
                <a:cxn ang="0">
                  <a:pos x="T2" y="T3"/>
                </a:cxn>
                <a:cxn ang="0">
                  <a:pos x="T4" y="T5"/>
                </a:cxn>
                <a:cxn ang="0">
                  <a:pos x="T6" y="T7"/>
                </a:cxn>
                <a:cxn ang="0">
                  <a:pos x="T8" y="T9"/>
                </a:cxn>
                <a:cxn ang="0">
                  <a:pos x="T10" y="T11"/>
                </a:cxn>
                <a:cxn ang="0">
                  <a:pos x="T12" y="T13"/>
                </a:cxn>
              </a:cxnLst>
              <a:rect l="0" t="0" r="r" b="b"/>
              <a:pathLst>
                <a:path w="168" h="217">
                  <a:moveTo>
                    <a:pt x="109" y="217"/>
                  </a:moveTo>
                  <a:lnTo>
                    <a:pt x="0" y="32"/>
                  </a:lnTo>
                  <a:lnTo>
                    <a:pt x="58" y="0"/>
                  </a:lnTo>
                  <a:lnTo>
                    <a:pt x="168" y="185"/>
                  </a:lnTo>
                  <a:lnTo>
                    <a:pt x="168" y="185"/>
                  </a:lnTo>
                  <a:lnTo>
                    <a:pt x="109" y="217"/>
                  </a:lnTo>
                  <a:lnTo>
                    <a:pt x="109" y="217"/>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2" name="Freeform 312">
              <a:extLst>
                <a:ext uri="{FF2B5EF4-FFF2-40B4-BE49-F238E27FC236}">
                  <a16:creationId xmlns:a16="http://schemas.microsoft.com/office/drawing/2014/main" xmlns="" id="{7EF77E9B-D774-0F4C-87A7-BC93AAEF0CAC}"/>
                </a:ext>
              </a:extLst>
            </p:cNvPr>
            <p:cNvSpPr>
              <a:spLocks/>
            </p:cNvSpPr>
            <p:nvPr/>
          </p:nvSpPr>
          <p:spPr bwMode="auto">
            <a:xfrm flipH="1">
              <a:off x="8143611" y="4902985"/>
              <a:ext cx="147005" cy="197775"/>
            </a:xfrm>
            <a:custGeom>
              <a:avLst/>
              <a:gdLst>
                <a:gd name="T0" fmla="*/ 59 w 170"/>
                <a:gd name="T1" fmla="*/ 0 h 217"/>
                <a:gd name="T2" fmla="*/ 170 w 170"/>
                <a:gd name="T3" fmla="*/ 185 h 217"/>
                <a:gd name="T4" fmla="*/ 111 w 170"/>
                <a:gd name="T5" fmla="*/ 217 h 217"/>
                <a:gd name="T6" fmla="*/ 0 w 170"/>
                <a:gd name="T7" fmla="*/ 32 h 217"/>
                <a:gd name="T8" fmla="*/ 0 w 170"/>
                <a:gd name="T9" fmla="*/ 32 h 217"/>
                <a:gd name="T10" fmla="*/ 59 w 170"/>
                <a:gd name="T11" fmla="*/ 0 h 217"/>
                <a:gd name="T12" fmla="*/ 59 w 170"/>
                <a:gd name="T13" fmla="*/ 0 h 217"/>
              </a:gdLst>
              <a:ahLst/>
              <a:cxnLst>
                <a:cxn ang="0">
                  <a:pos x="T0" y="T1"/>
                </a:cxn>
                <a:cxn ang="0">
                  <a:pos x="T2" y="T3"/>
                </a:cxn>
                <a:cxn ang="0">
                  <a:pos x="T4" y="T5"/>
                </a:cxn>
                <a:cxn ang="0">
                  <a:pos x="T6" y="T7"/>
                </a:cxn>
                <a:cxn ang="0">
                  <a:pos x="T8" y="T9"/>
                </a:cxn>
                <a:cxn ang="0">
                  <a:pos x="T10" y="T11"/>
                </a:cxn>
                <a:cxn ang="0">
                  <a:pos x="T12" y="T13"/>
                </a:cxn>
              </a:cxnLst>
              <a:rect l="0" t="0" r="r" b="b"/>
              <a:pathLst>
                <a:path w="170" h="217">
                  <a:moveTo>
                    <a:pt x="59" y="0"/>
                  </a:moveTo>
                  <a:lnTo>
                    <a:pt x="170" y="185"/>
                  </a:lnTo>
                  <a:lnTo>
                    <a:pt x="111" y="217"/>
                  </a:lnTo>
                  <a:lnTo>
                    <a:pt x="0" y="32"/>
                  </a:lnTo>
                  <a:lnTo>
                    <a:pt x="0" y="32"/>
                  </a:lnTo>
                  <a:lnTo>
                    <a:pt x="59" y="0"/>
                  </a:lnTo>
                  <a:lnTo>
                    <a:pt x="59"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3" name="Freeform 313">
              <a:extLst>
                <a:ext uri="{FF2B5EF4-FFF2-40B4-BE49-F238E27FC236}">
                  <a16:creationId xmlns:a16="http://schemas.microsoft.com/office/drawing/2014/main" xmlns="" id="{1D16CEEC-D284-8542-BF96-1FEF25247EEA}"/>
                </a:ext>
              </a:extLst>
            </p:cNvPr>
            <p:cNvSpPr>
              <a:spLocks/>
            </p:cNvSpPr>
            <p:nvPr/>
          </p:nvSpPr>
          <p:spPr bwMode="auto">
            <a:xfrm flipH="1">
              <a:off x="7104074" y="3263353"/>
              <a:ext cx="336012" cy="57419"/>
            </a:xfrm>
            <a:custGeom>
              <a:avLst/>
              <a:gdLst>
                <a:gd name="T0" fmla="*/ 0 w 382"/>
                <a:gd name="T1" fmla="*/ 44 h 64"/>
                <a:gd name="T2" fmla="*/ 0 w 382"/>
                <a:gd name="T3" fmla="*/ 44 h 64"/>
                <a:gd name="T4" fmla="*/ 0 w 382"/>
                <a:gd name="T5" fmla="*/ 0 h 64"/>
                <a:gd name="T6" fmla="*/ 382 w 382"/>
                <a:gd name="T7" fmla="*/ 0 h 64"/>
                <a:gd name="T8" fmla="*/ 382 w 382"/>
                <a:gd name="T9" fmla="*/ 64 h 64"/>
                <a:gd name="T10" fmla="*/ 0 w 382"/>
                <a:gd name="T11" fmla="*/ 64 h 64"/>
                <a:gd name="T12" fmla="*/ 0 w 382"/>
                <a:gd name="T13" fmla="*/ 64 h 64"/>
                <a:gd name="T14" fmla="*/ 0 w 382"/>
                <a:gd name="T15" fmla="*/ 44 h 64"/>
                <a:gd name="T16" fmla="*/ 0 w 382"/>
                <a:gd name="T17" fmla="*/ 44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2" h="64">
                  <a:moveTo>
                    <a:pt x="0" y="44"/>
                  </a:moveTo>
                  <a:lnTo>
                    <a:pt x="0" y="44"/>
                  </a:lnTo>
                  <a:lnTo>
                    <a:pt x="0" y="0"/>
                  </a:lnTo>
                  <a:lnTo>
                    <a:pt x="382" y="0"/>
                  </a:lnTo>
                  <a:lnTo>
                    <a:pt x="382" y="64"/>
                  </a:lnTo>
                  <a:lnTo>
                    <a:pt x="0" y="64"/>
                  </a:lnTo>
                  <a:lnTo>
                    <a:pt x="0" y="64"/>
                  </a:lnTo>
                  <a:lnTo>
                    <a:pt x="0" y="44"/>
                  </a:lnTo>
                  <a:lnTo>
                    <a:pt x="0" y="44"/>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4" name="Freeform 314">
              <a:extLst>
                <a:ext uri="{FF2B5EF4-FFF2-40B4-BE49-F238E27FC236}">
                  <a16:creationId xmlns:a16="http://schemas.microsoft.com/office/drawing/2014/main" xmlns="" id="{8176D2D7-E0FF-754B-B32B-D4296F680371}"/>
                </a:ext>
              </a:extLst>
            </p:cNvPr>
            <p:cNvSpPr>
              <a:spLocks/>
            </p:cNvSpPr>
            <p:nvPr/>
          </p:nvSpPr>
          <p:spPr bwMode="auto">
            <a:xfrm flipH="1">
              <a:off x="10947212" y="3263353"/>
              <a:ext cx="341262" cy="57419"/>
            </a:xfrm>
            <a:custGeom>
              <a:avLst/>
              <a:gdLst>
                <a:gd name="T0" fmla="*/ 391 w 391"/>
                <a:gd name="T1" fmla="*/ 0 h 64"/>
                <a:gd name="T2" fmla="*/ 391 w 391"/>
                <a:gd name="T3" fmla="*/ 0 h 64"/>
                <a:gd name="T4" fmla="*/ 390 w 391"/>
                <a:gd name="T5" fmla="*/ 44 h 64"/>
                <a:gd name="T6" fmla="*/ 390 w 391"/>
                <a:gd name="T7" fmla="*/ 44 h 64"/>
                <a:gd name="T8" fmla="*/ 390 w 391"/>
                <a:gd name="T9" fmla="*/ 64 h 64"/>
                <a:gd name="T10" fmla="*/ 0 w 391"/>
                <a:gd name="T11" fmla="*/ 64 h 64"/>
                <a:gd name="T12" fmla="*/ 0 w 391"/>
                <a:gd name="T13" fmla="*/ 0 h 64"/>
                <a:gd name="T14" fmla="*/ 391 w 391"/>
                <a:gd name="T15" fmla="*/ 0 h 6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91" h="64">
                  <a:moveTo>
                    <a:pt x="391" y="0"/>
                  </a:moveTo>
                  <a:lnTo>
                    <a:pt x="391" y="0"/>
                  </a:lnTo>
                  <a:lnTo>
                    <a:pt x="390" y="44"/>
                  </a:lnTo>
                  <a:lnTo>
                    <a:pt x="390" y="44"/>
                  </a:lnTo>
                  <a:lnTo>
                    <a:pt x="390" y="64"/>
                  </a:lnTo>
                  <a:lnTo>
                    <a:pt x="0" y="64"/>
                  </a:lnTo>
                  <a:lnTo>
                    <a:pt x="0" y="0"/>
                  </a:lnTo>
                  <a:lnTo>
                    <a:pt x="391"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5" name="Freeform 315">
              <a:extLst>
                <a:ext uri="{FF2B5EF4-FFF2-40B4-BE49-F238E27FC236}">
                  <a16:creationId xmlns:a16="http://schemas.microsoft.com/office/drawing/2014/main" xmlns="" id="{91A2DD0E-5784-8C40-A39E-2FB98198C1A4}"/>
                </a:ext>
              </a:extLst>
            </p:cNvPr>
            <p:cNvSpPr>
              <a:spLocks/>
            </p:cNvSpPr>
            <p:nvPr/>
          </p:nvSpPr>
          <p:spPr bwMode="auto">
            <a:xfrm flipH="1">
              <a:off x="9167398" y="5062483"/>
              <a:ext cx="57752" cy="331753"/>
            </a:xfrm>
            <a:custGeom>
              <a:avLst/>
              <a:gdLst>
                <a:gd name="T0" fmla="*/ 38 w 67"/>
                <a:gd name="T1" fmla="*/ 1 h 361"/>
                <a:gd name="T2" fmla="*/ 38 w 67"/>
                <a:gd name="T3" fmla="*/ 1 h 361"/>
                <a:gd name="T4" fmla="*/ 67 w 67"/>
                <a:gd name="T5" fmla="*/ 0 h 361"/>
                <a:gd name="T6" fmla="*/ 67 w 67"/>
                <a:gd name="T7" fmla="*/ 361 h 361"/>
                <a:gd name="T8" fmla="*/ 0 w 67"/>
                <a:gd name="T9" fmla="*/ 361 h 361"/>
                <a:gd name="T10" fmla="*/ 0 w 67"/>
                <a:gd name="T11" fmla="*/ 0 h 361"/>
                <a:gd name="T12" fmla="*/ 0 w 67"/>
                <a:gd name="T13" fmla="*/ 0 h 361"/>
                <a:gd name="T14" fmla="*/ 38 w 67"/>
                <a:gd name="T15" fmla="*/ 1 h 361"/>
                <a:gd name="T16" fmla="*/ 38 w 67"/>
                <a:gd name="T17" fmla="*/ 1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7" h="361">
                  <a:moveTo>
                    <a:pt x="38" y="1"/>
                  </a:moveTo>
                  <a:lnTo>
                    <a:pt x="38" y="1"/>
                  </a:lnTo>
                  <a:lnTo>
                    <a:pt x="67" y="0"/>
                  </a:lnTo>
                  <a:lnTo>
                    <a:pt x="67" y="361"/>
                  </a:lnTo>
                  <a:lnTo>
                    <a:pt x="0" y="361"/>
                  </a:lnTo>
                  <a:lnTo>
                    <a:pt x="0" y="0"/>
                  </a:lnTo>
                  <a:lnTo>
                    <a:pt x="0" y="0"/>
                  </a:lnTo>
                  <a:lnTo>
                    <a:pt x="38" y="1"/>
                  </a:lnTo>
                  <a:lnTo>
                    <a:pt x="38" y="1"/>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6" name="Freeform 316">
              <a:extLst>
                <a:ext uri="{FF2B5EF4-FFF2-40B4-BE49-F238E27FC236}">
                  <a16:creationId xmlns:a16="http://schemas.microsoft.com/office/drawing/2014/main" xmlns="" id="{9FB08CA9-7C8E-C94E-B5C0-731944978F32}"/>
                </a:ext>
              </a:extLst>
            </p:cNvPr>
            <p:cNvSpPr>
              <a:spLocks/>
            </p:cNvSpPr>
            <p:nvPr/>
          </p:nvSpPr>
          <p:spPr bwMode="auto">
            <a:xfrm flipH="1">
              <a:off x="9167398" y="1196272"/>
              <a:ext cx="57752" cy="350895"/>
            </a:xfrm>
            <a:custGeom>
              <a:avLst/>
              <a:gdLst>
                <a:gd name="T0" fmla="*/ 38 w 67"/>
                <a:gd name="T1" fmla="*/ 383 h 384"/>
                <a:gd name="T2" fmla="*/ 38 w 67"/>
                <a:gd name="T3" fmla="*/ 383 h 384"/>
                <a:gd name="T4" fmla="*/ 0 w 67"/>
                <a:gd name="T5" fmla="*/ 384 h 384"/>
                <a:gd name="T6" fmla="*/ 0 w 67"/>
                <a:gd name="T7" fmla="*/ 0 h 384"/>
                <a:gd name="T8" fmla="*/ 67 w 67"/>
                <a:gd name="T9" fmla="*/ 0 h 384"/>
                <a:gd name="T10" fmla="*/ 67 w 67"/>
                <a:gd name="T11" fmla="*/ 384 h 384"/>
                <a:gd name="T12" fmla="*/ 67 w 67"/>
                <a:gd name="T13" fmla="*/ 384 h 384"/>
                <a:gd name="T14" fmla="*/ 38 w 67"/>
                <a:gd name="T15" fmla="*/ 383 h 384"/>
                <a:gd name="T16" fmla="*/ 38 w 67"/>
                <a:gd name="T17" fmla="*/ 383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7" h="384">
                  <a:moveTo>
                    <a:pt x="38" y="383"/>
                  </a:moveTo>
                  <a:lnTo>
                    <a:pt x="38" y="383"/>
                  </a:lnTo>
                  <a:lnTo>
                    <a:pt x="0" y="384"/>
                  </a:lnTo>
                  <a:lnTo>
                    <a:pt x="0" y="0"/>
                  </a:lnTo>
                  <a:lnTo>
                    <a:pt x="67" y="0"/>
                  </a:lnTo>
                  <a:lnTo>
                    <a:pt x="67" y="384"/>
                  </a:lnTo>
                  <a:lnTo>
                    <a:pt x="67" y="384"/>
                  </a:lnTo>
                  <a:lnTo>
                    <a:pt x="38" y="383"/>
                  </a:lnTo>
                  <a:lnTo>
                    <a:pt x="38" y="383"/>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grpSp>
      <p:sp>
        <p:nvSpPr>
          <p:cNvPr id="37" name="Right Arrow 36">
            <a:extLst>
              <a:ext uri="{FF2B5EF4-FFF2-40B4-BE49-F238E27FC236}">
                <a16:creationId xmlns:a16="http://schemas.microsoft.com/office/drawing/2014/main" xmlns="" id="{DCF94FC3-E9A2-6945-97E7-F0CC64BAB3E7}"/>
              </a:ext>
            </a:extLst>
          </p:cNvPr>
          <p:cNvSpPr/>
          <p:nvPr/>
        </p:nvSpPr>
        <p:spPr>
          <a:xfrm>
            <a:off x="3078611" y="179656"/>
            <a:ext cx="527643" cy="385186"/>
          </a:xfrm>
          <a:prstGeom prst="rightArrow">
            <a:avLst/>
          </a:prstGeom>
          <a:solidFill>
            <a:srgbClr val="7BA21A">
              <a:alpha val="53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45301109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xmlns="" id="{ACCCF7FC-3E96-47D0-BFF8-F05C68498519}"/>
              </a:ext>
            </a:extLst>
          </p:cNvPr>
          <p:cNvGraphicFramePr>
            <a:graphicFrameLocks noGrp="1"/>
          </p:cNvGraphicFramePr>
          <p:nvPr>
            <p:extLst>
              <p:ext uri="{D42A27DB-BD31-4B8C-83A1-F6EECF244321}">
                <p14:modId xmlns:p14="http://schemas.microsoft.com/office/powerpoint/2010/main" val="1663943388"/>
              </p:ext>
            </p:extLst>
          </p:nvPr>
        </p:nvGraphicFramePr>
        <p:xfrm>
          <a:off x="20548" y="0"/>
          <a:ext cx="12171452" cy="7249056"/>
        </p:xfrm>
        <a:graphic>
          <a:graphicData uri="http://schemas.openxmlformats.org/drawingml/2006/table">
            <a:tbl>
              <a:tblPr firstRow="1" bandRow="1">
                <a:effectLst>
                  <a:outerShdw dist="38100" sx="1000" sy="1000" algn="l" rotWithShape="0">
                    <a:prstClr val="black">
                      <a:alpha val="65000"/>
                    </a:prstClr>
                  </a:outerShdw>
                </a:effectLst>
                <a:tableStyleId>{5C22544A-7EE6-4342-B048-85BDC9FD1C3A}</a:tableStyleId>
              </a:tblPr>
              <a:tblGrid>
                <a:gridCol w="3237002">
                  <a:extLst>
                    <a:ext uri="{9D8B030D-6E8A-4147-A177-3AD203B41FA5}">
                      <a16:colId xmlns:a16="http://schemas.microsoft.com/office/drawing/2014/main" xmlns="" val="1560926920"/>
                    </a:ext>
                  </a:extLst>
                </a:gridCol>
                <a:gridCol w="8934450">
                  <a:extLst>
                    <a:ext uri="{9D8B030D-6E8A-4147-A177-3AD203B41FA5}">
                      <a16:colId xmlns:a16="http://schemas.microsoft.com/office/drawing/2014/main" xmlns="" val="1975310804"/>
                    </a:ext>
                  </a:extLst>
                </a:gridCol>
              </a:tblGrid>
              <a:tr h="648631">
                <a:tc>
                  <a:txBody>
                    <a:bodyPr/>
                    <a:lstStyle/>
                    <a:p>
                      <a:pPr>
                        <a:spcAft>
                          <a:spcPts val="0"/>
                        </a:spcAft>
                      </a:pPr>
                      <a:r>
                        <a:rPr lang="en-US" sz="2200" b="1" kern="1200" dirty="0" smtClean="0">
                          <a:solidFill>
                            <a:schemeClr val="accent2"/>
                          </a:solidFill>
                          <a:latin typeface="+mn-lt"/>
                          <a:ea typeface="+mn-ea"/>
                          <a:cs typeface="+mn-cs"/>
                        </a:rPr>
                        <a:t>Armando</a:t>
                      </a:r>
                      <a:r>
                        <a:rPr lang="en-US" sz="2200" b="1" kern="1200" baseline="0" dirty="0" smtClean="0">
                          <a:solidFill>
                            <a:schemeClr val="accent2"/>
                          </a:solidFill>
                          <a:latin typeface="+mn-lt"/>
                          <a:ea typeface="+mn-ea"/>
                          <a:cs typeface="+mn-cs"/>
                        </a:rPr>
                        <a:t> el ambiente</a:t>
                      </a:r>
                      <a:endParaRPr lang="en-US" sz="2200" b="1" kern="1200" dirty="0">
                        <a:solidFill>
                          <a:schemeClr val="accent2"/>
                        </a:solidFill>
                        <a:latin typeface="+mn-lt"/>
                        <a:ea typeface="+mn-ea"/>
                        <a:cs typeface="+mn-cs"/>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2500" b="1" kern="1200" dirty="0">
                          <a:solidFill>
                            <a:schemeClr val="tx2"/>
                          </a:solidFill>
                          <a:latin typeface="Arial" panose="020B0604020202020204" pitchFamily="34" charset="0"/>
                          <a:ea typeface="+mn-ea"/>
                          <a:cs typeface="Arial" panose="020B0604020202020204" pitchFamily="34" charset="0"/>
                        </a:rPr>
                        <a:t>30 </a:t>
                      </a:r>
                      <a:r>
                        <a:rPr lang="en-US" sz="2500" b="1" kern="1200" dirty="0" smtClean="0">
                          <a:solidFill>
                            <a:schemeClr val="tx2"/>
                          </a:solidFill>
                          <a:latin typeface="Arial" panose="020B0604020202020204" pitchFamily="34" charset="0"/>
                          <a:ea typeface="+mn-ea"/>
                          <a:cs typeface="Arial" panose="020B0604020202020204" pitchFamily="34" charset="0"/>
                        </a:rPr>
                        <a:t>a </a:t>
                      </a:r>
                      <a:r>
                        <a:rPr lang="en-US" sz="2500" b="1" kern="1200" dirty="0">
                          <a:solidFill>
                            <a:schemeClr val="tx2"/>
                          </a:solidFill>
                          <a:latin typeface="Arial" panose="020B0604020202020204" pitchFamily="34" charset="0"/>
                          <a:ea typeface="+mn-ea"/>
                          <a:cs typeface="Arial" panose="020B0604020202020204" pitchFamily="34" charset="0"/>
                        </a:rPr>
                        <a:t>45 </a:t>
                      </a:r>
                      <a:r>
                        <a:rPr lang="en-US" sz="2500" b="1" kern="1200" dirty="0" smtClean="0">
                          <a:solidFill>
                            <a:schemeClr val="tx2"/>
                          </a:solidFill>
                          <a:latin typeface="Arial" panose="020B0604020202020204" pitchFamily="34" charset="0"/>
                          <a:ea typeface="+mn-ea"/>
                          <a:cs typeface="Arial" panose="020B0604020202020204" pitchFamily="34" charset="0"/>
                        </a:rPr>
                        <a:t>minutos</a:t>
                      </a:r>
                      <a:endParaRPr lang="en-US" sz="2500" dirty="0">
                        <a:solidFill>
                          <a:schemeClr val="tx2"/>
                        </a:solidFill>
                        <a:latin typeface="Arial" panose="020B0604020202020204" pitchFamily="34" charset="0"/>
                        <a:cs typeface="Arial" panose="020B0604020202020204" pitchFamily="34" charset="0"/>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extLst>
                  <a:ext uri="{0D108BD9-81ED-4DB2-BD59-A6C34878D82A}">
                    <a16:rowId xmlns:a16="http://schemas.microsoft.com/office/drawing/2014/main" xmlns="" val="423117710"/>
                  </a:ext>
                </a:extLst>
              </a:tr>
              <a:tr h="2647416">
                <a:tc>
                  <a:txBody>
                    <a:bodyPr/>
                    <a:lstStyle/>
                    <a:p>
                      <a:pPr algn="ctr">
                        <a:lnSpc>
                          <a:spcPct val="107000"/>
                        </a:lnSpc>
                        <a:spcAft>
                          <a:spcPts val="0"/>
                        </a:spcAft>
                      </a:pPr>
                      <a:endParaRPr lang="en-US" sz="1800" b="1" dirty="0" smtClean="0">
                        <a:solidFill>
                          <a:schemeClr val="bg1"/>
                        </a:solidFill>
                        <a:effectLst/>
                        <a:latin typeface="Arial" panose="020B0604020202020204" pitchFamily="34" charset="0"/>
                        <a:cs typeface="Arial" panose="020B0604020202020204" pitchFamily="34" charset="0"/>
                      </a:endParaRPr>
                    </a:p>
                    <a:p>
                      <a:pPr algn="ctr">
                        <a:lnSpc>
                          <a:spcPct val="107000"/>
                        </a:lnSpc>
                        <a:spcAft>
                          <a:spcPts val="0"/>
                        </a:spcAft>
                      </a:pPr>
                      <a:endParaRPr lang="en-US" sz="1800" b="1" dirty="0" smtClean="0">
                        <a:solidFill>
                          <a:schemeClr val="bg1"/>
                        </a:solidFill>
                        <a:effectLst/>
                        <a:latin typeface="Arial" panose="020B0604020202020204" pitchFamily="34" charset="0"/>
                        <a:cs typeface="Arial" panose="020B0604020202020204" pitchFamily="34" charset="0"/>
                      </a:endParaRPr>
                    </a:p>
                    <a:p>
                      <a:pPr algn="ctr">
                        <a:lnSpc>
                          <a:spcPct val="107000"/>
                        </a:lnSpc>
                        <a:spcAft>
                          <a:spcPts val="0"/>
                        </a:spcAft>
                      </a:pPr>
                      <a:endParaRPr lang="en-US" sz="1800" b="1" dirty="0" smtClean="0">
                        <a:solidFill>
                          <a:schemeClr val="bg1"/>
                        </a:solidFill>
                        <a:effectLst/>
                        <a:latin typeface="Arial" panose="020B0604020202020204" pitchFamily="34" charset="0"/>
                        <a:cs typeface="Arial" panose="020B0604020202020204" pitchFamily="34" charset="0"/>
                      </a:endParaRPr>
                    </a:p>
                    <a:p>
                      <a:pPr algn="ctr">
                        <a:lnSpc>
                          <a:spcPct val="107000"/>
                        </a:lnSpc>
                        <a:spcAft>
                          <a:spcPts val="0"/>
                        </a:spcAft>
                      </a:pPr>
                      <a:r>
                        <a:rPr lang="en-US" sz="1800" b="1" dirty="0" smtClean="0">
                          <a:solidFill>
                            <a:schemeClr val="bg1"/>
                          </a:solidFill>
                          <a:effectLst/>
                          <a:latin typeface="Arial" panose="020B0604020202020204" pitchFamily="34" charset="0"/>
                          <a:cs typeface="Arial" panose="020B0604020202020204" pitchFamily="34" charset="0"/>
                        </a:rPr>
                        <a:t>Moderador</a:t>
                      </a:r>
                      <a:endParaRPr lang="en-ZA" sz="1800" b="1" dirty="0">
                        <a:solidFill>
                          <a:schemeClr val="bg1"/>
                        </a:solidFill>
                        <a:effectLst/>
                        <a:latin typeface="Arial" panose="020B0604020202020204" pitchFamily="34" charset="0"/>
                        <a:ea typeface="Calibri" panose="020F0502020204030204" pitchFamily="34" charset="0"/>
                        <a:cs typeface="Arial" panose="020B0604020202020204" pitchFamily="34" charset="0"/>
                      </a:endParaRPr>
                    </a:p>
                  </a:txBody>
                  <a:tcPr>
                    <a:lnT w="12700" cmpd="sng">
                      <a:noFill/>
                    </a:lnT>
                    <a:solidFill>
                      <a:schemeClr val="accent1"/>
                    </a:solidFill>
                  </a:tcPr>
                </a:tc>
                <a:tc>
                  <a:txBody>
                    <a:bodyPr/>
                    <a:lstStyle/>
                    <a:p>
                      <a:pPr>
                        <a:spcAft>
                          <a:spcPts val="0"/>
                        </a:spcAft>
                      </a:pPr>
                      <a:r>
                        <a:rPr lang="en-US" dirty="0" smtClean="0"/>
                        <a:t>Contextualizando</a:t>
                      </a:r>
                      <a:r>
                        <a:rPr lang="en-US" baseline="0" dirty="0" smtClean="0"/>
                        <a:t> el </a:t>
                      </a:r>
                      <a:r>
                        <a:rPr lang="en-US" baseline="0" dirty="0" smtClean="0"/>
                        <a:t>tema.</a:t>
                      </a:r>
                      <a:endParaRPr lang="en-US" dirty="0"/>
                    </a:p>
                    <a:p>
                      <a:pPr>
                        <a:spcAft>
                          <a:spcPts val="0"/>
                        </a:spcAft>
                      </a:pPr>
                      <a:r>
                        <a:rPr lang="en-US" dirty="0"/>
                        <a:t>(2 </a:t>
                      </a:r>
                      <a:r>
                        <a:rPr lang="en-US" dirty="0" smtClean="0"/>
                        <a:t>minutos</a:t>
                      </a:r>
                      <a:r>
                        <a:rPr lang="en-US" dirty="0"/>
                        <a:t>)</a:t>
                      </a:r>
                    </a:p>
                    <a:p>
                      <a:pPr>
                        <a:spcAft>
                          <a:spcPts val="0"/>
                        </a:spcAft>
                      </a:pPr>
                      <a:endParaRPr lang="en-US" dirty="0"/>
                    </a:p>
                    <a:p>
                      <a:pPr>
                        <a:spcAft>
                          <a:spcPts val="0"/>
                        </a:spcAft>
                      </a:pPr>
                      <a:r>
                        <a:rPr lang="es-VE" dirty="0" smtClean="0"/>
                        <a:t>Presentación del orador invitado para guiar la línea de investigación de la conversación y contextualizar el </a:t>
                      </a:r>
                      <a:r>
                        <a:rPr lang="es-VE" dirty="0" smtClean="0"/>
                        <a:t>tema.</a:t>
                      </a:r>
                      <a:endParaRPr lang="en-US" dirty="0" smtClean="0"/>
                    </a:p>
                    <a:p>
                      <a:pPr>
                        <a:spcAft>
                          <a:spcPts val="0"/>
                        </a:spcAft>
                      </a:pPr>
                      <a:r>
                        <a:rPr lang="en-US" dirty="0" smtClean="0"/>
                        <a:t>(7 minutos</a:t>
                      </a:r>
                      <a:r>
                        <a:rPr lang="en-US" dirty="0"/>
                        <a:t>)</a:t>
                      </a:r>
                    </a:p>
                    <a:p>
                      <a:pPr>
                        <a:spcAft>
                          <a:spcPts val="0"/>
                        </a:spcAft>
                      </a:pPr>
                      <a:endParaRPr lang="en-US" dirty="0"/>
                    </a:p>
                    <a:p>
                      <a:pPr>
                        <a:spcAft>
                          <a:spcPts val="0"/>
                        </a:spcAft>
                      </a:pPr>
                      <a:r>
                        <a:rPr lang="es-VE" dirty="0" smtClean="0"/>
                        <a:t>Invita a los participantes a aclarar </a:t>
                      </a:r>
                      <a:r>
                        <a:rPr lang="es-VE" dirty="0" smtClean="0"/>
                        <a:t>dudas.</a:t>
                      </a:r>
                      <a:endParaRPr lang="en-US" dirty="0" smtClean="0"/>
                    </a:p>
                    <a:p>
                      <a:pPr>
                        <a:spcAft>
                          <a:spcPts val="0"/>
                        </a:spcAft>
                      </a:pPr>
                      <a:r>
                        <a:rPr lang="en-US" dirty="0" smtClean="0"/>
                        <a:t>(5 </a:t>
                      </a:r>
                      <a:r>
                        <a:rPr lang="en-US" dirty="0"/>
                        <a:t>minutes)</a:t>
                      </a:r>
                    </a:p>
                  </a:txBody>
                  <a:tcPr>
                    <a:lnT w="12700" cmpd="sng">
                      <a:noFill/>
                    </a:lnT>
                    <a:solidFill>
                      <a:schemeClr val="bg1"/>
                    </a:solidFill>
                  </a:tcPr>
                </a:tc>
                <a:extLst>
                  <a:ext uri="{0D108BD9-81ED-4DB2-BD59-A6C34878D82A}">
                    <a16:rowId xmlns:a16="http://schemas.microsoft.com/office/drawing/2014/main" xmlns="" val="2826885672"/>
                  </a:ext>
                </a:extLst>
              </a:tr>
              <a:tr h="2033487">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endParaRPr lang="en-US" sz="18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endParaRPr lang="en-US" sz="18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endParaRPr lang="en-US" sz="18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r>
                        <a:rPr lang="en-US" sz="1800" b="1" kern="1200" dirty="0" smtClean="0">
                          <a:solidFill>
                            <a:schemeClr val="bg1"/>
                          </a:solidFill>
                          <a:effectLst/>
                          <a:latin typeface="Arial" panose="020B0604020202020204" pitchFamily="34" charset="0"/>
                          <a:ea typeface="+mn-ea"/>
                          <a:cs typeface="Arial" panose="020B0604020202020204" pitchFamily="34" charset="0"/>
                        </a:rPr>
                        <a:t>Notas</a:t>
                      </a:r>
                      <a:r>
                        <a:rPr lang="en-US" sz="1800" b="1" kern="1200" baseline="0" dirty="0" smtClean="0">
                          <a:solidFill>
                            <a:schemeClr val="bg1"/>
                          </a:solidFill>
                          <a:effectLst/>
                          <a:latin typeface="Arial" panose="020B0604020202020204" pitchFamily="34" charset="0"/>
                          <a:ea typeface="+mn-ea"/>
                          <a:cs typeface="Arial" panose="020B0604020202020204" pitchFamily="34" charset="0"/>
                        </a:rPr>
                        <a:t> </a:t>
                      </a:r>
                      <a:r>
                        <a:rPr lang="en-US" sz="1800" b="1" kern="1200" baseline="0" dirty="0" smtClean="0">
                          <a:solidFill>
                            <a:schemeClr val="bg1"/>
                          </a:solidFill>
                          <a:effectLst/>
                          <a:latin typeface="Arial" panose="020B0604020202020204" pitchFamily="34" charset="0"/>
                          <a:ea typeface="+mn-ea"/>
                          <a:cs typeface="Arial" panose="020B0604020202020204" pitchFamily="34" charset="0"/>
                        </a:rPr>
                        <a:t>para el moderador</a:t>
                      </a:r>
                      <a:endParaRPr lang="en-US" sz="1800" b="1" kern="1200" dirty="0">
                        <a:solidFill>
                          <a:schemeClr val="bg1"/>
                        </a:solidFill>
                        <a:effectLst/>
                        <a:latin typeface="Arial" panose="020B0604020202020204" pitchFamily="34" charset="0"/>
                        <a:ea typeface="+mn-ea"/>
                        <a:cs typeface="Arial" panose="020B0604020202020204" pitchFamily="34" charset="0"/>
                      </a:endParaRPr>
                    </a:p>
                  </a:txBody>
                  <a:tcPr>
                    <a:solidFill>
                      <a:schemeClr val="accent3"/>
                    </a:solidFill>
                  </a:tcPr>
                </a:tc>
                <a:tc>
                  <a:txBody>
                    <a:bodyPr/>
                    <a:lstStyle/>
                    <a:p>
                      <a:pPr>
                        <a:lnSpc>
                          <a:spcPct val="107000"/>
                        </a:lnSpc>
                        <a:spcAft>
                          <a:spcPts val="600"/>
                        </a:spcAft>
                      </a:pPr>
                      <a:r>
                        <a:rPr lang="es-VE" sz="1800" kern="1200" dirty="0" smtClean="0">
                          <a:solidFill>
                            <a:schemeClr val="dk1"/>
                          </a:solidFill>
                          <a:effectLst/>
                          <a:latin typeface="+mn-lt"/>
                          <a:ea typeface="+mn-ea"/>
                          <a:cs typeface="+mn-cs"/>
                        </a:rPr>
                        <a:t>Invitar </a:t>
                      </a:r>
                      <a:r>
                        <a:rPr lang="es-VE" sz="1800" kern="1200" dirty="0" smtClean="0">
                          <a:solidFill>
                            <a:schemeClr val="dk1"/>
                          </a:solidFill>
                          <a:effectLst/>
                          <a:latin typeface="+mn-lt"/>
                          <a:ea typeface="+mn-ea"/>
                          <a:cs typeface="+mn-cs"/>
                        </a:rPr>
                        <a:t>al orador a presentar</a:t>
                      </a:r>
                      <a:r>
                        <a:rPr lang="es-VE" sz="1800" kern="1200" baseline="0" dirty="0" smtClean="0">
                          <a:solidFill>
                            <a:schemeClr val="dk1"/>
                          </a:solidFill>
                          <a:effectLst/>
                          <a:latin typeface="+mn-lt"/>
                          <a:ea typeface="+mn-ea"/>
                          <a:cs typeface="+mn-cs"/>
                        </a:rPr>
                        <a:t> los siguientes puntos</a:t>
                      </a:r>
                      <a:r>
                        <a:rPr lang="es-VE" sz="1800" kern="1200" dirty="0" smtClean="0">
                          <a:solidFill>
                            <a:schemeClr val="dk1"/>
                          </a:solidFill>
                          <a:effectLst/>
                          <a:latin typeface="+mn-lt"/>
                          <a:ea typeface="+mn-ea"/>
                          <a:cs typeface="+mn-cs"/>
                        </a:rPr>
                        <a:t> (tomar</a:t>
                      </a:r>
                      <a:r>
                        <a:rPr lang="es-VE" sz="1800" kern="1200" baseline="0" dirty="0" smtClean="0">
                          <a:solidFill>
                            <a:schemeClr val="dk1"/>
                          </a:solidFill>
                          <a:effectLst/>
                          <a:latin typeface="+mn-lt"/>
                          <a:ea typeface="+mn-ea"/>
                          <a:cs typeface="+mn-cs"/>
                        </a:rPr>
                        <a:t> nota d</a:t>
                      </a:r>
                      <a:r>
                        <a:rPr lang="es-VE" sz="1800" kern="1200" dirty="0" smtClean="0">
                          <a:solidFill>
                            <a:schemeClr val="dk1"/>
                          </a:solidFill>
                          <a:effectLst/>
                          <a:latin typeface="+mn-lt"/>
                          <a:ea typeface="+mn-ea"/>
                          <a:cs typeface="+mn-cs"/>
                        </a:rPr>
                        <a:t>el tiempo).</a:t>
                      </a:r>
                    </a:p>
                    <a:p>
                      <a:pPr>
                        <a:lnSpc>
                          <a:spcPct val="107000"/>
                        </a:lnSpc>
                        <a:spcAft>
                          <a:spcPts val="600"/>
                        </a:spcAft>
                      </a:pPr>
                      <a:r>
                        <a:rPr lang="es-VE" sz="1800" kern="1200" dirty="0" smtClean="0">
                          <a:solidFill>
                            <a:schemeClr val="dk1"/>
                          </a:solidFill>
                          <a:effectLst/>
                          <a:latin typeface="+mn-lt"/>
                          <a:ea typeface="+mn-ea"/>
                          <a:cs typeface="+mn-cs"/>
                        </a:rPr>
                        <a:t>Se recomiendan máximo 5 diapositivas.</a:t>
                      </a:r>
                    </a:p>
                    <a:p>
                      <a:pPr marL="285750" indent="-285750">
                        <a:lnSpc>
                          <a:spcPct val="100000"/>
                        </a:lnSpc>
                        <a:spcAft>
                          <a:spcPts val="600"/>
                        </a:spcAft>
                        <a:buFont typeface="Arial" panose="020B0604020202020204" pitchFamily="34" charset="0"/>
                        <a:buChar char="•"/>
                      </a:pPr>
                      <a:r>
                        <a:rPr lang="es-VE" sz="1800" kern="1200" dirty="0" smtClean="0">
                          <a:solidFill>
                            <a:schemeClr val="dk1"/>
                          </a:solidFill>
                          <a:effectLst/>
                          <a:latin typeface="+mn-lt"/>
                          <a:ea typeface="+mn-ea"/>
                          <a:cs typeface="+mn-cs"/>
                        </a:rPr>
                        <a:t>El problema y por qué hay que discutirlo.</a:t>
                      </a:r>
                    </a:p>
                    <a:p>
                      <a:pPr marL="285750" indent="-285750">
                        <a:lnSpc>
                          <a:spcPct val="100000"/>
                        </a:lnSpc>
                        <a:spcAft>
                          <a:spcPts val="600"/>
                        </a:spcAft>
                        <a:buFont typeface="Arial" panose="020B0604020202020204" pitchFamily="34" charset="0"/>
                        <a:buChar char="•"/>
                      </a:pPr>
                      <a:r>
                        <a:rPr lang="es-VE" sz="1800" kern="1200" dirty="0" smtClean="0">
                          <a:solidFill>
                            <a:schemeClr val="dk1"/>
                          </a:solidFill>
                          <a:effectLst/>
                          <a:latin typeface="+mn-lt"/>
                          <a:ea typeface="+mn-ea"/>
                          <a:cs typeface="+mn-cs"/>
                        </a:rPr>
                        <a:t>La evidencia que demuestra el problema y sus </a:t>
                      </a:r>
                      <a:r>
                        <a:rPr lang="es-VE" sz="1800" kern="1200" dirty="0" smtClean="0">
                          <a:solidFill>
                            <a:schemeClr val="dk1"/>
                          </a:solidFill>
                          <a:effectLst/>
                          <a:latin typeface="+mn-lt"/>
                          <a:ea typeface="+mn-ea"/>
                          <a:cs typeface="+mn-cs"/>
                        </a:rPr>
                        <a:t>tendencias.</a:t>
                      </a:r>
                      <a:endParaRPr lang="es-VE" sz="1800" kern="1200" dirty="0" smtClean="0">
                        <a:solidFill>
                          <a:schemeClr val="dk1"/>
                        </a:solidFill>
                        <a:effectLst/>
                        <a:latin typeface="+mn-lt"/>
                        <a:ea typeface="+mn-ea"/>
                        <a:cs typeface="+mn-cs"/>
                      </a:endParaRPr>
                    </a:p>
                    <a:p>
                      <a:pPr marL="285750" indent="-285750">
                        <a:lnSpc>
                          <a:spcPct val="100000"/>
                        </a:lnSpc>
                        <a:spcAft>
                          <a:spcPts val="600"/>
                        </a:spcAft>
                        <a:buFont typeface="Arial" panose="020B0604020202020204" pitchFamily="34" charset="0"/>
                        <a:buChar char="•"/>
                      </a:pPr>
                      <a:r>
                        <a:rPr lang="es-VE" sz="1800" kern="1200" dirty="0" smtClean="0">
                          <a:solidFill>
                            <a:schemeClr val="dk1"/>
                          </a:solidFill>
                          <a:effectLst/>
                          <a:latin typeface="+mn-lt"/>
                          <a:ea typeface="+mn-ea"/>
                          <a:cs typeface="+mn-cs"/>
                        </a:rPr>
                        <a:t>Los desafíos, barreras, riesgos, etc.</a:t>
                      </a:r>
                    </a:p>
                    <a:p>
                      <a:pPr marL="285750" indent="-285750">
                        <a:lnSpc>
                          <a:spcPct val="100000"/>
                        </a:lnSpc>
                        <a:spcAft>
                          <a:spcPts val="600"/>
                        </a:spcAft>
                        <a:buFont typeface="Arial" panose="020B0604020202020204" pitchFamily="34" charset="0"/>
                        <a:buChar char="•"/>
                      </a:pPr>
                      <a:r>
                        <a:rPr lang="es-VE" sz="1800" kern="1200" dirty="0" smtClean="0">
                          <a:solidFill>
                            <a:schemeClr val="dk1"/>
                          </a:solidFill>
                          <a:effectLst/>
                          <a:latin typeface="+mn-lt"/>
                          <a:ea typeface="+mn-ea"/>
                          <a:cs typeface="+mn-cs"/>
                        </a:rPr>
                        <a:t>Los logros, las soluciones propuestas, etc.</a:t>
                      </a:r>
                    </a:p>
                    <a:p>
                      <a:pPr marL="285750" indent="-285750">
                        <a:lnSpc>
                          <a:spcPct val="100000"/>
                        </a:lnSpc>
                        <a:spcAft>
                          <a:spcPts val="600"/>
                        </a:spcAft>
                        <a:buFont typeface="Arial" panose="020B0604020202020204" pitchFamily="34" charset="0"/>
                        <a:buChar char="•"/>
                      </a:pPr>
                      <a:r>
                        <a:rPr lang="es-VE" sz="1800" kern="1200" dirty="0" smtClean="0">
                          <a:solidFill>
                            <a:schemeClr val="dk1"/>
                          </a:solidFill>
                          <a:effectLst/>
                          <a:latin typeface="+mn-lt"/>
                          <a:ea typeface="+mn-ea"/>
                          <a:cs typeface="+mn-cs"/>
                        </a:rPr>
                        <a:t>¿Qué se puede hacer?</a:t>
                      </a:r>
                      <a:endParaRPr lang="en-US" sz="1800" kern="1200" dirty="0" smtClean="0">
                        <a:solidFill>
                          <a:schemeClr val="dk1"/>
                        </a:solidFill>
                        <a:effectLst/>
                        <a:latin typeface="+mn-lt"/>
                        <a:ea typeface="+mn-ea"/>
                        <a:cs typeface="+mn-cs"/>
                      </a:endParaRPr>
                    </a:p>
                  </a:txBody>
                  <a:tcPr>
                    <a:solidFill>
                      <a:schemeClr val="bg1">
                        <a:lumMod val="85000"/>
                      </a:schemeClr>
                    </a:solidFill>
                  </a:tcPr>
                </a:tc>
                <a:extLst>
                  <a:ext uri="{0D108BD9-81ED-4DB2-BD59-A6C34878D82A}">
                    <a16:rowId xmlns:a16="http://schemas.microsoft.com/office/drawing/2014/main" xmlns="" val="1172992013"/>
                  </a:ext>
                </a:extLst>
              </a:tr>
              <a:tr h="1445775">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r>
                        <a:rPr lang="en-US" sz="1800" b="1" kern="1200" dirty="0" smtClean="0">
                          <a:solidFill>
                            <a:schemeClr val="bg1"/>
                          </a:solidFill>
                          <a:effectLst/>
                          <a:latin typeface="Arial" panose="020B0604020202020204" pitchFamily="34" charset="0"/>
                          <a:ea typeface="+mn-ea"/>
                          <a:cs typeface="Arial" panose="020B0604020202020204" pitchFamily="34" charset="0"/>
                        </a:rPr>
                        <a:t>Técnicos/</a:t>
                      </a:r>
                    </a:p>
                    <a:p>
                      <a:pPr marL="0" marR="0" indent="0" algn="ctr" defTabSz="914400" rtl="0" eaLnBrk="1" fontAlgn="auto" latinLnBrk="0" hangingPunct="1">
                        <a:lnSpc>
                          <a:spcPct val="107000"/>
                        </a:lnSpc>
                        <a:spcBef>
                          <a:spcPts val="0"/>
                        </a:spcBef>
                        <a:spcAft>
                          <a:spcPts val="0"/>
                        </a:spcAft>
                        <a:buClrTx/>
                        <a:buSzTx/>
                        <a:buFontTx/>
                        <a:buNone/>
                        <a:tabLst/>
                        <a:defRPr/>
                      </a:pPr>
                      <a:r>
                        <a:rPr lang="en-US" sz="1800" b="1" kern="1200" dirty="0" smtClean="0">
                          <a:solidFill>
                            <a:schemeClr val="bg1"/>
                          </a:solidFill>
                          <a:effectLst/>
                          <a:latin typeface="Arial" panose="020B0604020202020204" pitchFamily="34" charset="0"/>
                          <a:ea typeface="+mn-ea"/>
                          <a:cs typeface="Arial" panose="020B0604020202020204" pitchFamily="34" charset="0"/>
                        </a:rPr>
                        <a:t>Encargados</a:t>
                      </a:r>
                      <a:r>
                        <a:rPr lang="en-US" sz="1800" b="1" kern="1200" baseline="0" dirty="0" smtClean="0">
                          <a:solidFill>
                            <a:schemeClr val="bg1"/>
                          </a:solidFill>
                          <a:effectLst/>
                          <a:latin typeface="Arial" panose="020B0604020202020204" pitchFamily="34" charset="0"/>
                          <a:ea typeface="+mn-ea"/>
                          <a:cs typeface="Arial" panose="020B0604020202020204" pitchFamily="34" charset="0"/>
                        </a:rPr>
                        <a:t> de la toma </a:t>
                      </a:r>
                      <a:br>
                        <a:rPr lang="en-US" sz="1800" b="1" kern="1200" baseline="0" dirty="0" smtClean="0">
                          <a:solidFill>
                            <a:schemeClr val="bg1"/>
                          </a:solidFill>
                          <a:effectLst/>
                          <a:latin typeface="Arial" panose="020B0604020202020204" pitchFamily="34" charset="0"/>
                          <a:ea typeface="+mn-ea"/>
                          <a:cs typeface="Arial" panose="020B0604020202020204" pitchFamily="34" charset="0"/>
                        </a:rPr>
                      </a:br>
                      <a:r>
                        <a:rPr lang="en-US" sz="1800" b="1" kern="1200" baseline="0" dirty="0" smtClean="0">
                          <a:solidFill>
                            <a:schemeClr val="bg1"/>
                          </a:solidFill>
                          <a:effectLst/>
                          <a:latin typeface="Arial" panose="020B0604020202020204" pitchFamily="34" charset="0"/>
                          <a:ea typeface="+mn-ea"/>
                          <a:cs typeface="Arial" panose="020B0604020202020204" pitchFamily="34" charset="0"/>
                        </a:rPr>
                        <a:t>de notas</a:t>
                      </a:r>
                      <a:endParaRPr lang="en-US" sz="18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endParaRPr lang="en-US" sz="1800" b="1" kern="1200" dirty="0">
                        <a:solidFill>
                          <a:schemeClr val="bg1"/>
                        </a:solidFill>
                        <a:effectLst/>
                        <a:latin typeface="Arial" panose="020B0604020202020204" pitchFamily="34" charset="0"/>
                        <a:ea typeface="+mn-ea"/>
                        <a:cs typeface="Arial" panose="020B0604020202020204" pitchFamily="34" charset="0"/>
                      </a:endParaRPr>
                    </a:p>
                  </a:txBody>
                  <a:tcPr>
                    <a:solidFill>
                      <a:schemeClr val="accent4"/>
                    </a:solidFill>
                  </a:tcPr>
                </a:tc>
                <a:tc>
                  <a:txBody>
                    <a:bodyPr/>
                    <a:lstStyle/>
                    <a:p>
                      <a:pPr>
                        <a:lnSpc>
                          <a:spcPct val="107000"/>
                        </a:lnSpc>
                        <a:spcAft>
                          <a:spcPts val="600"/>
                        </a:spcAft>
                      </a:pPr>
                      <a:r>
                        <a:rPr lang="es-VE" sz="1800" dirty="0" smtClean="0">
                          <a:effectLst/>
                        </a:rPr>
                        <a:t>Compartir la pantalla para ver la presentación</a:t>
                      </a:r>
                    </a:p>
                    <a:p>
                      <a:pPr>
                        <a:lnSpc>
                          <a:spcPct val="107000"/>
                        </a:lnSpc>
                        <a:spcAft>
                          <a:spcPts val="600"/>
                        </a:spcAft>
                      </a:pPr>
                      <a:r>
                        <a:rPr lang="es-VE" sz="1800" dirty="0" smtClean="0">
                          <a:effectLst/>
                        </a:rPr>
                        <a:t>Activar </a:t>
                      </a:r>
                      <a:r>
                        <a:rPr lang="es-VE" sz="1800" dirty="0" smtClean="0">
                          <a:effectLst/>
                        </a:rPr>
                        <a:t>la opción de compartir pantalla para los demás participantes en tus configuraciones o </a:t>
                      </a:r>
                      <a:r>
                        <a:rPr lang="es-VE" sz="1800" dirty="0" smtClean="0">
                          <a:effectLst/>
                        </a:rPr>
                        <a:t>designar </a:t>
                      </a:r>
                      <a:r>
                        <a:rPr lang="es-VE" sz="1800" dirty="0" smtClean="0">
                          <a:effectLst/>
                        </a:rPr>
                        <a:t>al experto como coanfitrión de la reunión.</a:t>
                      </a:r>
                      <a:endParaRPr lang="en-US" sz="1800" dirty="0" smtClean="0">
                        <a:effectLst/>
                      </a:endParaRPr>
                    </a:p>
                  </a:txBody>
                  <a:tcPr>
                    <a:solidFill>
                      <a:schemeClr val="bg1"/>
                    </a:solidFill>
                  </a:tcPr>
                </a:tc>
                <a:extLst>
                  <a:ext uri="{0D108BD9-81ED-4DB2-BD59-A6C34878D82A}">
                    <a16:rowId xmlns:a16="http://schemas.microsoft.com/office/drawing/2014/main" xmlns="" val="899445866"/>
                  </a:ext>
                </a:extLst>
              </a:tr>
            </a:tbl>
          </a:graphicData>
        </a:graphic>
      </p:graphicFrame>
      <p:grpSp>
        <p:nvGrpSpPr>
          <p:cNvPr id="3" name="Group 2">
            <a:extLst>
              <a:ext uri="{FF2B5EF4-FFF2-40B4-BE49-F238E27FC236}">
                <a16:creationId xmlns:a16="http://schemas.microsoft.com/office/drawing/2014/main" xmlns="" id="{23CF6605-49F0-8C46-8F67-B2014EADC9F1}"/>
              </a:ext>
            </a:extLst>
          </p:cNvPr>
          <p:cNvGrpSpPr/>
          <p:nvPr/>
        </p:nvGrpSpPr>
        <p:grpSpPr>
          <a:xfrm>
            <a:off x="3592714" y="81505"/>
            <a:ext cx="527644" cy="484423"/>
            <a:chOff x="6600056" y="692261"/>
            <a:chExt cx="5192436" cy="5205985"/>
          </a:xfrm>
        </p:grpSpPr>
        <p:sp>
          <p:nvSpPr>
            <p:cNvPr id="5" name="Freeform 282">
              <a:extLst>
                <a:ext uri="{FF2B5EF4-FFF2-40B4-BE49-F238E27FC236}">
                  <a16:creationId xmlns:a16="http://schemas.microsoft.com/office/drawing/2014/main" xmlns="" id="{63ECE2A4-5138-9A4D-9AFC-48E651FEE03F}"/>
                </a:ext>
              </a:extLst>
            </p:cNvPr>
            <p:cNvSpPr>
              <a:spLocks/>
            </p:cNvSpPr>
            <p:nvPr/>
          </p:nvSpPr>
          <p:spPr bwMode="auto">
            <a:xfrm flipH="1">
              <a:off x="6600056" y="692261"/>
              <a:ext cx="5192436" cy="5205985"/>
            </a:xfrm>
            <a:custGeom>
              <a:avLst/>
              <a:gdLst>
                <a:gd name="T0" fmla="*/ 3195 w 5934"/>
                <a:gd name="T1" fmla="*/ 5704 h 5712"/>
                <a:gd name="T2" fmla="*/ 3564 w 5934"/>
                <a:gd name="T3" fmla="*/ 5654 h 5712"/>
                <a:gd name="T4" fmla="*/ 3917 w 5934"/>
                <a:gd name="T5" fmla="*/ 5562 h 5712"/>
                <a:gd name="T6" fmla="*/ 4252 w 5934"/>
                <a:gd name="T7" fmla="*/ 5431 h 5712"/>
                <a:gd name="T8" fmla="*/ 4565 w 5934"/>
                <a:gd name="T9" fmla="*/ 5262 h 5712"/>
                <a:gd name="T10" fmla="*/ 4854 w 5934"/>
                <a:gd name="T11" fmla="*/ 5059 h 5712"/>
                <a:gd name="T12" fmla="*/ 5114 w 5934"/>
                <a:gd name="T13" fmla="*/ 4826 h 5712"/>
                <a:gd name="T14" fmla="*/ 5344 w 5934"/>
                <a:gd name="T15" fmla="*/ 4564 h 5712"/>
                <a:gd name="T16" fmla="*/ 5540 w 5934"/>
                <a:gd name="T17" fmla="*/ 4277 h 5712"/>
                <a:gd name="T18" fmla="*/ 5701 w 5934"/>
                <a:gd name="T19" fmla="*/ 3967 h 5712"/>
                <a:gd name="T20" fmla="*/ 5822 w 5934"/>
                <a:gd name="T21" fmla="*/ 3637 h 5712"/>
                <a:gd name="T22" fmla="*/ 5900 w 5934"/>
                <a:gd name="T23" fmla="*/ 3290 h 5712"/>
                <a:gd name="T24" fmla="*/ 5933 w 5934"/>
                <a:gd name="T25" fmla="*/ 2930 h 5712"/>
                <a:gd name="T26" fmla="*/ 5925 w 5934"/>
                <a:gd name="T27" fmla="*/ 2637 h 5712"/>
                <a:gd name="T28" fmla="*/ 5873 w 5934"/>
                <a:gd name="T29" fmla="*/ 2282 h 5712"/>
                <a:gd name="T30" fmla="*/ 5778 w 5934"/>
                <a:gd name="T31" fmla="*/ 1941 h 5712"/>
                <a:gd name="T32" fmla="*/ 5641 w 5934"/>
                <a:gd name="T33" fmla="*/ 1619 h 5712"/>
                <a:gd name="T34" fmla="*/ 5466 w 5934"/>
                <a:gd name="T35" fmla="*/ 1317 h 5712"/>
                <a:gd name="T36" fmla="*/ 5255 w 5934"/>
                <a:gd name="T37" fmla="*/ 1040 h 5712"/>
                <a:gd name="T38" fmla="*/ 5013 w 5934"/>
                <a:gd name="T39" fmla="*/ 789 h 5712"/>
                <a:gd name="T40" fmla="*/ 4742 w 5934"/>
                <a:gd name="T41" fmla="*/ 568 h 5712"/>
                <a:gd name="T42" fmla="*/ 4443 w 5934"/>
                <a:gd name="T43" fmla="*/ 379 h 5712"/>
                <a:gd name="T44" fmla="*/ 4121 w 5934"/>
                <a:gd name="T45" fmla="*/ 224 h 5712"/>
                <a:gd name="T46" fmla="*/ 3778 w 5934"/>
                <a:gd name="T47" fmla="*/ 108 h 5712"/>
                <a:gd name="T48" fmla="*/ 3418 w 5934"/>
                <a:gd name="T49" fmla="*/ 32 h 5712"/>
                <a:gd name="T50" fmla="*/ 3043 w 5934"/>
                <a:gd name="T51" fmla="*/ 1 h 5712"/>
                <a:gd name="T52" fmla="*/ 2739 w 5934"/>
                <a:gd name="T53" fmla="*/ 8 h 5712"/>
                <a:gd name="T54" fmla="*/ 2370 w 5934"/>
                <a:gd name="T55" fmla="*/ 58 h 5712"/>
                <a:gd name="T56" fmla="*/ 2017 w 5934"/>
                <a:gd name="T57" fmla="*/ 150 h 5712"/>
                <a:gd name="T58" fmla="*/ 1681 w 5934"/>
                <a:gd name="T59" fmla="*/ 282 h 5712"/>
                <a:gd name="T60" fmla="*/ 1368 w 5934"/>
                <a:gd name="T61" fmla="*/ 450 h 5712"/>
                <a:gd name="T62" fmla="*/ 1080 w 5934"/>
                <a:gd name="T63" fmla="*/ 653 h 5712"/>
                <a:gd name="T64" fmla="*/ 820 w 5934"/>
                <a:gd name="T65" fmla="*/ 886 h 5712"/>
                <a:gd name="T66" fmla="*/ 590 w 5934"/>
                <a:gd name="T67" fmla="*/ 1148 h 5712"/>
                <a:gd name="T68" fmla="*/ 393 w 5934"/>
                <a:gd name="T69" fmla="*/ 1435 h 5712"/>
                <a:gd name="T70" fmla="*/ 233 w 5934"/>
                <a:gd name="T71" fmla="*/ 1745 h 5712"/>
                <a:gd name="T72" fmla="*/ 112 w 5934"/>
                <a:gd name="T73" fmla="*/ 2075 h 5712"/>
                <a:gd name="T74" fmla="*/ 33 w 5934"/>
                <a:gd name="T75" fmla="*/ 2422 h 5712"/>
                <a:gd name="T76" fmla="*/ 1 w 5934"/>
                <a:gd name="T77" fmla="*/ 2783 h 5712"/>
                <a:gd name="T78" fmla="*/ 9 w 5934"/>
                <a:gd name="T79" fmla="*/ 3075 h 5712"/>
                <a:gd name="T80" fmla="*/ 60 w 5934"/>
                <a:gd name="T81" fmla="*/ 3431 h 5712"/>
                <a:gd name="T82" fmla="*/ 156 w 5934"/>
                <a:gd name="T83" fmla="*/ 3771 h 5712"/>
                <a:gd name="T84" fmla="*/ 293 w 5934"/>
                <a:gd name="T85" fmla="*/ 4094 h 5712"/>
                <a:gd name="T86" fmla="*/ 468 w 5934"/>
                <a:gd name="T87" fmla="*/ 4395 h 5712"/>
                <a:gd name="T88" fmla="*/ 678 w 5934"/>
                <a:gd name="T89" fmla="*/ 4672 h 5712"/>
                <a:gd name="T90" fmla="*/ 921 w 5934"/>
                <a:gd name="T91" fmla="*/ 4923 h 5712"/>
                <a:gd name="T92" fmla="*/ 1192 w 5934"/>
                <a:gd name="T93" fmla="*/ 5144 h 5712"/>
                <a:gd name="T94" fmla="*/ 1491 w 5934"/>
                <a:gd name="T95" fmla="*/ 5333 h 5712"/>
                <a:gd name="T96" fmla="*/ 1813 w 5934"/>
                <a:gd name="T97" fmla="*/ 5488 h 5712"/>
                <a:gd name="T98" fmla="*/ 2156 w 5934"/>
                <a:gd name="T99" fmla="*/ 5604 h 5712"/>
                <a:gd name="T100" fmla="*/ 2516 w 5934"/>
                <a:gd name="T101" fmla="*/ 5680 h 5712"/>
                <a:gd name="T102" fmla="*/ 2891 w 5934"/>
                <a:gd name="T103" fmla="*/ 5711 h 57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34" h="5712">
                  <a:moveTo>
                    <a:pt x="2967" y="5712"/>
                  </a:moveTo>
                  <a:lnTo>
                    <a:pt x="2967" y="5712"/>
                  </a:lnTo>
                  <a:lnTo>
                    <a:pt x="3043" y="5711"/>
                  </a:lnTo>
                  <a:lnTo>
                    <a:pt x="3119" y="5709"/>
                  </a:lnTo>
                  <a:lnTo>
                    <a:pt x="3195" y="5704"/>
                  </a:lnTo>
                  <a:lnTo>
                    <a:pt x="3270" y="5697"/>
                  </a:lnTo>
                  <a:lnTo>
                    <a:pt x="3344" y="5690"/>
                  </a:lnTo>
                  <a:lnTo>
                    <a:pt x="3418" y="5680"/>
                  </a:lnTo>
                  <a:lnTo>
                    <a:pt x="3492" y="5668"/>
                  </a:lnTo>
                  <a:lnTo>
                    <a:pt x="3564" y="5654"/>
                  </a:lnTo>
                  <a:lnTo>
                    <a:pt x="3637" y="5639"/>
                  </a:lnTo>
                  <a:lnTo>
                    <a:pt x="3707" y="5623"/>
                  </a:lnTo>
                  <a:lnTo>
                    <a:pt x="3778" y="5604"/>
                  </a:lnTo>
                  <a:lnTo>
                    <a:pt x="3849" y="5584"/>
                  </a:lnTo>
                  <a:lnTo>
                    <a:pt x="3917" y="5562"/>
                  </a:lnTo>
                  <a:lnTo>
                    <a:pt x="3987" y="5539"/>
                  </a:lnTo>
                  <a:lnTo>
                    <a:pt x="4054" y="5514"/>
                  </a:lnTo>
                  <a:lnTo>
                    <a:pt x="4121" y="5488"/>
                  </a:lnTo>
                  <a:lnTo>
                    <a:pt x="4187" y="5460"/>
                  </a:lnTo>
                  <a:lnTo>
                    <a:pt x="4252" y="5431"/>
                  </a:lnTo>
                  <a:lnTo>
                    <a:pt x="4316" y="5399"/>
                  </a:lnTo>
                  <a:lnTo>
                    <a:pt x="4380" y="5367"/>
                  </a:lnTo>
                  <a:lnTo>
                    <a:pt x="4443" y="5333"/>
                  </a:lnTo>
                  <a:lnTo>
                    <a:pt x="4505" y="5299"/>
                  </a:lnTo>
                  <a:lnTo>
                    <a:pt x="4565" y="5262"/>
                  </a:lnTo>
                  <a:lnTo>
                    <a:pt x="4625" y="5224"/>
                  </a:lnTo>
                  <a:lnTo>
                    <a:pt x="4683" y="5184"/>
                  </a:lnTo>
                  <a:lnTo>
                    <a:pt x="4742" y="5144"/>
                  </a:lnTo>
                  <a:lnTo>
                    <a:pt x="4798" y="5102"/>
                  </a:lnTo>
                  <a:lnTo>
                    <a:pt x="4854" y="5059"/>
                  </a:lnTo>
                  <a:lnTo>
                    <a:pt x="4908" y="5015"/>
                  </a:lnTo>
                  <a:lnTo>
                    <a:pt x="4961" y="4969"/>
                  </a:lnTo>
                  <a:lnTo>
                    <a:pt x="5013" y="4923"/>
                  </a:lnTo>
                  <a:lnTo>
                    <a:pt x="5065" y="4875"/>
                  </a:lnTo>
                  <a:lnTo>
                    <a:pt x="5114" y="4826"/>
                  </a:lnTo>
                  <a:lnTo>
                    <a:pt x="5162" y="4776"/>
                  </a:lnTo>
                  <a:lnTo>
                    <a:pt x="5209" y="4724"/>
                  </a:lnTo>
                  <a:lnTo>
                    <a:pt x="5255" y="4672"/>
                  </a:lnTo>
                  <a:lnTo>
                    <a:pt x="5300" y="4618"/>
                  </a:lnTo>
                  <a:lnTo>
                    <a:pt x="5344" y="4564"/>
                  </a:lnTo>
                  <a:lnTo>
                    <a:pt x="5385" y="4508"/>
                  </a:lnTo>
                  <a:lnTo>
                    <a:pt x="5427" y="4452"/>
                  </a:lnTo>
                  <a:lnTo>
                    <a:pt x="5466" y="4395"/>
                  </a:lnTo>
                  <a:lnTo>
                    <a:pt x="5504" y="4337"/>
                  </a:lnTo>
                  <a:lnTo>
                    <a:pt x="5540" y="4277"/>
                  </a:lnTo>
                  <a:lnTo>
                    <a:pt x="5575" y="4217"/>
                  </a:lnTo>
                  <a:lnTo>
                    <a:pt x="5609" y="4155"/>
                  </a:lnTo>
                  <a:lnTo>
                    <a:pt x="5641" y="4094"/>
                  </a:lnTo>
                  <a:lnTo>
                    <a:pt x="5672" y="4031"/>
                  </a:lnTo>
                  <a:lnTo>
                    <a:pt x="5701" y="3967"/>
                  </a:lnTo>
                  <a:lnTo>
                    <a:pt x="5728" y="3902"/>
                  </a:lnTo>
                  <a:lnTo>
                    <a:pt x="5753" y="3838"/>
                  </a:lnTo>
                  <a:lnTo>
                    <a:pt x="5778" y="3771"/>
                  </a:lnTo>
                  <a:lnTo>
                    <a:pt x="5801" y="3705"/>
                  </a:lnTo>
                  <a:lnTo>
                    <a:pt x="5822" y="3637"/>
                  </a:lnTo>
                  <a:lnTo>
                    <a:pt x="5841" y="3569"/>
                  </a:lnTo>
                  <a:lnTo>
                    <a:pt x="5858" y="3501"/>
                  </a:lnTo>
                  <a:lnTo>
                    <a:pt x="5873" y="3431"/>
                  </a:lnTo>
                  <a:lnTo>
                    <a:pt x="5888" y="3361"/>
                  </a:lnTo>
                  <a:lnTo>
                    <a:pt x="5900" y="3290"/>
                  </a:lnTo>
                  <a:lnTo>
                    <a:pt x="5910" y="3219"/>
                  </a:lnTo>
                  <a:lnTo>
                    <a:pt x="5918" y="3148"/>
                  </a:lnTo>
                  <a:lnTo>
                    <a:pt x="5925" y="3075"/>
                  </a:lnTo>
                  <a:lnTo>
                    <a:pt x="5931" y="3003"/>
                  </a:lnTo>
                  <a:lnTo>
                    <a:pt x="5933" y="2930"/>
                  </a:lnTo>
                  <a:lnTo>
                    <a:pt x="5934" y="2856"/>
                  </a:lnTo>
                  <a:lnTo>
                    <a:pt x="5934" y="2856"/>
                  </a:lnTo>
                  <a:lnTo>
                    <a:pt x="5933" y="2783"/>
                  </a:lnTo>
                  <a:lnTo>
                    <a:pt x="5931" y="2709"/>
                  </a:lnTo>
                  <a:lnTo>
                    <a:pt x="5925" y="2637"/>
                  </a:lnTo>
                  <a:lnTo>
                    <a:pt x="5918" y="2564"/>
                  </a:lnTo>
                  <a:lnTo>
                    <a:pt x="5910" y="2493"/>
                  </a:lnTo>
                  <a:lnTo>
                    <a:pt x="5900" y="2422"/>
                  </a:lnTo>
                  <a:lnTo>
                    <a:pt x="5888" y="2351"/>
                  </a:lnTo>
                  <a:lnTo>
                    <a:pt x="5873" y="2282"/>
                  </a:lnTo>
                  <a:lnTo>
                    <a:pt x="5858" y="2211"/>
                  </a:lnTo>
                  <a:lnTo>
                    <a:pt x="5841" y="2143"/>
                  </a:lnTo>
                  <a:lnTo>
                    <a:pt x="5822" y="2075"/>
                  </a:lnTo>
                  <a:lnTo>
                    <a:pt x="5801" y="2007"/>
                  </a:lnTo>
                  <a:lnTo>
                    <a:pt x="5778" y="1941"/>
                  </a:lnTo>
                  <a:lnTo>
                    <a:pt x="5753" y="1874"/>
                  </a:lnTo>
                  <a:lnTo>
                    <a:pt x="5728" y="1810"/>
                  </a:lnTo>
                  <a:lnTo>
                    <a:pt x="5701" y="1745"/>
                  </a:lnTo>
                  <a:lnTo>
                    <a:pt x="5672" y="1681"/>
                  </a:lnTo>
                  <a:lnTo>
                    <a:pt x="5641" y="1619"/>
                  </a:lnTo>
                  <a:lnTo>
                    <a:pt x="5609" y="1557"/>
                  </a:lnTo>
                  <a:lnTo>
                    <a:pt x="5575" y="1495"/>
                  </a:lnTo>
                  <a:lnTo>
                    <a:pt x="5540" y="1435"/>
                  </a:lnTo>
                  <a:lnTo>
                    <a:pt x="5504" y="1376"/>
                  </a:lnTo>
                  <a:lnTo>
                    <a:pt x="5466" y="1317"/>
                  </a:lnTo>
                  <a:lnTo>
                    <a:pt x="5427" y="1260"/>
                  </a:lnTo>
                  <a:lnTo>
                    <a:pt x="5385" y="1204"/>
                  </a:lnTo>
                  <a:lnTo>
                    <a:pt x="5344" y="1148"/>
                  </a:lnTo>
                  <a:lnTo>
                    <a:pt x="5300" y="1094"/>
                  </a:lnTo>
                  <a:lnTo>
                    <a:pt x="5255" y="1040"/>
                  </a:lnTo>
                  <a:lnTo>
                    <a:pt x="5209" y="988"/>
                  </a:lnTo>
                  <a:lnTo>
                    <a:pt x="5162" y="936"/>
                  </a:lnTo>
                  <a:lnTo>
                    <a:pt x="5114" y="886"/>
                  </a:lnTo>
                  <a:lnTo>
                    <a:pt x="5065" y="838"/>
                  </a:lnTo>
                  <a:lnTo>
                    <a:pt x="5013" y="789"/>
                  </a:lnTo>
                  <a:lnTo>
                    <a:pt x="4961" y="743"/>
                  </a:lnTo>
                  <a:lnTo>
                    <a:pt x="4908" y="697"/>
                  </a:lnTo>
                  <a:lnTo>
                    <a:pt x="4854" y="653"/>
                  </a:lnTo>
                  <a:lnTo>
                    <a:pt x="4798" y="610"/>
                  </a:lnTo>
                  <a:lnTo>
                    <a:pt x="4742" y="568"/>
                  </a:lnTo>
                  <a:lnTo>
                    <a:pt x="4683" y="528"/>
                  </a:lnTo>
                  <a:lnTo>
                    <a:pt x="4625" y="488"/>
                  </a:lnTo>
                  <a:lnTo>
                    <a:pt x="4565" y="450"/>
                  </a:lnTo>
                  <a:lnTo>
                    <a:pt x="4505" y="413"/>
                  </a:lnTo>
                  <a:lnTo>
                    <a:pt x="4443" y="379"/>
                  </a:lnTo>
                  <a:lnTo>
                    <a:pt x="4380" y="345"/>
                  </a:lnTo>
                  <a:lnTo>
                    <a:pt x="4316" y="313"/>
                  </a:lnTo>
                  <a:lnTo>
                    <a:pt x="4252" y="282"/>
                  </a:lnTo>
                  <a:lnTo>
                    <a:pt x="4187" y="252"/>
                  </a:lnTo>
                  <a:lnTo>
                    <a:pt x="4121" y="224"/>
                  </a:lnTo>
                  <a:lnTo>
                    <a:pt x="4054" y="198"/>
                  </a:lnTo>
                  <a:lnTo>
                    <a:pt x="3987" y="174"/>
                  </a:lnTo>
                  <a:lnTo>
                    <a:pt x="3917" y="150"/>
                  </a:lnTo>
                  <a:lnTo>
                    <a:pt x="3849" y="128"/>
                  </a:lnTo>
                  <a:lnTo>
                    <a:pt x="3778" y="108"/>
                  </a:lnTo>
                  <a:lnTo>
                    <a:pt x="3707" y="89"/>
                  </a:lnTo>
                  <a:lnTo>
                    <a:pt x="3637" y="73"/>
                  </a:lnTo>
                  <a:lnTo>
                    <a:pt x="3564" y="58"/>
                  </a:lnTo>
                  <a:lnTo>
                    <a:pt x="3492" y="44"/>
                  </a:lnTo>
                  <a:lnTo>
                    <a:pt x="3418" y="32"/>
                  </a:lnTo>
                  <a:lnTo>
                    <a:pt x="3344" y="22"/>
                  </a:lnTo>
                  <a:lnTo>
                    <a:pt x="3270" y="15"/>
                  </a:lnTo>
                  <a:lnTo>
                    <a:pt x="3195" y="8"/>
                  </a:lnTo>
                  <a:lnTo>
                    <a:pt x="3119" y="3"/>
                  </a:lnTo>
                  <a:lnTo>
                    <a:pt x="3043" y="1"/>
                  </a:lnTo>
                  <a:lnTo>
                    <a:pt x="2967" y="0"/>
                  </a:lnTo>
                  <a:lnTo>
                    <a:pt x="2967" y="0"/>
                  </a:lnTo>
                  <a:lnTo>
                    <a:pt x="2891" y="1"/>
                  </a:lnTo>
                  <a:lnTo>
                    <a:pt x="2814" y="3"/>
                  </a:lnTo>
                  <a:lnTo>
                    <a:pt x="2739" y="8"/>
                  </a:lnTo>
                  <a:lnTo>
                    <a:pt x="2664" y="15"/>
                  </a:lnTo>
                  <a:lnTo>
                    <a:pt x="2590" y="22"/>
                  </a:lnTo>
                  <a:lnTo>
                    <a:pt x="2516" y="32"/>
                  </a:lnTo>
                  <a:lnTo>
                    <a:pt x="2442" y="44"/>
                  </a:lnTo>
                  <a:lnTo>
                    <a:pt x="2370" y="58"/>
                  </a:lnTo>
                  <a:lnTo>
                    <a:pt x="2297" y="73"/>
                  </a:lnTo>
                  <a:lnTo>
                    <a:pt x="2226" y="89"/>
                  </a:lnTo>
                  <a:lnTo>
                    <a:pt x="2156" y="108"/>
                  </a:lnTo>
                  <a:lnTo>
                    <a:pt x="2085" y="128"/>
                  </a:lnTo>
                  <a:lnTo>
                    <a:pt x="2017" y="150"/>
                  </a:lnTo>
                  <a:lnTo>
                    <a:pt x="1947" y="174"/>
                  </a:lnTo>
                  <a:lnTo>
                    <a:pt x="1880" y="198"/>
                  </a:lnTo>
                  <a:lnTo>
                    <a:pt x="1813" y="224"/>
                  </a:lnTo>
                  <a:lnTo>
                    <a:pt x="1746" y="252"/>
                  </a:lnTo>
                  <a:lnTo>
                    <a:pt x="1681" y="282"/>
                  </a:lnTo>
                  <a:lnTo>
                    <a:pt x="1617" y="313"/>
                  </a:lnTo>
                  <a:lnTo>
                    <a:pt x="1553" y="345"/>
                  </a:lnTo>
                  <a:lnTo>
                    <a:pt x="1491" y="379"/>
                  </a:lnTo>
                  <a:lnTo>
                    <a:pt x="1429" y="413"/>
                  </a:lnTo>
                  <a:lnTo>
                    <a:pt x="1368" y="450"/>
                  </a:lnTo>
                  <a:lnTo>
                    <a:pt x="1309" y="488"/>
                  </a:lnTo>
                  <a:lnTo>
                    <a:pt x="1251" y="528"/>
                  </a:lnTo>
                  <a:lnTo>
                    <a:pt x="1192" y="568"/>
                  </a:lnTo>
                  <a:lnTo>
                    <a:pt x="1136" y="610"/>
                  </a:lnTo>
                  <a:lnTo>
                    <a:pt x="1080" y="653"/>
                  </a:lnTo>
                  <a:lnTo>
                    <a:pt x="1026" y="697"/>
                  </a:lnTo>
                  <a:lnTo>
                    <a:pt x="972" y="743"/>
                  </a:lnTo>
                  <a:lnTo>
                    <a:pt x="921" y="789"/>
                  </a:lnTo>
                  <a:lnTo>
                    <a:pt x="870" y="838"/>
                  </a:lnTo>
                  <a:lnTo>
                    <a:pt x="820" y="886"/>
                  </a:lnTo>
                  <a:lnTo>
                    <a:pt x="772" y="936"/>
                  </a:lnTo>
                  <a:lnTo>
                    <a:pt x="724" y="988"/>
                  </a:lnTo>
                  <a:lnTo>
                    <a:pt x="678" y="1040"/>
                  </a:lnTo>
                  <a:lnTo>
                    <a:pt x="634" y="1094"/>
                  </a:lnTo>
                  <a:lnTo>
                    <a:pt x="590" y="1148"/>
                  </a:lnTo>
                  <a:lnTo>
                    <a:pt x="548" y="1204"/>
                  </a:lnTo>
                  <a:lnTo>
                    <a:pt x="507" y="1260"/>
                  </a:lnTo>
                  <a:lnTo>
                    <a:pt x="468" y="1317"/>
                  </a:lnTo>
                  <a:lnTo>
                    <a:pt x="429" y="1376"/>
                  </a:lnTo>
                  <a:lnTo>
                    <a:pt x="393" y="1435"/>
                  </a:lnTo>
                  <a:lnTo>
                    <a:pt x="359" y="1495"/>
                  </a:lnTo>
                  <a:lnTo>
                    <a:pt x="325" y="1557"/>
                  </a:lnTo>
                  <a:lnTo>
                    <a:pt x="293" y="1619"/>
                  </a:lnTo>
                  <a:lnTo>
                    <a:pt x="262" y="1681"/>
                  </a:lnTo>
                  <a:lnTo>
                    <a:pt x="233" y="1745"/>
                  </a:lnTo>
                  <a:lnTo>
                    <a:pt x="206" y="1810"/>
                  </a:lnTo>
                  <a:lnTo>
                    <a:pt x="180" y="1874"/>
                  </a:lnTo>
                  <a:lnTo>
                    <a:pt x="156" y="1941"/>
                  </a:lnTo>
                  <a:lnTo>
                    <a:pt x="133" y="2007"/>
                  </a:lnTo>
                  <a:lnTo>
                    <a:pt x="112" y="2075"/>
                  </a:lnTo>
                  <a:lnTo>
                    <a:pt x="93" y="2143"/>
                  </a:lnTo>
                  <a:lnTo>
                    <a:pt x="76" y="2211"/>
                  </a:lnTo>
                  <a:lnTo>
                    <a:pt x="60" y="2282"/>
                  </a:lnTo>
                  <a:lnTo>
                    <a:pt x="46" y="2351"/>
                  </a:lnTo>
                  <a:lnTo>
                    <a:pt x="33" y="2422"/>
                  </a:lnTo>
                  <a:lnTo>
                    <a:pt x="23" y="2493"/>
                  </a:lnTo>
                  <a:lnTo>
                    <a:pt x="15" y="2564"/>
                  </a:lnTo>
                  <a:lnTo>
                    <a:pt x="9" y="2637"/>
                  </a:lnTo>
                  <a:lnTo>
                    <a:pt x="3" y="2709"/>
                  </a:lnTo>
                  <a:lnTo>
                    <a:pt x="1" y="2783"/>
                  </a:lnTo>
                  <a:lnTo>
                    <a:pt x="0" y="2856"/>
                  </a:lnTo>
                  <a:lnTo>
                    <a:pt x="0" y="2856"/>
                  </a:lnTo>
                  <a:lnTo>
                    <a:pt x="1" y="2930"/>
                  </a:lnTo>
                  <a:lnTo>
                    <a:pt x="3" y="3003"/>
                  </a:lnTo>
                  <a:lnTo>
                    <a:pt x="9" y="3075"/>
                  </a:lnTo>
                  <a:lnTo>
                    <a:pt x="15" y="3148"/>
                  </a:lnTo>
                  <a:lnTo>
                    <a:pt x="23" y="3219"/>
                  </a:lnTo>
                  <a:lnTo>
                    <a:pt x="33" y="3290"/>
                  </a:lnTo>
                  <a:lnTo>
                    <a:pt x="46" y="3361"/>
                  </a:lnTo>
                  <a:lnTo>
                    <a:pt x="60" y="3431"/>
                  </a:lnTo>
                  <a:lnTo>
                    <a:pt x="76" y="3501"/>
                  </a:lnTo>
                  <a:lnTo>
                    <a:pt x="93" y="3569"/>
                  </a:lnTo>
                  <a:lnTo>
                    <a:pt x="112" y="3637"/>
                  </a:lnTo>
                  <a:lnTo>
                    <a:pt x="133" y="3705"/>
                  </a:lnTo>
                  <a:lnTo>
                    <a:pt x="156" y="3771"/>
                  </a:lnTo>
                  <a:lnTo>
                    <a:pt x="180" y="3838"/>
                  </a:lnTo>
                  <a:lnTo>
                    <a:pt x="206" y="3902"/>
                  </a:lnTo>
                  <a:lnTo>
                    <a:pt x="233" y="3967"/>
                  </a:lnTo>
                  <a:lnTo>
                    <a:pt x="262" y="4031"/>
                  </a:lnTo>
                  <a:lnTo>
                    <a:pt x="293" y="4094"/>
                  </a:lnTo>
                  <a:lnTo>
                    <a:pt x="325" y="4155"/>
                  </a:lnTo>
                  <a:lnTo>
                    <a:pt x="359" y="4217"/>
                  </a:lnTo>
                  <a:lnTo>
                    <a:pt x="393" y="4277"/>
                  </a:lnTo>
                  <a:lnTo>
                    <a:pt x="429" y="4337"/>
                  </a:lnTo>
                  <a:lnTo>
                    <a:pt x="468" y="4395"/>
                  </a:lnTo>
                  <a:lnTo>
                    <a:pt x="507" y="4452"/>
                  </a:lnTo>
                  <a:lnTo>
                    <a:pt x="548" y="4508"/>
                  </a:lnTo>
                  <a:lnTo>
                    <a:pt x="590" y="4564"/>
                  </a:lnTo>
                  <a:lnTo>
                    <a:pt x="634" y="4618"/>
                  </a:lnTo>
                  <a:lnTo>
                    <a:pt x="678" y="4672"/>
                  </a:lnTo>
                  <a:lnTo>
                    <a:pt x="724" y="4724"/>
                  </a:lnTo>
                  <a:lnTo>
                    <a:pt x="772" y="4776"/>
                  </a:lnTo>
                  <a:lnTo>
                    <a:pt x="820" y="4826"/>
                  </a:lnTo>
                  <a:lnTo>
                    <a:pt x="870" y="4875"/>
                  </a:lnTo>
                  <a:lnTo>
                    <a:pt x="921" y="4923"/>
                  </a:lnTo>
                  <a:lnTo>
                    <a:pt x="972" y="4969"/>
                  </a:lnTo>
                  <a:lnTo>
                    <a:pt x="1026" y="5015"/>
                  </a:lnTo>
                  <a:lnTo>
                    <a:pt x="1080" y="5059"/>
                  </a:lnTo>
                  <a:lnTo>
                    <a:pt x="1136" y="5102"/>
                  </a:lnTo>
                  <a:lnTo>
                    <a:pt x="1192" y="5144"/>
                  </a:lnTo>
                  <a:lnTo>
                    <a:pt x="1251" y="5184"/>
                  </a:lnTo>
                  <a:lnTo>
                    <a:pt x="1309" y="5224"/>
                  </a:lnTo>
                  <a:lnTo>
                    <a:pt x="1368" y="5262"/>
                  </a:lnTo>
                  <a:lnTo>
                    <a:pt x="1429" y="5299"/>
                  </a:lnTo>
                  <a:lnTo>
                    <a:pt x="1491" y="5333"/>
                  </a:lnTo>
                  <a:lnTo>
                    <a:pt x="1553" y="5367"/>
                  </a:lnTo>
                  <a:lnTo>
                    <a:pt x="1617" y="5399"/>
                  </a:lnTo>
                  <a:lnTo>
                    <a:pt x="1681" y="5431"/>
                  </a:lnTo>
                  <a:lnTo>
                    <a:pt x="1746" y="5460"/>
                  </a:lnTo>
                  <a:lnTo>
                    <a:pt x="1813" y="5488"/>
                  </a:lnTo>
                  <a:lnTo>
                    <a:pt x="1880" y="5514"/>
                  </a:lnTo>
                  <a:lnTo>
                    <a:pt x="1947" y="5539"/>
                  </a:lnTo>
                  <a:lnTo>
                    <a:pt x="2017" y="5562"/>
                  </a:lnTo>
                  <a:lnTo>
                    <a:pt x="2085" y="5584"/>
                  </a:lnTo>
                  <a:lnTo>
                    <a:pt x="2156" y="5604"/>
                  </a:lnTo>
                  <a:lnTo>
                    <a:pt x="2226" y="5623"/>
                  </a:lnTo>
                  <a:lnTo>
                    <a:pt x="2297" y="5639"/>
                  </a:lnTo>
                  <a:lnTo>
                    <a:pt x="2370" y="5654"/>
                  </a:lnTo>
                  <a:lnTo>
                    <a:pt x="2442" y="5668"/>
                  </a:lnTo>
                  <a:lnTo>
                    <a:pt x="2516" y="5680"/>
                  </a:lnTo>
                  <a:lnTo>
                    <a:pt x="2590" y="5690"/>
                  </a:lnTo>
                  <a:lnTo>
                    <a:pt x="2664" y="5697"/>
                  </a:lnTo>
                  <a:lnTo>
                    <a:pt x="2739" y="5704"/>
                  </a:lnTo>
                  <a:lnTo>
                    <a:pt x="2814" y="5709"/>
                  </a:lnTo>
                  <a:lnTo>
                    <a:pt x="2891" y="5711"/>
                  </a:lnTo>
                  <a:lnTo>
                    <a:pt x="2967" y="5712"/>
                  </a:lnTo>
                  <a:close/>
                </a:path>
              </a:pathLst>
            </a:custGeom>
            <a:solidFill>
              <a:schemeClr val="bg1">
                <a:lumMod val="95000"/>
              </a:schemeClr>
            </a:solidFill>
            <a:ln w="57150">
              <a:solidFill>
                <a:srgbClr val="7BA21A"/>
              </a:solidFill>
            </a:ln>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6" name="Freeform 283">
              <a:extLst>
                <a:ext uri="{FF2B5EF4-FFF2-40B4-BE49-F238E27FC236}">
                  <a16:creationId xmlns:a16="http://schemas.microsoft.com/office/drawing/2014/main" xmlns="" id="{79DC7008-70DC-7641-BB78-31395F3E8E08}"/>
                </a:ext>
              </a:extLst>
            </p:cNvPr>
            <p:cNvSpPr>
              <a:spLocks/>
            </p:cNvSpPr>
            <p:nvPr/>
          </p:nvSpPr>
          <p:spPr bwMode="auto">
            <a:xfrm flipH="1">
              <a:off x="6600056" y="692261"/>
              <a:ext cx="5192436" cy="5205985"/>
            </a:xfrm>
            <a:custGeom>
              <a:avLst/>
              <a:gdLst>
                <a:gd name="T0" fmla="*/ 3195 w 5934"/>
                <a:gd name="T1" fmla="*/ 5704 h 5712"/>
                <a:gd name="T2" fmla="*/ 3564 w 5934"/>
                <a:gd name="T3" fmla="*/ 5654 h 5712"/>
                <a:gd name="T4" fmla="*/ 3917 w 5934"/>
                <a:gd name="T5" fmla="*/ 5562 h 5712"/>
                <a:gd name="T6" fmla="*/ 4252 w 5934"/>
                <a:gd name="T7" fmla="*/ 5431 h 5712"/>
                <a:gd name="T8" fmla="*/ 4565 w 5934"/>
                <a:gd name="T9" fmla="*/ 5262 h 5712"/>
                <a:gd name="T10" fmla="*/ 4854 w 5934"/>
                <a:gd name="T11" fmla="*/ 5059 h 5712"/>
                <a:gd name="T12" fmla="*/ 5114 w 5934"/>
                <a:gd name="T13" fmla="*/ 4826 h 5712"/>
                <a:gd name="T14" fmla="*/ 5344 w 5934"/>
                <a:gd name="T15" fmla="*/ 4564 h 5712"/>
                <a:gd name="T16" fmla="*/ 5540 w 5934"/>
                <a:gd name="T17" fmla="*/ 4277 h 5712"/>
                <a:gd name="T18" fmla="*/ 5701 w 5934"/>
                <a:gd name="T19" fmla="*/ 3967 h 5712"/>
                <a:gd name="T20" fmla="*/ 5822 w 5934"/>
                <a:gd name="T21" fmla="*/ 3637 h 5712"/>
                <a:gd name="T22" fmla="*/ 5900 w 5934"/>
                <a:gd name="T23" fmla="*/ 3290 h 5712"/>
                <a:gd name="T24" fmla="*/ 5933 w 5934"/>
                <a:gd name="T25" fmla="*/ 2930 h 5712"/>
                <a:gd name="T26" fmla="*/ 5925 w 5934"/>
                <a:gd name="T27" fmla="*/ 2637 h 5712"/>
                <a:gd name="T28" fmla="*/ 5873 w 5934"/>
                <a:gd name="T29" fmla="*/ 2282 h 5712"/>
                <a:gd name="T30" fmla="*/ 5778 w 5934"/>
                <a:gd name="T31" fmla="*/ 1941 h 5712"/>
                <a:gd name="T32" fmla="*/ 5641 w 5934"/>
                <a:gd name="T33" fmla="*/ 1619 h 5712"/>
                <a:gd name="T34" fmla="*/ 5466 w 5934"/>
                <a:gd name="T35" fmla="*/ 1317 h 5712"/>
                <a:gd name="T36" fmla="*/ 5255 w 5934"/>
                <a:gd name="T37" fmla="*/ 1040 h 5712"/>
                <a:gd name="T38" fmla="*/ 5013 w 5934"/>
                <a:gd name="T39" fmla="*/ 789 h 5712"/>
                <a:gd name="T40" fmla="*/ 4742 w 5934"/>
                <a:gd name="T41" fmla="*/ 568 h 5712"/>
                <a:gd name="T42" fmla="*/ 4443 w 5934"/>
                <a:gd name="T43" fmla="*/ 379 h 5712"/>
                <a:gd name="T44" fmla="*/ 4121 w 5934"/>
                <a:gd name="T45" fmla="*/ 224 h 5712"/>
                <a:gd name="T46" fmla="*/ 3778 w 5934"/>
                <a:gd name="T47" fmla="*/ 108 h 5712"/>
                <a:gd name="T48" fmla="*/ 3418 w 5934"/>
                <a:gd name="T49" fmla="*/ 32 h 5712"/>
                <a:gd name="T50" fmla="*/ 3043 w 5934"/>
                <a:gd name="T51" fmla="*/ 1 h 5712"/>
                <a:gd name="T52" fmla="*/ 2739 w 5934"/>
                <a:gd name="T53" fmla="*/ 8 h 5712"/>
                <a:gd name="T54" fmla="*/ 2370 w 5934"/>
                <a:gd name="T55" fmla="*/ 58 h 5712"/>
                <a:gd name="T56" fmla="*/ 2017 w 5934"/>
                <a:gd name="T57" fmla="*/ 150 h 5712"/>
                <a:gd name="T58" fmla="*/ 1681 w 5934"/>
                <a:gd name="T59" fmla="*/ 282 h 5712"/>
                <a:gd name="T60" fmla="*/ 1368 w 5934"/>
                <a:gd name="T61" fmla="*/ 450 h 5712"/>
                <a:gd name="T62" fmla="*/ 1080 w 5934"/>
                <a:gd name="T63" fmla="*/ 653 h 5712"/>
                <a:gd name="T64" fmla="*/ 820 w 5934"/>
                <a:gd name="T65" fmla="*/ 886 h 5712"/>
                <a:gd name="T66" fmla="*/ 590 w 5934"/>
                <a:gd name="T67" fmla="*/ 1148 h 5712"/>
                <a:gd name="T68" fmla="*/ 393 w 5934"/>
                <a:gd name="T69" fmla="*/ 1435 h 5712"/>
                <a:gd name="T70" fmla="*/ 233 w 5934"/>
                <a:gd name="T71" fmla="*/ 1745 h 5712"/>
                <a:gd name="T72" fmla="*/ 112 w 5934"/>
                <a:gd name="T73" fmla="*/ 2075 h 5712"/>
                <a:gd name="T74" fmla="*/ 33 w 5934"/>
                <a:gd name="T75" fmla="*/ 2422 h 5712"/>
                <a:gd name="T76" fmla="*/ 1 w 5934"/>
                <a:gd name="T77" fmla="*/ 2783 h 5712"/>
                <a:gd name="T78" fmla="*/ 9 w 5934"/>
                <a:gd name="T79" fmla="*/ 3075 h 5712"/>
                <a:gd name="T80" fmla="*/ 60 w 5934"/>
                <a:gd name="T81" fmla="*/ 3431 h 5712"/>
                <a:gd name="T82" fmla="*/ 156 w 5934"/>
                <a:gd name="T83" fmla="*/ 3771 h 5712"/>
                <a:gd name="T84" fmla="*/ 293 w 5934"/>
                <a:gd name="T85" fmla="*/ 4094 h 5712"/>
                <a:gd name="T86" fmla="*/ 468 w 5934"/>
                <a:gd name="T87" fmla="*/ 4395 h 5712"/>
                <a:gd name="T88" fmla="*/ 678 w 5934"/>
                <a:gd name="T89" fmla="*/ 4672 h 5712"/>
                <a:gd name="T90" fmla="*/ 921 w 5934"/>
                <a:gd name="T91" fmla="*/ 4923 h 5712"/>
                <a:gd name="T92" fmla="*/ 1192 w 5934"/>
                <a:gd name="T93" fmla="*/ 5144 h 5712"/>
                <a:gd name="T94" fmla="*/ 1491 w 5934"/>
                <a:gd name="T95" fmla="*/ 5333 h 5712"/>
                <a:gd name="T96" fmla="*/ 1813 w 5934"/>
                <a:gd name="T97" fmla="*/ 5488 h 5712"/>
                <a:gd name="T98" fmla="*/ 2156 w 5934"/>
                <a:gd name="T99" fmla="*/ 5604 h 5712"/>
                <a:gd name="T100" fmla="*/ 2516 w 5934"/>
                <a:gd name="T101" fmla="*/ 5680 h 5712"/>
                <a:gd name="T102" fmla="*/ 2891 w 5934"/>
                <a:gd name="T103" fmla="*/ 5711 h 57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34" h="5712">
                  <a:moveTo>
                    <a:pt x="2967" y="5712"/>
                  </a:moveTo>
                  <a:lnTo>
                    <a:pt x="2967" y="5712"/>
                  </a:lnTo>
                  <a:lnTo>
                    <a:pt x="3043" y="5711"/>
                  </a:lnTo>
                  <a:lnTo>
                    <a:pt x="3119" y="5709"/>
                  </a:lnTo>
                  <a:lnTo>
                    <a:pt x="3195" y="5704"/>
                  </a:lnTo>
                  <a:lnTo>
                    <a:pt x="3270" y="5697"/>
                  </a:lnTo>
                  <a:lnTo>
                    <a:pt x="3344" y="5690"/>
                  </a:lnTo>
                  <a:lnTo>
                    <a:pt x="3418" y="5680"/>
                  </a:lnTo>
                  <a:lnTo>
                    <a:pt x="3492" y="5668"/>
                  </a:lnTo>
                  <a:lnTo>
                    <a:pt x="3564" y="5654"/>
                  </a:lnTo>
                  <a:lnTo>
                    <a:pt x="3637" y="5639"/>
                  </a:lnTo>
                  <a:lnTo>
                    <a:pt x="3707" y="5623"/>
                  </a:lnTo>
                  <a:lnTo>
                    <a:pt x="3778" y="5604"/>
                  </a:lnTo>
                  <a:lnTo>
                    <a:pt x="3849" y="5584"/>
                  </a:lnTo>
                  <a:lnTo>
                    <a:pt x="3917" y="5562"/>
                  </a:lnTo>
                  <a:lnTo>
                    <a:pt x="3987" y="5539"/>
                  </a:lnTo>
                  <a:lnTo>
                    <a:pt x="4054" y="5514"/>
                  </a:lnTo>
                  <a:lnTo>
                    <a:pt x="4121" y="5488"/>
                  </a:lnTo>
                  <a:lnTo>
                    <a:pt x="4187" y="5460"/>
                  </a:lnTo>
                  <a:lnTo>
                    <a:pt x="4252" y="5431"/>
                  </a:lnTo>
                  <a:lnTo>
                    <a:pt x="4316" y="5399"/>
                  </a:lnTo>
                  <a:lnTo>
                    <a:pt x="4380" y="5367"/>
                  </a:lnTo>
                  <a:lnTo>
                    <a:pt x="4443" y="5333"/>
                  </a:lnTo>
                  <a:lnTo>
                    <a:pt x="4505" y="5299"/>
                  </a:lnTo>
                  <a:lnTo>
                    <a:pt x="4565" y="5262"/>
                  </a:lnTo>
                  <a:lnTo>
                    <a:pt x="4625" y="5224"/>
                  </a:lnTo>
                  <a:lnTo>
                    <a:pt x="4683" y="5184"/>
                  </a:lnTo>
                  <a:lnTo>
                    <a:pt x="4742" y="5144"/>
                  </a:lnTo>
                  <a:lnTo>
                    <a:pt x="4798" y="5102"/>
                  </a:lnTo>
                  <a:lnTo>
                    <a:pt x="4854" y="5059"/>
                  </a:lnTo>
                  <a:lnTo>
                    <a:pt x="4908" y="5015"/>
                  </a:lnTo>
                  <a:lnTo>
                    <a:pt x="4961" y="4969"/>
                  </a:lnTo>
                  <a:lnTo>
                    <a:pt x="5013" y="4923"/>
                  </a:lnTo>
                  <a:lnTo>
                    <a:pt x="5065" y="4875"/>
                  </a:lnTo>
                  <a:lnTo>
                    <a:pt x="5114" y="4826"/>
                  </a:lnTo>
                  <a:lnTo>
                    <a:pt x="5162" y="4776"/>
                  </a:lnTo>
                  <a:lnTo>
                    <a:pt x="5209" y="4724"/>
                  </a:lnTo>
                  <a:lnTo>
                    <a:pt x="5255" y="4672"/>
                  </a:lnTo>
                  <a:lnTo>
                    <a:pt x="5300" y="4618"/>
                  </a:lnTo>
                  <a:lnTo>
                    <a:pt x="5344" y="4564"/>
                  </a:lnTo>
                  <a:lnTo>
                    <a:pt x="5385" y="4508"/>
                  </a:lnTo>
                  <a:lnTo>
                    <a:pt x="5427" y="4452"/>
                  </a:lnTo>
                  <a:lnTo>
                    <a:pt x="5466" y="4395"/>
                  </a:lnTo>
                  <a:lnTo>
                    <a:pt x="5504" y="4337"/>
                  </a:lnTo>
                  <a:lnTo>
                    <a:pt x="5540" y="4277"/>
                  </a:lnTo>
                  <a:lnTo>
                    <a:pt x="5575" y="4217"/>
                  </a:lnTo>
                  <a:lnTo>
                    <a:pt x="5609" y="4155"/>
                  </a:lnTo>
                  <a:lnTo>
                    <a:pt x="5641" y="4094"/>
                  </a:lnTo>
                  <a:lnTo>
                    <a:pt x="5672" y="4031"/>
                  </a:lnTo>
                  <a:lnTo>
                    <a:pt x="5701" y="3967"/>
                  </a:lnTo>
                  <a:lnTo>
                    <a:pt x="5728" y="3902"/>
                  </a:lnTo>
                  <a:lnTo>
                    <a:pt x="5753" y="3838"/>
                  </a:lnTo>
                  <a:lnTo>
                    <a:pt x="5778" y="3771"/>
                  </a:lnTo>
                  <a:lnTo>
                    <a:pt x="5801" y="3705"/>
                  </a:lnTo>
                  <a:lnTo>
                    <a:pt x="5822" y="3637"/>
                  </a:lnTo>
                  <a:lnTo>
                    <a:pt x="5841" y="3569"/>
                  </a:lnTo>
                  <a:lnTo>
                    <a:pt x="5858" y="3501"/>
                  </a:lnTo>
                  <a:lnTo>
                    <a:pt x="5873" y="3431"/>
                  </a:lnTo>
                  <a:lnTo>
                    <a:pt x="5888" y="3361"/>
                  </a:lnTo>
                  <a:lnTo>
                    <a:pt x="5900" y="3290"/>
                  </a:lnTo>
                  <a:lnTo>
                    <a:pt x="5910" y="3219"/>
                  </a:lnTo>
                  <a:lnTo>
                    <a:pt x="5918" y="3148"/>
                  </a:lnTo>
                  <a:lnTo>
                    <a:pt x="5925" y="3075"/>
                  </a:lnTo>
                  <a:lnTo>
                    <a:pt x="5931" y="3003"/>
                  </a:lnTo>
                  <a:lnTo>
                    <a:pt x="5933" y="2930"/>
                  </a:lnTo>
                  <a:lnTo>
                    <a:pt x="5934" y="2856"/>
                  </a:lnTo>
                  <a:lnTo>
                    <a:pt x="5934" y="2856"/>
                  </a:lnTo>
                  <a:lnTo>
                    <a:pt x="5933" y="2783"/>
                  </a:lnTo>
                  <a:lnTo>
                    <a:pt x="5931" y="2709"/>
                  </a:lnTo>
                  <a:lnTo>
                    <a:pt x="5925" y="2637"/>
                  </a:lnTo>
                  <a:lnTo>
                    <a:pt x="5918" y="2564"/>
                  </a:lnTo>
                  <a:lnTo>
                    <a:pt x="5910" y="2493"/>
                  </a:lnTo>
                  <a:lnTo>
                    <a:pt x="5900" y="2422"/>
                  </a:lnTo>
                  <a:lnTo>
                    <a:pt x="5888" y="2351"/>
                  </a:lnTo>
                  <a:lnTo>
                    <a:pt x="5873" y="2282"/>
                  </a:lnTo>
                  <a:lnTo>
                    <a:pt x="5858" y="2211"/>
                  </a:lnTo>
                  <a:lnTo>
                    <a:pt x="5841" y="2143"/>
                  </a:lnTo>
                  <a:lnTo>
                    <a:pt x="5822" y="2075"/>
                  </a:lnTo>
                  <a:lnTo>
                    <a:pt x="5801" y="2007"/>
                  </a:lnTo>
                  <a:lnTo>
                    <a:pt x="5778" y="1941"/>
                  </a:lnTo>
                  <a:lnTo>
                    <a:pt x="5753" y="1874"/>
                  </a:lnTo>
                  <a:lnTo>
                    <a:pt x="5728" y="1810"/>
                  </a:lnTo>
                  <a:lnTo>
                    <a:pt x="5701" y="1745"/>
                  </a:lnTo>
                  <a:lnTo>
                    <a:pt x="5672" y="1681"/>
                  </a:lnTo>
                  <a:lnTo>
                    <a:pt x="5641" y="1619"/>
                  </a:lnTo>
                  <a:lnTo>
                    <a:pt x="5609" y="1557"/>
                  </a:lnTo>
                  <a:lnTo>
                    <a:pt x="5575" y="1495"/>
                  </a:lnTo>
                  <a:lnTo>
                    <a:pt x="5540" y="1435"/>
                  </a:lnTo>
                  <a:lnTo>
                    <a:pt x="5504" y="1376"/>
                  </a:lnTo>
                  <a:lnTo>
                    <a:pt x="5466" y="1317"/>
                  </a:lnTo>
                  <a:lnTo>
                    <a:pt x="5427" y="1260"/>
                  </a:lnTo>
                  <a:lnTo>
                    <a:pt x="5385" y="1204"/>
                  </a:lnTo>
                  <a:lnTo>
                    <a:pt x="5344" y="1148"/>
                  </a:lnTo>
                  <a:lnTo>
                    <a:pt x="5300" y="1094"/>
                  </a:lnTo>
                  <a:lnTo>
                    <a:pt x="5255" y="1040"/>
                  </a:lnTo>
                  <a:lnTo>
                    <a:pt x="5209" y="988"/>
                  </a:lnTo>
                  <a:lnTo>
                    <a:pt x="5162" y="936"/>
                  </a:lnTo>
                  <a:lnTo>
                    <a:pt x="5114" y="886"/>
                  </a:lnTo>
                  <a:lnTo>
                    <a:pt x="5065" y="838"/>
                  </a:lnTo>
                  <a:lnTo>
                    <a:pt x="5013" y="789"/>
                  </a:lnTo>
                  <a:lnTo>
                    <a:pt x="4961" y="743"/>
                  </a:lnTo>
                  <a:lnTo>
                    <a:pt x="4908" y="697"/>
                  </a:lnTo>
                  <a:lnTo>
                    <a:pt x="4854" y="653"/>
                  </a:lnTo>
                  <a:lnTo>
                    <a:pt x="4798" y="610"/>
                  </a:lnTo>
                  <a:lnTo>
                    <a:pt x="4742" y="568"/>
                  </a:lnTo>
                  <a:lnTo>
                    <a:pt x="4683" y="528"/>
                  </a:lnTo>
                  <a:lnTo>
                    <a:pt x="4625" y="488"/>
                  </a:lnTo>
                  <a:lnTo>
                    <a:pt x="4565" y="450"/>
                  </a:lnTo>
                  <a:lnTo>
                    <a:pt x="4505" y="413"/>
                  </a:lnTo>
                  <a:lnTo>
                    <a:pt x="4443" y="379"/>
                  </a:lnTo>
                  <a:lnTo>
                    <a:pt x="4380" y="345"/>
                  </a:lnTo>
                  <a:lnTo>
                    <a:pt x="4316" y="313"/>
                  </a:lnTo>
                  <a:lnTo>
                    <a:pt x="4252" y="282"/>
                  </a:lnTo>
                  <a:lnTo>
                    <a:pt x="4187" y="252"/>
                  </a:lnTo>
                  <a:lnTo>
                    <a:pt x="4121" y="224"/>
                  </a:lnTo>
                  <a:lnTo>
                    <a:pt x="4054" y="198"/>
                  </a:lnTo>
                  <a:lnTo>
                    <a:pt x="3987" y="174"/>
                  </a:lnTo>
                  <a:lnTo>
                    <a:pt x="3917" y="150"/>
                  </a:lnTo>
                  <a:lnTo>
                    <a:pt x="3849" y="128"/>
                  </a:lnTo>
                  <a:lnTo>
                    <a:pt x="3778" y="108"/>
                  </a:lnTo>
                  <a:lnTo>
                    <a:pt x="3707" y="89"/>
                  </a:lnTo>
                  <a:lnTo>
                    <a:pt x="3637" y="73"/>
                  </a:lnTo>
                  <a:lnTo>
                    <a:pt x="3564" y="58"/>
                  </a:lnTo>
                  <a:lnTo>
                    <a:pt x="3492" y="44"/>
                  </a:lnTo>
                  <a:lnTo>
                    <a:pt x="3418" y="32"/>
                  </a:lnTo>
                  <a:lnTo>
                    <a:pt x="3344" y="22"/>
                  </a:lnTo>
                  <a:lnTo>
                    <a:pt x="3270" y="15"/>
                  </a:lnTo>
                  <a:lnTo>
                    <a:pt x="3195" y="8"/>
                  </a:lnTo>
                  <a:lnTo>
                    <a:pt x="3119" y="3"/>
                  </a:lnTo>
                  <a:lnTo>
                    <a:pt x="3043" y="1"/>
                  </a:lnTo>
                  <a:lnTo>
                    <a:pt x="2967" y="0"/>
                  </a:lnTo>
                  <a:lnTo>
                    <a:pt x="2967" y="0"/>
                  </a:lnTo>
                  <a:lnTo>
                    <a:pt x="2891" y="1"/>
                  </a:lnTo>
                  <a:lnTo>
                    <a:pt x="2814" y="3"/>
                  </a:lnTo>
                  <a:lnTo>
                    <a:pt x="2739" y="8"/>
                  </a:lnTo>
                  <a:lnTo>
                    <a:pt x="2664" y="15"/>
                  </a:lnTo>
                  <a:lnTo>
                    <a:pt x="2590" y="22"/>
                  </a:lnTo>
                  <a:lnTo>
                    <a:pt x="2516" y="32"/>
                  </a:lnTo>
                  <a:lnTo>
                    <a:pt x="2442" y="44"/>
                  </a:lnTo>
                  <a:lnTo>
                    <a:pt x="2370" y="58"/>
                  </a:lnTo>
                  <a:lnTo>
                    <a:pt x="2297" y="73"/>
                  </a:lnTo>
                  <a:lnTo>
                    <a:pt x="2226" y="89"/>
                  </a:lnTo>
                  <a:lnTo>
                    <a:pt x="2156" y="108"/>
                  </a:lnTo>
                  <a:lnTo>
                    <a:pt x="2085" y="128"/>
                  </a:lnTo>
                  <a:lnTo>
                    <a:pt x="2017" y="150"/>
                  </a:lnTo>
                  <a:lnTo>
                    <a:pt x="1947" y="174"/>
                  </a:lnTo>
                  <a:lnTo>
                    <a:pt x="1880" y="198"/>
                  </a:lnTo>
                  <a:lnTo>
                    <a:pt x="1813" y="224"/>
                  </a:lnTo>
                  <a:lnTo>
                    <a:pt x="1746" y="252"/>
                  </a:lnTo>
                  <a:lnTo>
                    <a:pt x="1681" y="282"/>
                  </a:lnTo>
                  <a:lnTo>
                    <a:pt x="1617" y="313"/>
                  </a:lnTo>
                  <a:lnTo>
                    <a:pt x="1553" y="345"/>
                  </a:lnTo>
                  <a:lnTo>
                    <a:pt x="1491" y="379"/>
                  </a:lnTo>
                  <a:lnTo>
                    <a:pt x="1429" y="413"/>
                  </a:lnTo>
                  <a:lnTo>
                    <a:pt x="1368" y="450"/>
                  </a:lnTo>
                  <a:lnTo>
                    <a:pt x="1309" y="488"/>
                  </a:lnTo>
                  <a:lnTo>
                    <a:pt x="1251" y="528"/>
                  </a:lnTo>
                  <a:lnTo>
                    <a:pt x="1192" y="568"/>
                  </a:lnTo>
                  <a:lnTo>
                    <a:pt x="1136" y="610"/>
                  </a:lnTo>
                  <a:lnTo>
                    <a:pt x="1080" y="653"/>
                  </a:lnTo>
                  <a:lnTo>
                    <a:pt x="1026" y="697"/>
                  </a:lnTo>
                  <a:lnTo>
                    <a:pt x="972" y="743"/>
                  </a:lnTo>
                  <a:lnTo>
                    <a:pt x="921" y="789"/>
                  </a:lnTo>
                  <a:lnTo>
                    <a:pt x="870" y="838"/>
                  </a:lnTo>
                  <a:lnTo>
                    <a:pt x="820" y="886"/>
                  </a:lnTo>
                  <a:lnTo>
                    <a:pt x="772" y="936"/>
                  </a:lnTo>
                  <a:lnTo>
                    <a:pt x="724" y="988"/>
                  </a:lnTo>
                  <a:lnTo>
                    <a:pt x="678" y="1040"/>
                  </a:lnTo>
                  <a:lnTo>
                    <a:pt x="634" y="1094"/>
                  </a:lnTo>
                  <a:lnTo>
                    <a:pt x="590" y="1148"/>
                  </a:lnTo>
                  <a:lnTo>
                    <a:pt x="548" y="1204"/>
                  </a:lnTo>
                  <a:lnTo>
                    <a:pt x="507" y="1260"/>
                  </a:lnTo>
                  <a:lnTo>
                    <a:pt x="468" y="1317"/>
                  </a:lnTo>
                  <a:lnTo>
                    <a:pt x="429" y="1376"/>
                  </a:lnTo>
                  <a:lnTo>
                    <a:pt x="393" y="1435"/>
                  </a:lnTo>
                  <a:lnTo>
                    <a:pt x="359" y="1495"/>
                  </a:lnTo>
                  <a:lnTo>
                    <a:pt x="325" y="1557"/>
                  </a:lnTo>
                  <a:lnTo>
                    <a:pt x="293" y="1619"/>
                  </a:lnTo>
                  <a:lnTo>
                    <a:pt x="262" y="1681"/>
                  </a:lnTo>
                  <a:lnTo>
                    <a:pt x="233" y="1745"/>
                  </a:lnTo>
                  <a:lnTo>
                    <a:pt x="206" y="1810"/>
                  </a:lnTo>
                  <a:lnTo>
                    <a:pt x="180" y="1874"/>
                  </a:lnTo>
                  <a:lnTo>
                    <a:pt x="156" y="1941"/>
                  </a:lnTo>
                  <a:lnTo>
                    <a:pt x="133" y="2007"/>
                  </a:lnTo>
                  <a:lnTo>
                    <a:pt x="112" y="2075"/>
                  </a:lnTo>
                  <a:lnTo>
                    <a:pt x="93" y="2143"/>
                  </a:lnTo>
                  <a:lnTo>
                    <a:pt x="76" y="2211"/>
                  </a:lnTo>
                  <a:lnTo>
                    <a:pt x="60" y="2282"/>
                  </a:lnTo>
                  <a:lnTo>
                    <a:pt x="46" y="2351"/>
                  </a:lnTo>
                  <a:lnTo>
                    <a:pt x="33" y="2422"/>
                  </a:lnTo>
                  <a:lnTo>
                    <a:pt x="23" y="2493"/>
                  </a:lnTo>
                  <a:lnTo>
                    <a:pt x="15" y="2564"/>
                  </a:lnTo>
                  <a:lnTo>
                    <a:pt x="9" y="2637"/>
                  </a:lnTo>
                  <a:lnTo>
                    <a:pt x="3" y="2709"/>
                  </a:lnTo>
                  <a:lnTo>
                    <a:pt x="1" y="2783"/>
                  </a:lnTo>
                  <a:lnTo>
                    <a:pt x="0" y="2856"/>
                  </a:lnTo>
                  <a:lnTo>
                    <a:pt x="0" y="2856"/>
                  </a:lnTo>
                  <a:lnTo>
                    <a:pt x="1" y="2930"/>
                  </a:lnTo>
                  <a:lnTo>
                    <a:pt x="3" y="3003"/>
                  </a:lnTo>
                  <a:lnTo>
                    <a:pt x="9" y="3075"/>
                  </a:lnTo>
                  <a:lnTo>
                    <a:pt x="15" y="3148"/>
                  </a:lnTo>
                  <a:lnTo>
                    <a:pt x="23" y="3219"/>
                  </a:lnTo>
                  <a:lnTo>
                    <a:pt x="33" y="3290"/>
                  </a:lnTo>
                  <a:lnTo>
                    <a:pt x="46" y="3361"/>
                  </a:lnTo>
                  <a:lnTo>
                    <a:pt x="60" y="3431"/>
                  </a:lnTo>
                  <a:lnTo>
                    <a:pt x="76" y="3501"/>
                  </a:lnTo>
                  <a:lnTo>
                    <a:pt x="93" y="3569"/>
                  </a:lnTo>
                  <a:lnTo>
                    <a:pt x="112" y="3637"/>
                  </a:lnTo>
                  <a:lnTo>
                    <a:pt x="133" y="3705"/>
                  </a:lnTo>
                  <a:lnTo>
                    <a:pt x="156" y="3771"/>
                  </a:lnTo>
                  <a:lnTo>
                    <a:pt x="180" y="3838"/>
                  </a:lnTo>
                  <a:lnTo>
                    <a:pt x="206" y="3902"/>
                  </a:lnTo>
                  <a:lnTo>
                    <a:pt x="233" y="3967"/>
                  </a:lnTo>
                  <a:lnTo>
                    <a:pt x="262" y="4031"/>
                  </a:lnTo>
                  <a:lnTo>
                    <a:pt x="293" y="4094"/>
                  </a:lnTo>
                  <a:lnTo>
                    <a:pt x="325" y="4155"/>
                  </a:lnTo>
                  <a:lnTo>
                    <a:pt x="359" y="4217"/>
                  </a:lnTo>
                  <a:lnTo>
                    <a:pt x="393" y="4277"/>
                  </a:lnTo>
                  <a:lnTo>
                    <a:pt x="429" y="4337"/>
                  </a:lnTo>
                  <a:lnTo>
                    <a:pt x="468" y="4395"/>
                  </a:lnTo>
                  <a:lnTo>
                    <a:pt x="507" y="4452"/>
                  </a:lnTo>
                  <a:lnTo>
                    <a:pt x="548" y="4508"/>
                  </a:lnTo>
                  <a:lnTo>
                    <a:pt x="590" y="4564"/>
                  </a:lnTo>
                  <a:lnTo>
                    <a:pt x="634" y="4618"/>
                  </a:lnTo>
                  <a:lnTo>
                    <a:pt x="678" y="4672"/>
                  </a:lnTo>
                  <a:lnTo>
                    <a:pt x="724" y="4724"/>
                  </a:lnTo>
                  <a:lnTo>
                    <a:pt x="772" y="4776"/>
                  </a:lnTo>
                  <a:lnTo>
                    <a:pt x="820" y="4826"/>
                  </a:lnTo>
                  <a:lnTo>
                    <a:pt x="870" y="4875"/>
                  </a:lnTo>
                  <a:lnTo>
                    <a:pt x="921" y="4923"/>
                  </a:lnTo>
                  <a:lnTo>
                    <a:pt x="972" y="4969"/>
                  </a:lnTo>
                  <a:lnTo>
                    <a:pt x="1026" y="5015"/>
                  </a:lnTo>
                  <a:lnTo>
                    <a:pt x="1080" y="5059"/>
                  </a:lnTo>
                  <a:lnTo>
                    <a:pt x="1136" y="5102"/>
                  </a:lnTo>
                  <a:lnTo>
                    <a:pt x="1192" y="5144"/>
                  </a:lnTo>
                  <a:lnTo>
                    <a:pt x="1251" y="5184"/>
                  </a:lnTo>
                  <a:lnTo>
                    <a:pt x="1309" y="5224"/>
                  </a:lnTo>
                  <a:lnTo>
                    <a:pt x="1368" y="5262"/>
                  </a:lnTo>
                  <a:lnTo>
                    <a:pt x="1429" y="5299"/>
                  </a:lnTo>
                  <a:lnTo>
                    <a:pt x="1491" y="5333"/>
                  </a:lnTo>
                  <a:lnTo>
                    <a:pt x="1553" y="5367"/>
                  </a:lnTo>
                  <a:lnTo>
                    <a:pt x="1617" y="5399"/>
                  </a:lnTo>
                  <a:lnTo>
                    <a:pt x="1681" y="5431"/>
                  </a:lnTo>
                  <a:lnTo>
                    <a:pt x="1746" y="5460"/>
                  </a:lnTo>
                  <a:lnTo>
                    <a:pt x="1813" y="5488"/>
                  </a:lnTo>
                  <a:lnTo>
                    <a:pt x="1880" y="5514"/>
                  </a:lnTo>
                  <a:lnTo>
                    <a:pt x="1947" y="5539"/>
                  </a:lnTo>
                  <a:lnTo>
                    <a:pt x="2017" y="5562"/>
                  </a:lnTo>
                  <a:lnTo>
                    <a:pt x="2085" y="5584"/>
                  </a:lnTo>
                  <a:lnTo>
                    <a:pt x="2156" y="5604"/>
                  </a:lnTo>
                  <a:lnTo>
                    <a:pt x="2226" y="5623"/>
                  </a:lnTo>
                  <a:lnTo>
                    <a:pt x="2297" y="5639"/>
                  </a:lnTo>
                  <a:lnTo>
                    <a:pt x="2370" y="5654"/>
                  </a:lnTo>
                  <a:lnTo>
                    <a:pt x="2442" y="5668"/>
                  </a:lnTo>
                  <a:lnTo>
                    <a:pt x="2516" y="5680"/>
                  </a:lnTo>
                  <a:lnTo>
                    <a:pt x="2590" y="5690"/>
                  </a:lnTo>
                  <a:lnTo>
                    <a:pt x="2664" y="5697"/>
                  </a:lnTo>
                  <a:lnTo>
                    <a:pt x="2739" y="5704"/>
                  </a:lnTo>
                  <a:lnTo>
                    <a:pt x="2814" y="5709"/>
                  </a:lnTo>
                  <a:lnTo>
                    <a:pt x="2891" y="5711"/>
                  </a:lnTo>
                  <a:lnTo>
                    <a:pt x="2967" y="5712"/>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7" name="Freeform 284">
              <a:extLst>
                <a:ext uri="{FF2B5EF4-FFF2-40B4-BE49-F238E27FC236}">
                  <a16:creationId xmlns:a16="http://schemas.microsoft.com/office/drawing/2014/main" xmlns="" id="{FB00159B-5B30-4444-942F-014EC0F66072}"/>
                </a:ext>
              </a:extLst>
            </p:cNvPr>
            <p:cNvSpPr>
              <a:spLocks/>
            </p:cNvSpPr>
            <p:nvPr/>
          </p:nvSpPr>
          <p:spPr bwMode="auto">
            <a:xfrm flipH="1">
              <a:off x="6610556" y="705021"/>
              <a:ext cx="5166185" cy="5180464"/>
            </a:xfrm>
            <a:custGeom>
              <a:avLst/>
              <a:gdLst>
                <a:gd name="T0" fmla="*/ 3179 w 5905"/>
                <a:gd name="T1" fmla="*/ 5676 h 5684"/>
                <a:gd name="T2" fmla="*/ 3547 w 5905"/>
                <a:gd name="T3" fmla="*/ 5626 h 5684"/>
                <a:gd name="T4" fmla="*/ 3899 w 5905"/>
                <a:gd name="T5" fmla="*/ 5534 h 5684"/>
                <a:gd name="T6" fmla="*/ 4232 w 5905"/>
                <a:gd name="T7" fmla="*/ 5404 h 5684"/>
                <a:gd name="T8" fmla="*/ 4542 w 5905"/>
                <a:gd name="T9" fmla="*/ 5236 h 5684"/>
                <a:gd name="T10" fmla="*/ 4830 w 5905"/>
                <a:gd name="T11" fmla="*/ 5034 h 5684"/>
                <a:gd name="T12" fmla="*/ 5089 w 5905"/>
                <a:gd name="T13" fmla="*/ 4802 h 5684"/>
                <a:gd name="T14" fmla="*/ 5318 w 5905"/>
                <a:gd name="T15" fmla="*/ 4542 h 5684"/>
                <a:gd name="T16" fmla="*/ 5514 w 5905"/>
                <a:gd name="T17" fmla="*/ 4256 h 5684"/>
                <a:gd name="T18" fmla="*/ 5673 w 5905"/>
                <a:gd name="T19" fmla="*/ 3947 h 5684"/>
                <a:gd name="T20" fmla="*/ 5793 w 5905"/>
                <a:gd name="T21" fmla="*/ 3620 h 5684"/>
                <a:gd name="T22" fmla="*/ 5871 w 5905"/>
                <a:gd name="T23" fmla="*/ 3274 h 5684"/>
                <a:gd name="T24" fmla="*/ 5904 w 5905"/>
                <a:gd name="T25" fmla="*/ 2916 h 5684"/>
                <a:gd name="T26" fmla="*/ 5896 w 5905"/>
                <a:gd name="T27" fmla="*/ 2624 h 5684"/>
                <a:gd name="T28" fmla="*/ 5845 w 5905"/>
                <a:gd name="T29" fmla="*/ 2270 h 5684"/>
                <a:gd name="T30" fmla="*/ 5750 w 5905"/>
                <a:gd name="T31" fmla="*/ 1932 h 5684"/>
                <a:gd name="T32" fmla="*/ 5614 w 5905"/>
                <a:gd name="T33" fmla="*/ 1611 h 5684"/>
                <a:gd name="T34" fmla="*/ 5440 w 5905"/>
                <a:gd name="T35" fmla="*/ 1312 h 5684"/>
                <a:gd name="T36" fmla="*/ 5230 w 5905"/>
                <a:gd name="T37" fmla="*/ 1035 h 5684"/>
                <a:gd name="T38" fmla="*/ 4989 w 5905"/>
                <a:gd name="T39" fmla="*/ 786 h 5684"/>
                <a:gd name="T40" fmla="*/ 4719 w 5905"/>
                <a:gd name="T41" fmla="*/ 566 h 5684"/>
                <a:gd name="T42" fmla="*/ 4421 w 5905"/>
                <a:gd name="T43" fmla="*/ 377 h 5684"/>
                <a:gd name="T44" fmla="*/ 4100 w 5905"/>
                <a:gd name="T45" fmla="*/ 223 h 5684"/>
                <a:gd name="T46" fmla="*/ 3761 w 5905"/>
                <a:gd name="T47" fmla="*/ 108 h 5684"/>
                <a:gd name="T48" fmla="*/ 3402 w 5905"/>
                <a:gd name="T49" fmla="*/ 33 h 5684"/>
                <a:gd name="T50" fmla="*/ 3029 w 5905"/>
                <a:gd name="T51" fmla="*/ 1 h 5684"/>
                <a:gd name="T52" fmla="*/ 2726 w 5905"/>
                <a:gd name="T53" fmla="*/ 8 h 5684"/>
                <a:gd name="T54" fmla="*/ 2358 w 5905"/>
                <a:gd name="T55" fmla="*/ 58 h 5684"/>
                <a:gd name="T56" fmla="*/ 2007 w 5905"/>
                <a:gd name="T57" fmla="*/ 150 h 5684"/>
                <a:gd name="T58" fmla="*/ 1674 w 5905"/>
                <a:gd name="T59" fmla="*/ 281 h 5684"/>
                <a:gd name="T60" fmla="*/ 1363 w 5905"/>
                <a:gd name="T61" fmla="*/ 448 h 5684"/>
                <a:gd name="T62" fmla="*/ 1076 w 5905"/>
                <a:gd name="T63" fmla="*/ 650 h 5684"/>
                <a:gd name="T64" fmla="*/ 817 w 5905"/>
                <a:gd name="T65" fmla="*/ 882 h 5684"/>
                <a:gd name="T66" fmla="*/ 588 w 5905"/>
                <a:gd name="T67" fmla="*/ 1142 h 5684"/>
                <a:gd name="T68" fmla="*/ 392 w 5905"/>
                <a:gd name="T69" fmla="*/ 1428 h 5684"/>
                <a:gd name="T70" fmla="*/ 233 w 5905"/>
                <a:gd name="T71" fmla="*/ 1737 h 5684"/>
                <a:gd name="T72" fmla="*/ 112 w 5905"/>
                <a:gd name="T73" fmla="*/ 2065 h 5684"/>
                <a:gd name="T74" fmla="*/ 35 w 5905"/>
                <a:gd name="T75" fmla="*/ 2410 h 5684"/>
                <a:gd name="T76" fmla="*/ 1 w 5905"/>
                <a:gd name="T77" fmla="*/ 2769 h 5684"/>
                <a:gd name="T78" fmla="*/ 9 w 5905"/>
                <a:gd name="T79" fmla="*/ 3060 h 5684"/>
                <a:gd name="T80" fmla="*/ 61 w 5905"/>
                <a:gd name="T81" fmla="*/ 3414 h 5684"/>
                <a:gd name="T82" fmla="*/ 156 w 5905"/>
                <a:gd name="T83" fmla="*/ 3752 h 5684"/>
                <a:gd name="T84" fmla="*/ 292 w 5905"/>
                <a:gd name="T85" fmla="*/ 4073 h 5684"/>
                <a:gd name="T86" fmla="*/ 466 w 5905"/>
                <a:gd name="T87" fmla="*/ 4372 h 5684"/>
                <a:gd name="T88" fmla="*/ 676 w 5905"/>
                <a:gd name="T89" fmla="*/ 4649 h 5684"/>
                <a:gd name="T90" fmla="*/ 917 w 5905"/>
                <a:gd name="T91" fmla="*/ 4898 h 5684"/>
                <a:gd name="T92" fmla="*/ 1187 w 5905"/>
                <a:gd name="T93" fmla="*/ 5118 h 5684"/>
                <a:gd name="T94" fmla="*/ 1484 w 5905"/>
                <a:gd name="T95" fmla="*/ 5307 h 5684"/>
                <a:gd name="T96" fmla="*/ 1805 w 5905"/>
                <a:gd name="T97" fmla="*/ 5461 h 5684"/>
                <a:gd name="T98" fmla="*/ 2145 w 5905"/>
                <a:gd name="T99" fmla="*/ 5576 h 5684"/>
                <a:gd name="T100" fmla="*/ 2504 w 5905"/>
                <a:gd name="T101" fmla="*/ 5651 h 5684"/>
                <a:gd name="T102" fmla="*/ 2877 w 5905"/>
                <a:gd name="T103" fmla="*/ 5683 h 56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05" h="5684">
                  <a:moveTo>
                    <a:pt x="2953" y="5684"/>
                  </a:moveTo>
                  <a:lnTo>
                    <a:pt x="2953" y="5684"/>
                  </a:lnTo>
                  <a:lnTo>
                    <a:pt x="3029" y="5683"/>
                  </a:lnTo>
                  <a:lnTo>
                    <a:pt x="3104" y="5680"/>
                  </a:lnTo>
                  <a:lnTo>
                    <a:pt x="3179" y="5676"/>
                  </a:lnTo>
                  <a:lnTo>
                    <a:pt x="3255" y="5669"/>
                  </a:lnTo>
                  <a:lnTo>
                    <a:pt x="3329" y="5662"/>
                  </a:lnTo>
                  <a:lnTo>
                    <a:pt x="3402" y="5651"/>
                  </a:lnTo>
                  <a:lnTo>
                    <a:pt x="3475" y="5640"/>
                  </a:lnTo>
                  <a:lnTo>
                    <a:pt x="3547" y="5626"/>
                  </a:lnTo>
                  <a:lnTo>
                    <a:pt x="3619" y="5611"/>
                  </a:lnTo>
                  <a:lnTo>
                    <a:pt x="3690" y="5595"/>
                  </a:lnTo>
                  <a:lnTo>
                    <a:pt x="3761" y="5576"/>
                  </a:lnTo>
                  <a:lnTo>
                    <a:pt x="3830" y="5556"/>
                  </a:lnTo>
                  <a:lnTo>
                    <a:pt x="3899" y="5534"/>
                  </a:lnTo>
                  <a:lnTo>
                    <a:pt x="3967" y="5512"/>
                  </a:lnTo>
                  <a:lnTo>
                    <a:pt x="4034" y="5487"/>
                  </a:lnTo>
                  <a:lnTo>
                    <a:pt x="4100" y="5461"/>
                  </a:lnTo>
                  <a:lnTo>
                    <a:pt x="4167" y="5433"/>
                  </a:lnTo>
                  <a:lnTo>
                    <a:pt x="4232" y="5404"/>
                  </a:lnTo>
                  <a:lnTo>
                    <a:pt x="4296" y="5372"/>
                  </a:lnTo>
                  <a:lnTo>
                    <a:pt x="4358" y="5341"/>
                  </a:lnTo>
                  <a:lnTo>
                    <a:pt x="4421" y="5307"/>
                  </a:lnTo>
                  <a:lnTo>
                    <a:pt x="4483" y="5272"/>
                  </a:lnTo>
                  <a:lnTo>
                    <a:pt x="4542" y="5236"/>
                  </a:lnTo>
                  <a:lnTo>
                    <a:pt x="4602" y="5198"/>
                  </a:lnTo>
                  <a:lnTo>
                    <a:pt x="4660" y="5159"/>
                  </a:lnTo>
                  <a:lnTo>
                    <a:pt x="4719" y="5118"/>
                  </a:lnTo>
                  <a:lnTo>
                    <a:pt x="4775" y="5077"/>
                  </a:lnTo>
                  <a:lnTo>
                    <a:pt x="4830" y="5034"/>
                  </a:lnTo>
                  <a:lnTo>
                    <a:pt x="4883" y="4990"/>
                  </a:lnTo>
                  <a:lnTo>
                    <a:pt x="4937" y="4945"/>
                  </a:lnTo>
                  <a:lnTo>
                    <a:pt x="4989" y="4898"/>
                  </a:lnTo>
                  <a:lnTo>
                    <a:pt x="5039" y="4851"/>
                  </a:lnTo>
                  <a:lnTo>
                    <a:pt x="5089" y="4802"/>
                  </a:lnTo>
                  <a:lnTo>
                    <a:pt x="5137" y="4752"/>
                  </a:lnTo>
                  <a:lnTo>
                    <a:pt x="5184" y="4701"/>
                  </a:lnTo>
                  <a:lnTo>
                    <a:pt x="5230" y="4649"/>
                  </a:lnTo>
                  <a:lnTo>
                    <a:pt x="5275" y="4596"/>
                  </a:lnTo>
                  <a:lnTo>
                    <a:pt x="5318" y="4542"/>
                  </a:lnTo>
                  <a:lnTo>
                    <a:pt x="5360" y="4487"/>
                  </a:lnTo>
                  <a:lnTo>
                    <a:pt x="5401" y="4429"/>
                  </a:lnTo>
                  <a:lnTo>
                    <a:pt x="5440" y="4372"/>
                  </a:lnTo>
                  <a:lnTo>
                    <a:pt x="5477" y="4315"/>
                  </a:lnTo>
                  <a:lnTo>
                    <a:pt x="5514" y="4256"/>
                  </a:lnTo>
                  <a:lnTo>
                    <a:pt x="5549" y="4195"/>
                  </a:lnTo>
                  <a:lnTo>
                    <a:pt x="5581" y="4135"/>
                  </a:lnTo>
                  <a:lnTo>
                    <a:pt x="5614" y="4073"/>
                  </a:lnTo>
                  <a:lnTo>
                    <a:pt x="5644" y="4011"/>
                  </a:lnTo>
                  <a:lnTo>
                    <a:pt x="5673" y="3947"/>
                  </a:lnTo>
                  <a:lnTo>
                    <a:pt x="5700" y="3883"/>
                  </a:lnTo>
                  <a:lnTo>
                    <a:pt x="5726" y="3818"/>
                  </a:lnTo>
                  <a:lnTo>
                    <a:pt x="5750" y="3752"/>
                  </a:lnTo>
                  <a:lnTo>
                    <a:pt x="5772" y="3687"/>
                  </a:lnTo>
                  <a:lnTo>
                    <a:pt x="5793" y="3620"/>
                  </a:lnTo>
                  <a:lnTo>
                    <a:pt x="5812" y="3552"/>
                  </a:lnTo>
                  <a:lnTo>
                    <a:pt x="5829" y="3484"/>
                  </a:lnTo>
                  <a:lnTo>
                    <a:pt x="5845" y="3414"/>
                  </a:lnTo>
                  <a:lnTo>
                    <a:pt x="5859" y="3344"/>
                  </a:lnTo>
                  <a:lnTo>
                    <a:pt x="5871" y="3274"/>
                  </a:lnTo>
                  <a:lnTo>
                    <a:pt x="5882" y="3204"/>
                  </a:lnTo>
                  <a:lnTo>
                    <a:pt x="5890" y="3133"/>
                  </a:lnTo>
                  <a:lnTo>
                    <a:pt x="5896" y="3060"/>
                  </a:lnTo>
                  <a:lnTo>
                    <a:pt x="5901" y="2988"/>
                  </a:lnTo>
                  <a:lnTo>
                    <a:pt x="5904" y="2916"/>
                  </a:lnTo>
                  <a:lnTo>
                    <a:pt x="5905" y="2842"/>
                  </a:lnTo>
                  <a:lnTo>
                    <a:pt x="5905" y="2842"/>
                  </a:lnTo>
                  <a:lnTo>
                    <a:pt x="5904" y="2769"/>
                  </a:lnTo>
                  <a:lnTo>
                    <a:pt x="5901" y="2696"/>
                  </a:lnTo>
                  <a:lnTo>
                    <a:pt x="5896" y="2624"/>
                  </a:lnTo>
                  <a:lnTo>
                    <a:pt x="5890" y="2552"/>
                  </a:lnTo>
                  <a:lnTo>
                    <a:pt x="5882" y="2480"/>
                  </a:lnTo>
                  <a:lnTo>
                    <a:pt x="5871" y="2410"/>
                  </a:lnTo>
                  <a:lnTo>
                    <a:pt x="5859" y="2340"/>
                  </a:lnTo>
                  <a:lnTo>
                    <a:pt x="5845" y="2270"/>
                  </a:lnTo>
                  <a:lnTo>
                    <a:pt x="5829" y="2201"/>
                  </a:lnTo>
                  <a:lnTo>
                    <a:pt x="5812" y="2133"/>
                  </a:lnTo>
                  <a:lnTo>
                    <a:pt x="5793" y="2065"/>
                  </a:lnTo>
                  <a:lnTo>
                    <a:pt x="5772" y="1998"/>
                  </a:lnTo>
                  <a:lnTo>
                    <a:pt x="5750" y="1932"/>
                  </a:lnTo>
                  <a:lnTo>
                    <a:pt x="5726" y="1866"/>
                  </a:lnTo>
                  <a:lnTo>
                    <a:pt x="5700" y="1801"/>
                  </a:lnTo>
                  <a:lnTo>
                    <a:pt x="5673" y="1737"/>
                  </a:lnTo>
                  <a:lnTo>
                    <a:pt x="5644" y="1674"/>
                  </a:lnTo>
                  <a:lnTo>
                    <a:pt x="5614" y="1611"/>
                  </a:lnTo>
                  <a:lnTo>
                    <a:pt x="5581" y="1549"/>
                  </a:lnTo>
                  <a:lnTo>
                    <a:pt x="5549" y="1489"/>
                  </a:lnTo>
                  <a:lnTo>
                    <a:pt x="5514" y="1428"/>
                  </a:lnTo>
                  <a:lnTo>
                    <a:pt x="5477" y="1369"/>
                  </a:lnTo>
                  <a:lnTo>
                    <a:pt x="5440" y="1312"/>
                  </a:lnTo>
                  <a:lnTo>
                    <a:pt x="5401" y="1255"/>
                  </a:lnTo>
                  <a:lnTo>
                    <a:pt x="5360" y="1198"/>
                  </a:lnTo>
                  <a:lnTo>
                    <a:pt x="5318" y="1142"/>
                  </a:lnTo>
                  <a:lnTo>
                    <a:pt x="5275" y="1088"/>
                  </a:lnTo>
                  <a:lnTo>
                    <a:pt x="5230" y="1035"/>
                  </a:lnTo>
                  <a:lnTo>
                    <a:pt x="5184" y="984"/>
                  </a:lnTo>
                  <a:lnTo>
                    <a:pt x="5137" y="932"/>
                  </a:lnTo>
                  <a:lnTo>
                    <a:pt x="5089" y="882"/>
                  </a:lnTo>
                  <a:lnTo>
                    <a:pt x="5039" y="833"/>
                  </a:lnTo>
                  <a:lnTo>
                    <a:pt x="4989" y="786"/>
                  </a:lnTo>
                  <a:lnTo>
                    <a:pt x="4937" y="740"/>
                  </a:lnTo>
                  <a:lnTo>
                    <a:pt x="4883" y="694"/>
                  </a:lnTo>
                  <a:lnTo>
                    <a:pt x="4830" y="650"/>
                  </a:lnTo>
                  <a:lnTo>
                    <a:pt x="4775" y="607"/>
                  </a:lnTo>
                  <a:lnTo>
                    <a:pt x="4719" y="566"/>
                  </a:lnTo>
                  <a:lnTo>
                    <a:pt x="4660" y="525"/>
                  </a:lnTo>
                  <a:lnTo>
                    <a:pt x="4602" y="486"/>
                  </a:lnTo>
                  <a:lnTo>
                    <a:pt x="4542" y="448"/>
                  </a:lnTo>
                  <a:lnTo>
                    <a:pt x="4483" y="412"/>
                  </a:lnTo>
                  <a:lnTo>
                    <a:pt x="4421" y="377"/>
                  </a:lnTo>
                  <a:lnTo>
                    <a:pt x="4358" y="343"/>
                  </a:lnTo>
                  <a:lnTo>
                    <a:pt x="4296" y="312"/>
                  </a:lnTo>
                  <a:lnTo>
                    <a:pt x="4232" y="281"/>
                  </a:lnTo>
                  <a:lnTo>
                    <a:pt x="4167" y="251"/>
                  </a:lnTo>
                  <a:lnTo>
                    <a:pt x="4100" y="223"/>
                  </a:lnTo>
                  <a:lnTo>
                    <a:pt x="4034" y="197"/>
                  </a:lnTo>
                  <a:lnTo>
                    <a:pt x="3967" y="173"/>
                  </a:lnTo>
                  <a:lnTo>
                    <a:pt x="3899" y="150"/>
                  </a:lnTo>
                  <a:lnTo>
                    <a:pt x="3830" y="128"/>
                  </a:lnTo>
                  <a:lnTo>
                    <a:pt x="3761" y="108"/>
                  </a:lnTo>
                  <a:lnTo>
                    <a:pt x="3690" y="89"/>
                  </a:lnTo>
                  <a:lnTo>
                    <a:pt x="3619" y="73"/>
                  </a:lnTo>
                  <a:lnTo>
                    <a:pt x="3547" y="58"/>
                  </a:lnTo>
                  <a:lnTo>
                    <a:pt x="3475" y="44"/>
                  </a:lnTo>
                  <a:lnTo>
                    <a:pt x="3402" y="33"/>
                  </a:lnTo>
                  <a:lnTo>
                    <a:pt x="3329" y="22"/>
                  </a:lnTo>
                  <a:lnTo>
                    <a:pt x="3255" y="15"/>
                  </a:lnTo>
                  <a:lnTo>
                    <a:pt x="3179" y="8"/>
                  </a:lnTo>
                  <a:lnTo>
                    <a:pt x="3104" y="4"/>
                  </a:lnTo>
                  <a:lnTo>
                    <a:pt x="3029" y="1"/>
                  </a:lnTo>
                  <a:lnTo>
                    <a:pt x="2953" y="0"/>
                  </a:lnTo>
                  <a:lnTo>
                    <a:pt x="2953" y="0"/>
                  </a:lnTo>
                  <a:lnTo>
                    <a:pt x="2877" y="1"/>
                  </a:lnTo>
                  <a:lnTo>
                    <a:pt x="2801" y="4"/>
                  </a:lnTo>
                  <a:lnTo>
                    <a:pt x="2726" y="8"/>
                  </a:lnTo>
                  <a:lnTo>
                    <a:pt x="2651" y="15"/>
                  </a:lnTo>
                  <a:lnTo>
                    <a:pt x="2577" y="22"/>
                  </a:lnTo>
                  <a:lnTo>
                    <a:pt x="2504" y="33"/>
                  </a:lnTo>
                  <a:lnTo>
                    <a:pt x="2431" y="44"/>
                  </a:lnTo>
                  <a:lnTo>
                    <a:pt x="2358" y="58"/>
                  </a:lnTo>
                  <a:lnTo>
                    <a:pt x="2287" y="73"/>
                  </a:lnTo>
                  <a:lnTo>
                    <a:pt x="2216" y="89"/>
                  </a:lnTo>
                  <a:lnTo>
                    <a:pt x="2145" y="108"/>
                  </a:lnTo>
                  <a:lnTo>
                    <a:pt x="2076" y="128"/>
                  </a:lnTo>
                  <a:lnTo>
                    <a:pt x="2007" y="150"/>
                  </a:lnTo>
                  <a:lnTo>
                    <a:pt x="1939" y="173"/>
                  </a:lnTo>
                  <a:lnTo>
                    <a:pt x="1871" y="197"/>
                  </a:lnTo>
                  <a:lnTo>
                    <a:pt x="1805" y="223"/>
                  </a:lnTo>
                  <a:lnTo>
                    <a:pt x="1739" y="251"/>
                  </a:lnTo>
                  <a:lnTo>
                    <a:pt x="1674" y="281"/>
                  </a:lnTo>
                  <a:lnTo>
                    <a:pt x="1610" y="312"/>
                  </a:lnTo>
                  <a:lnTo>
                    <a:pt x="1547" y="343"/>
                  </a:lnTo>
                  <a:lnTo>
                    <a:pt x="1484" y="377"/>
                  </a:lnTo>
                  <a:lnTo>
                    <a:pt x="1423" y="412"/>
                  </a:lnTo>
                  <a:lnTo>
                    <a:pt x="1363" y="448"/>
                  </a:lnTo>
                  <a:lnTo>
                    <a:pt x="1304" y="486"/>
                  </a:lnTo>
                  <a:lnTo>
                    <a:pt x="1245" y="525"/>
                  </a:lnTo>
                  <a:lnTo>
                    <a:pt x="1187" y="566"/>
                  </a:lnTo>
                  <a:lnTo>
                    <a:pt x="1131" y="607"/>
                  </a:lnTo>
                  <a:lnTo>
                    <a:pt x="1076" y="650"/>
                  </a:lnTo>
                  <a:lnTo>
                    <a:pt x="1022" y="694"/>
                  </a:lnTo>
                  <a:lnTo>
                    <a:pt x="968" y="740"/>
                  </a:lnTo>
                  <a:lnTo>
                    <a:pt x="917" y="786"/>
                  </a:lnTo>
                  <a:lnTo>
                    <a:pt x="866" y="833"/>
                  </a:lnTo>
                  <a:lnTo>
                    <a:pt x="817" y="882"/>
                  </a:lnTo>
                  <a:lnTo>
                    <a:pt x="769" y="932"/>
                  </a:lnTo>
                  <a:lnTo>
                    <a:pt x="722" y="984"/>
                  </a:lnTo>
                  <a:lnTo>
                    <a:pt x="676" y="1035"/>
                  </a:lnTo>
                  <a:lnTo>
                    <a:pt x="631" y="1088"/>
                  </a:lnTo>
                  <a:lnTo>
                    <a:pt x="588" y="1142"/>
                  </a:lnTo>
                  <a:lnTo>
                    <a:pt x="545" y="1198"/>
                  </a:lnTo>
                  <a:lnTo>
                    <a:pt x="505" y="1255"/>
                  </a:lnTo>
                  <a:lnTo>
                    <a:pt x="466" y="1312"/>
                  </a:lnTo>
                  <a:lnTo>
                    <a:pt x="429" y="1369"/>
                  </a:lnTo>
                  <a:lnTo>
                    <a:pt x="392" y="1428"/>
                  </a:lnTo>
                  <a:lnTo>
                    <a:pt x="357" y="1489"/>
                  </a:lnTo>
                  <a:lnTo>
                    <a:pt x="325" y="1549"/>
                  </a:lnTo>
                  <a:lnTo>
                    <a:pt x="292" y="1611"/>
                  </a:lnTo>
                  <a:lnTo>
                    <a:pt x="262" y="1674"/>
                  </a:lnTo>
                  <a:lnTo>
                    <a:pt x="233" y="1737"/>
                  </a:lnTo>
                  <a:lnTo>
                    <a:pt x="206" y="1801"/>
                  </a:lnTo>
                  <a:lnTo>
                    <a:pt x="180" y="1866"/>
                  </a:lnTo>
                  <a:lnTo>
                    <a:pt x="156" y="1932"/>
                  </a:lnTo>
                  <a:lnTo>
                    <a:pt x="134" y="1998"/>
                  </a:lnTo>
                  <a:lnTo>
                    <a:pt x="112" y="2065"/>
                  </a:lnTo>
                  <a:lnTo>
                    <a:pt x="93" y="2133"/>
                  </a:lnTo>
                  <a:lnTo>
                    <a:pt x="77" y="2201"/>
                  </a:lnTo>
                  <a:lnTo>
                    <a:pt x="61" y="2270"/>
                  </a:lnTo>
                  <a:lnTo>
                    <a:pt x="46" y="2340"/>
                  </a:lnTo>
                  <a:lnTo>
                    <a:pt x="35" y="2410"/>
                  </a:lnTo>
                  <a:lnTo>
                    <a:pt x="24" y="2480"/>
                  </a:lnTo>
                  <a:lnTo>
                    <a:pt x="16" y="2552"/>
                  </a:lnTo>
                  <a:lnTo>
                    <a:pt x="9" y="2624"/>
                  </a:lnTo>
                  <a:lnTo>
                    <a:pt x="5" y="2696"/>
                  </a:lnTo>
                  <a:lnTo>
                    <a:pt x="1" y="2769"/>
                  </a:lnTo>
                  <a:lnTo>
                    <a:pt x="0" y="2842"/>
                  </a:lnTo>
                  <a:lnTo>
                    <a:pt x="0" y="2842"/>
                  </a:lnTo>
                  <a:lnTo>
                    <a:pt x="1" y="2916"/>
                  </a:lnTo>
                  <a:lnTo>
                    <a:pt x="5" y="2988"/>
                  </a:lnTo>
                  <a:lnTo>
                    <a:pt x="9" y="3060"/>
                  </a:lnTo>
                  <a:lnTo>
                    <a:pt x="16" y="3133"/>
                  </a:lnTo>
                  <a:lnTo>
                    <a:pt x="24" y="3204"/>
                  </a:lnTo>
                  <a:lnTo>
                    <a:pt x="35" y="3274"/>
                  </a:lnTo>
                  <a:lnTo>
                    <a:pt x="46" y="3344"/>
                  </a:lnTo>
                  <a:lnTo>
                    <a:pt x="61" y="3414"/>
                  </a:lnTo>
                  <a:lnTo>
                    <a:pt x="77" y="3484"/>
                  </a:lnTo>
                  <a:lnTo>
                    <a:pt x="93" y="3552"/>
                  </a:lnTo>
                  <a:lnTo>
                    <a:pt x="112" y="3620"/>
                  </a:lnTo>
                  <a:lnTo>
                    <a:pt x="134" y="3687"/>
                  </a:lnTo>
                  <a:lnTo>
                    <a:pt x="156" y="3752"/>
                  </a:lnTo>
                  <a:lnTo>
                    <a:pt x="180" y="3818"/>
                  </a:lnTo>
                  <a:lnTo>
                    <a:pt x="206" y="3883"/>
                  </a:lnTo>
                  <a:lnTo>
                    <a:pt x="233" y="3947"/>
                  </a:lnTo>
                  <a:lnTo>
                    <a:pt x="262" y="4011"/>
                  </a:lnTo>
                  <a:lnTo>
                    <a:pt x="292" y="4073"/>
                  </a:lnTo>
                  <a:lnTo>
                    <a:pt x="325" y="4135"/>
                  </a:lnTo>
                  <a:lnTo>
                    <a:pt x="357" y="4195"/>
                  </a:lnTo>
                  <a:lnTo>
                    <a:pt x="392" y="4256"/>
                  </a:lnTo>
                  <a:lnTo>
                    <a:pt x="429" y="4315"/>
                  </a:lnTo>
                  <a:lnTo>
                    <a:pt x="466" y="4372"/>
                  </a:lnTo>
                  <a:lnTo>
                    <a:pt x="505" y="4429"/>
                  </a:lnTo>
                  <a:lnTo>
                    <a:pt x="545" y="4487"/>
                  </a:lnTo>
                  <a:lnTo>
                    <a:pt x="588" y="4542"/>
                  </a:lnTo>
                  <a:lnTo>
                    <a:pt x="631" y="4596"/>
                  </a:lnTo>
                  <a:lnTo>
                    <a:pt x="676" y="4649"/>
                  </a:lnTo>
                  <a:lnTo>
                    <a:pt x="722" y="4701"/>
                  </a:lnTo>
                  <a:lnTo>
                    <a:pt x="769" y="4752"/>
                  </a:lnTo>
                  <a:lnTo>
                    <a:pt x="817" y="4802"/>
                  </a:lnTo>
                  <a:lnTo>
                    <a:pt x="866" y="4851"/>
                  </a:lnTo>
                  <a:lnTo>
                    <a:pt x="917" y="4898"/>
                  </a:lnTo>
                  <a:lnTo>
                    <a:pt x="968" y="4945"/>
                  </a:lnTo>
                  <a:lnTo>
                    <a:pt x="1022" y="4990"/>
                  </a:lnTo>
                  <a:lnTo>
                    <a:pt x="1076" y="5034"/>
                  </a:lnTo>
                  <a:lnTo>
                    <a:pt x="1131" y="5077"/>
                  </a:lnTo>
                  <a:lnTo>
                    <a:pt x="1187" y="5118"/>
                  </a:lnTo>
                  <a:lnTo>
                    <a:pt x="1245" y="5159"/>
                  </a:lnTo>
                  <a:lnTo>
                    <a:pt x="1304" y="5198"/>
                  </a:lnTo>
                  <a:lnTo>
                    <a:pt x="1363" y="5236"/>
                  </a:lnTo>
                  <a:lnTo>
                    <a:pt x="1423" y="5272"/>
                  </a:lnTo>
                  <a:lnTo>
                    <a:pt x="1484" y="5307"/>
                  </a:lnTo>
                  <a:lnTo>
                    <a:pt x="1547" y="5341"/>
                  </a:lnTo>
                  <a:lnTo>
                    <a:pt x="1610" y="5372"/>
                  </a:lnTo>
                  <a:lnTo>
                    <a:pt x="1674" y="5404"/>
                  </a:lnTo>
                  <a:lnTo>
                    <a:pt x="1739" y="5433"/>
                  </a:lnTo>
                  <a:lnTo>
                    <a:pt x="1805" y="5461"/>
                  </a:lnTo>
                  <a:lnTo>
                    <a:pt x="1871" y="5487"/>
                  </a:lnTo>
                  <a:lnTo>
                    <a:pt x="1939" y="5512"/>
                  </a:lnTo>
                  <a:lnTo>
                    <a:pt x="2007" y="5534"/>
                  </a:lnTo>
                  <a:lnTo>
                    <a:pt x="2076" y="5556"/>
                  </a:lnTo>
                  <a:lnTo>
                    <a:pt x="2145" y="5576"/>
                  </a:lnTo>
                  <a:lnTo>
                    <a:pt x="2216" y="5595"/>
                  </a:lnTo>
                  <a:lnTo>
                    <a:pt x="2287" y="5611"/>
                  </a:lnTo>
                  <a:lnTo>
                    <a:pt x="2358" y="5626"/>
                  </a:lnTo>
                  <a:lnTo>
                    <a:pt x="2431" y="5640"/>
                  </a:lnTo>
                  <a:lnTo>
                    <a:pt x="2504" y="5651"/>
                  </a:lnTo>
                  <a:lnTo>
                    <a:pt x="2577" y="5662"/>
                  </a:lnTo>
                  <a:lnTo>
                    <a:pt x="2651" y="5669"/>
                  </a:lnTo>
                  <a:lnTo>
                    <a:pt x="2726" y="5676"/>
                  </a:lnTo>
                  <a:lnTo>
                    <a:pt x="2801" y="5680"/>
                  </a:lnTo>
                  <a:lnTo>
                    <a:pt x="2877" y="5683"/>
                  </a:lnTo>
                  <a:lnTo>
                    <a:pt x="2953" y="5684"/>
                  </a:lnTo>
                  <a:close/>
                </a:path>
              </a:pathLst>
            </a:custGeom>
            <a:solidFill>
              <a:srgbClr val="BCBCB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8" name="Freeform 285">
              <a:extLst>
                <a:ext uri="{FF2B5EF4-FFF2-40B4-BE49-F238E27FC236}">
                  <a16:creationId xmlns:a16="http://schemas.microsoft.com/office/drawing/2014/main" xmlns="" id="{8DF6B855-F9C7-0E4A-8AC8-C0F7C688EF6E}"/>
                </a:ext>
              </a:extLst>
            </p:cNvPr>
            <p:cNvSpPr>
              <a:spLocks/>
            </p:cNvSpPr>
            <p:nvPr/>
          </p:nvSpPr>
          <p:spPr bwMode="auto">
            <a:xfrm flipH="1">
              <a:off x="6610556" y="705021"/>
              <a:ext cx="5166185" cy="5180464"/>
            </a:xfrm>
            <a:custGeom>
              <a:avLst/>
              <a:gdLst>
                <a:gd name="T0" fmla="*/ 3179 w 5905"/>
                <a:gd name="T1" fmla="*/ 5676 h 5684"/>
                <a:gd name="T2" fmla="*/ 3547 w 5905"/>
                <a:gd name="T3" fmla="*/ 5626 h 5684"/>
                <a:gd name="T4" fmla="*/ 3899 w 5905"/>
                <a:gd name="T5" fmla="*/ 5534 h 5684"/>
                <a:gd name="T6" fmla="*/ 4232 w 5905"/>
                <a:gd name="T7" fmla="*/ 5404 h 5684"/>
                <a:gd name="T8" fmla="*/ 4542 w 5905"/>
                <a:gd name="T9" fmla="*/ 5236 h 5684"/>
                <a:gd name="T10" fmla="*/ 4830 w 5905"/>
                <a:gd name="T11" fmla="*/ 5034 h 5684"/>
                <a:gd name="T12" fmla="*/ 5089 w 5905"/>
                <a:gd name="T13" fmla="*/ 4802 h 5684"/>
                <a:gd name="T14" fmla="*/ 5318 w 5905"/>
                <a:gd name="T15" fmla="*/ 4542 h 5684"/>
                <a:gd name="T16" fmla="*/ 5514 w 5905"/>
                <a:gd name="T17" fmla="*/ 4256 h 5684"/>
                <a:gd name="T18" fmla="*/ 5673 w 5905"/>
                <a:gd name="T19" fmla="*/ 3947 h 5684"/>
                <a:gd name="T20" fmla="*/ 5793 w 5905"/>
                <a:gd name="T21" fmla="*/ 3620 h 5684"/>
                <a:gd name="T22" fmla="*/ 5871 w 5905"/>
                <a:gd name="T23" fmla="*/ 3274 h 5684"/>
                <a:gd name="T24" fmla="*/ 5904 w 5905"/>
                <a:gd name="T25" fmla="*/ 2916 h 5684"/>
                <a:gd name="T26" fmla="*/ 5896 w 5905"/>
                <a:gd name="T27" fmla="*/ 2624 h 5684"/>
                <a:gd name="T28" fmla="*/ 5845 w 5905"/>
                <a:gd name="T29" fmla="*/ 2270 h 5684"/>
                <a:gd name="T30" fmla="*/ 5750 w 5905"/>
                <a:gd name="T31" fmla="*/ 1932 h 5684"/>
                <a:gd name="T32" fmla="*/ 5614 w 5905"/>
                <a:gd name="T33" fmla="*/ 1611 h 5684"/>
                <a:gd name="T34" fmla="*/ 5440 w 5905"/>
                <a:gd name="T35" fmla="*/ 1312 h 5684"/>
                <a:gd name="T36" fmla="*/ 5230 w 5905"/>
                <a:gd name="T37" fmla="*/ 1035 h 5684"/>
                <a:gd name="T38" fmla="*/ 4989 w 5905"/>
                <a:gd name="T39" fmla="*/ 786 h 5684"/>
                <a:gd name="T40" fmla="*/ 4719 w 5905"/>
                <a:gd name="T41" fmla="*/ 566 h 5684"/>
                <a:gd name="T42" fmla="*/ 4421 w 5905"/>
                <a:gd name="T43" fmla="*/ 377 h 5684"/>
                <a:gd name="T44" fmla="*/ 4100 w 5905"/>
                <a:gd name="T45" fmla="*/ 223 h 5684"/>
                <a:gd name="T46" fmla="*/ 3761 w 5905"/>
                <a:gd name="T47" fmla="*/ 108 h 5684"/>
                <a:gd name="T48" fmla="*/ 3402 w 5905"/>
                <a:gd name="T49" fmla="*/ 33 h 5684"/>
                <a:gd name="T50" fmla="*/ 3029 w 5905"/>
                <a:gd name="T51" fmla="*/ 1 h 5684"/>
                <a:gd name="T52" fmla="*/ 2726 w 5905"/>
                <a:gd name="T53" fmla="*/ 8 h 5684"/>
                <a:gd name="T54" fmla="*/ 2358 w 5905"/>
                <a:gd name="T55" fmla="*/ 58 h 5684"/>
                <a:gd name="T56" fmla="*/ 2007 w 5905"/>
                <a:gd name="T57" fmla="*/ 150 h 5684"/>
                <a:gd name="T58" fmla="*/ 1674 w 5905"/>
                <a:gd name="T59" fmla="*/ 281 h 5684"/>
                <a:gd name="T60" fmla="*/ 1363 w 5905"/>
                <a:gd name="T61" fmla="*/ 448 h 5684"/>
                <a:gd name="T62" fmla="*/ 1076 w 5905"/>
                <a:gd name="T63" fmla="*/ 650 h 5684"/>
                <a:gd name="T64" fmla="*/ 817 w 5905"/>
                <a:gd name="T65" fmla="*/ 882 h 5684"/>
                <a:gd name="T66" fmla="*/ 588 w 5905"/>
                <a:gd name="T67" fmla="*/ 1142 h 5684"/>
                <a:gd name="T68" fmla="*/ 392 w 5905"/>
                <a:gd name="T69" fmla="*/ 1428 h 5684"/>
                <a:gd name="T70" fmla="*/ 233 w 5905"/>
                <a:gd name="T71" fmla="*/ 1737 h 5684"/>
                <a:gd name="T72" fmla="*/ 112 w 5905"/>
                <a:gd name="T73" fmla="*/ 2065 h 5684"/>
                <a:gd name="T74" fmla="*/ 35 w 5905"/>
                <a:gd name="T75" fmla="*/ 2410 h 5684"/>
                <a:gd name="T76" fmla="*/ 1 w 5905"/>
                <a:gd name="T77" fmla="*/ 2769 h 5684"/>
                <a:gd name="T78" fmla="*/ 9 w 5905"/>
                <a:gd name="T79" fmla="*/ 3060 h 5684"/>
                <a:gd name="T80" fmla="*/ 61 w 5905"/>
                <a:gd name="T81" fmla="*/ 3414 h 5684"/>
                <a:gd name="T82" fmla="*/ 156 w 5905"/>
                <a:gd name="T83" fmla="*/ 3752 h 5684"/>
                <a:gd name="T84" fmla="*/ 292 w 5905"/>
                <a:gd name="T85" fmla="*/ 4073 h 5684"/>
                <a:gd name="T86" fmla="*/ 466 w 5905"/>
                <a:gd name="T87" fmla="*/ 4372 h 5684"/>
                <a:gd name="T88" fmla="*/ 676 w 5905"/>
                <a:gd name="T89" fmla="*/ 4649 h 5684"/>
                <a:gd name="T90" fmla="*/ 917 w 5905"/>
                <a:gd name="T91" fmla="*/ 4898 h 5684"/>
                <a:gd name="T92" fmla="*/ 1187 w 5905"/>
                <a:gd name="T93" fmla="*/ 5118 h 5684"/>
                <a:gd name="T94" fmla="*/ 1484 w 5905"/>
                <a:gd name="T95" fmla="*/ 5307 h 5684"/>
                <a:gd name="T96" fmla="*/ 1805 w 5905"/>
                <a:gd name="T97" fmla="*/ 5461 h 5684"/>
                <a:gd name="T98" fmla="*/ 2145 w 5905"/>
                <a:gd name="T99" fmla="*/ 5576 h 5684"/>
                <a:gd name="T100" fmla="*/ 2504 w 5905"/>
                <a:gd name="T101" fmla="*/ 5651 h 5684"/>
                <a:gd name="T102" fmla="*/ 2877 w 5905"/>
                <a:gd name="T103" fmla="*/ 5683 h 56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05" h="5684">
                  <a:moveTo>
                    <a:pt x="2953" y="5684"/>
                  </a:moveTo>
                  <a:lnTo>
                    <a:pt x="2953" y="5684"/>
                  </a:lnTo>
                  <a:lnTo>
                    <a:pt x="3029" y="5683"/>
                  </a:lnTo>
                  <a:lnTo>
                    <a:pt x="3104" y="5680"/>
                  </a:lnTo>
                  <a:lnTo>
                    <a:pt x="3179" y="5676"/>
                  </a:lnTo>
                  <a:lnTo>
                    <a:pt x="3255" y="5669"/>
                  </a:lnTo>
                  <a:lnTo>
                    <a:pt x="3329" y="5662"/>
                  </a:lnTo>
                  <a:lnTo>
                    <a:pt x="3402" y="5651"/>
                  </a:lnTo>
                  <a:lnTo>
                    <a:pt x="3475" y="5640"/>
                  </a:lnTo>
                  <a:lnTo>
                    <a:pt x="3547" y="5626"/>
                  </a:lnTo>
                  <a:lnTo>
                    <a:pt x="3619" y="5611"/>
                  </a:lnTo>
                  <a:lnTo>
                    <a:pt x="3690" y="5595"/>
                  </a:lnTo>
                  <a:lnTo>
                    <a:pt x="3761" y="5576"/>
                  </a:lnTo>
                  <a:lnTo>
                    <a:pt x="3830" y="5556"/>
                  </a:lnTo>
                  <a:lnTo>
                    <a:pt x="3899" y="5534"/>
                  </a:lnTo>
                  <a:lnTo>
                    <a:pt x="3967" y="5512"/>
                  </a:lnTo>
                  <a:lnTo>
                    <a:pt x="4034" y="5487"/>
                  </a:lnTo>
                  <a:lnTo>
                    <a:pt x="4100" y="5461"/>
                  </a:lnTo>
                  <a:lnTo>
                    <a:pt x="4167" y="5433"/>
                  </a:lnTo>
                  <a:lnTo>
                    <a:pt x="4232" y="5404"/>
                  </a:lnTo>
                  <a:lnTo>
                    <a:pt x="4296" y="5372"/>
                  </a:lnTo>
                  <a:lnTo>
                    <a:pt x="4358" y="5341"/>
                  </a:lnTo>
                  <a:lnTo>
                    <a:pt x="4421" y="5307"/>
                  </a:lnTo>
                  <a:lnTo>
                    <a:pt x="4483" y="5272"/>
                  </a:lnTo>
                  <a:lnTo>
                    <a:pt x="4542" y="5236"/>
                  </a:lnTo>
                  <a:lnTo>
                    <a:pt x="4602" y="5198"/>
                  </a:lnTo>
                  <a:lnTo>
                    <a:pt x="4660" y="5159"/>
                  </a:lnTo>
                  <a:lnTo>
                    <a:pt x="4719" y="5118"/>
                  </a:lnTo>
                  <a:lnTo>
                    <a:pt x="4775" y="5077"/>
                  </a:lnTo>
                  <a:lnTo>
                    <a:pt x="4830" y="5034"/>
                  </a:lnTo>
                  <a:lnTo>
                    <a:pt x="4883" y="4990"/>
                  </a:lnTo>
                  <a:lnTo>
                    <a:pt x="4937" y="4945"/>
                  </a:lnTo>
                  <a:lnTo>
                    <a:pt x="4989" y="4898"/>
                  </a:lnTo>
                  <a:lnTo>
                    <a:pt x="5039" y="4851"/>
                  </a:lnTo>
                  <a:lnTo>
                    <a:pt x="5089" y="4802"/>
                  </a:lnTo>
                  <a:lnTo>
                    <a:pt x="5137" y="4752"/>
                  </a:lnTo>
                  <a:lnTo>
                    <a:pt x="5184" y="4701"/>
                  </a:lnTo>
                  <a:lnTo>
                    <a:pt x="5230" y="4649"/>
                  </a:lnTo>
                  <a:lnTo>
                    <a:pt x="5275" y="4596"/>
                  </a:lnTo>
                  <a:lnTo>
                    <a:pt x="5318" y="4542"/>
                  </a:lnTo>
                  <a:lnTo>
                    <a:pt x="5360" y="4487"/>
                  </a:lnTo>
                  <a:lnTo>
                    <a:pt x="5401" y="4429"/>
                  </a:lnTo>
                  <a:lnTo>
                    <a:pt x="5440" y="4372"/>
                  </a:lnTo>
                  <a:lnTo>
                    <a:pt x="5477" y="4315"/>
                  </a:lnTo>
                  <a:lnTo>
                    <a:pt x="5514" y="4256"/>
                  </a:lnTo>
                  <a:lnTo>
                    <a:pt x="5549" y="4195"/>
                  </a:lnTo>
                  <a:lnTo>
                    <a:pt x="5581" y="4135"/>
                  </a:lnTo>
                  <a:lnTo>
                    <a:pt x="5614" y="4073"/>
                  </a:lnTo>
                  <a:lnTo>
                    <a:pt x="5644" y="4011"/>
                  </a:lnTo>
                  <a:lnTo>
                    <a:pt x="5673" y="3947"/>
                  </a:lnTo>
                  <a:lnTo>
                    <a:pt x="5700" y="3883"/>
                  </a:lnTo>
                  <a:lnTo>
                    <a:pt x="5726" y="3818"/>
                  </a:lnTo>
                  <a:lnTo>
                    <a:pt x="5750" y="3752"/>
                  </a:lnTo>
                  <a:lnTo>
                    <a:pt x="5772" y="3687"/>
                  </a:lnTo>
                  <a:lnTo>
                    <a:pt x="5793" y="3620"/>
                  </a:lnTo>
                  <a:lnTo>
                    <a:pt x="5812" y="3552"/>
                  </a:lnTo>
                  <a:lnTo>
                    <a:pt x="5829" y="3484"/>
                  </a:lnTo>
                  <a:lnTo>
                    <a:pt x="5845" y="3414"/>
                  </a:lnTo>
                  <a:lnTo>
                    <a:pt x="5859" y="3344"/>
                  </a:lnTo>
                  <a:lnTo>
                    <a:pt x="5871" y="3274"/>
                  </a:lnTo>
                  <a:lnTo>
                    <a:pt x="5882" y="3204"/>
                  </a:lnTo>
                  <a:lnTo>
                    <a:pt x="5890" y="3133"/>
                  </a:lnTo>
                  <a:lnTo>
                    <a:pt x="5896" y="3060"/>
                  </a:lnTo>
                  <a:lnTo>
                    <a:pt x="5901" y="2988"/>
                  </a:lnTo>
                  <a:lnTo>
                    <a:pt x="5904" y="2916"/>
                  </a:lnTo>
                  <a:lnTo>
                    <a:pt x="5905" y="2842"/>
                  </a:lnTo>
                  <a:lnTo>
                    <a:pt x="5905" y="2842"/>
                  </a:lnTo>
                  <a:lnTo>
                    <a:pt x="5904" y="2769"/>
                  </a:lnTo>
                  <a:lnTo>
                    <a:pt x="5901" y="2696"/>
                  </a:lnTo>
                  <a:lnTo>
                    <a:pt x="5896" y="2624"/>
                  </a:lnTo>
                  <a:lnTo>
                    <a:pt x="5890" y="2552"/>
                  </a:lnTo>
                  <a:lnTo>
                    <a:pt x="5882" y="2480"/>
                  </a:lnTo>
                  <a:lnTo>
                    <a:pt x="5871" y="2410"/>
                  </a:lnTo>
                  <a:lnTo>
                    <a:pt x="5859" y="2340"/>
                  </a:lnTo>
                  <a:lnTo>
                    <a:pt x="5845" y="2270"/>
                  </a:lnTo>
                  <a:lnTo>
                    <a:pt x="5829" y="2201"/>
                  </a:lnTo>
                  <a:lnTo>
                    <a:pt x="5812" y="2133"/>
                  </a:lnTo>
                  <a:lnTo>
                    <a:pt x="5793" y="2065"/>
                  </a:lnTo>
                  <a:lnTo>
                    <a:pt x="5772" y="1998"/>
                  </a:lnTo>
                  <a:lnTo>
                    <a:pt x="5750" y="1932"/>
                  </a:lnTo>
                  <a:lnTo>
                    <a:pt x="5726" y="1866"/>
                  </a:lnTo>
                  <a:lnTo>
                    <a:pt x="5700" y="1801"/>
                  </a:lnTo>
                  <a:lnTo>
                    <a:pt x="5673" y="1737"/>
                  </a:lnTo>
                  <a:lnTo>
                    <a:pt x="5644" y="1674"/>
                  </a:lnTo>
                  <a:lnTo>
                    <a:pt x="5614" y="1611"/>
                  </a:lnTo>
                  <a:lnTo>
                    <a:pt x="5581" y="1549"/>
                  </a:lnTo>
                  <a:lnTo>
                    <a:pt x="5549" y="1489"/>
                  </a:lnTo>
                  <a:lnTo>
                    <a:pt x="5514" y="1428"/>
                  </a:lnTo>
                  <a:lnTo>
                    <a:pt x="5477" y="1369"/>
                  </a:lnTo>
                  <a:lnTo>
                    <a:pt x="5440" y="1312"/>
                  </a:lnTo>
                  <a:lnTo>
                    <a:pt x="5401" y="1255"/>
                  </a:lnTo>
                  <a:lnTo>
                    <a:pt x="5360" y="1198"/>
                  </a:lnTo>
                  <a:lnTo>
                    <a:pt x="5318" y="1142"/>
                  </a:lnTo>
                  <a:lnTo>
                    <a:pt x="5275" y="1088"/>
                  </a:lnTo>
                  <a:lnTo>
                    <a:pt x="5230" y="1035"/>
                  </a:lnTo>
                  <a:lnTo>
                    <a:pt x="5184" y="984"/>
                  </a:lnTo>
                  <a:lnTo>
                    <a:pt x="5137" y="932"/>
                  </a:lnTo>
                  <a:lnTo>
                    <a:pt x="5089" y="882"/>
                  </a:lnTo>
                  <a:lnTo>
                    <a:pt x="5039" y="833"/>
                  </a:lnTo>
                  <a:lnTo>
                    <a:pt x="4989" y="786"/>
                  </a:lnTo>
                  <a:lnTo>
                    <a:pt x="4937" y="740"/>
                  </a:lnTo>
                  <a:lnTo>
                    <a:pt x="4883" y="694"/>
                  </a:lnTo>
                  <a:lnTo>
                    <a:pt x="4830" y="650"/>
                  </a:lnTo>
                  <a:lnTo>
                    <a:pt x="4775" y="607"/>
                  </a:lnTo>
                  <a:lnTo>
                    <a:pt x="4719" y="566"/>
                  </a:lnTo>
                  <a:lnTo>
                    <a:pt x="4660" y="525"/>
                  </a:lnTo>
                  <a:lnTo>
                    <a:pt x="4602" y="486"/>
                  </a:lnTo>
                  <a:lnTo>
                    <a:pt x="4542" y="448"/>
                  </a:lnTo>
                  <a:lnTo>
                    <a:pt x="4483" y="412"/>
                  </a:lnTo>
                  <a:lnTo>
                    <a:pt x="4421" y="377"/>
                  </a:lnTo>
                  <a:lnTo>
                    <a:pt x="4358" y="343"/>
                  </a:lnTo>
                  <a:lnTo>
                    <a:pt x="4296" y="312"/>
                  </a:lnTo>
                  <a:lnTo>
                    <a:pt x="4232" y="281"/>
                  </a:lnTo>
                  <a:lnTo>
                    <a:pt x="4167" y="251"/>
                  </a:lnTo>
                  <a:lnTo>
                    <a:pt x="4100" y="223"/>
                  </a:lnTo>
                  <a:lnTo>
                    <a:pt x="4034" y="197"/>
                  </a:lnTo>
                  <a:lnTo>
                    <a:pt x="3967" y="173"/>
                  </a:lnTo>
                  <a:lnTo>
                    <a:pt x="3899" y="150"/>
                  </a:lnTo>
                  <a:lnTo>
                    <a:pt x="3830" y="128"/>
                  </a:lnTo>
                  <a:lnTo>
                    <a:pt x="3761" y="108"/>
                  </a:lnTo>
                  <a:lnTo>
                    <a:pt x="3690" y="89"/>
                  </a:lnTo>
                  <a:lnTo>
                    <a:pt x="3619" y="73"/>
                  </a:lnTo>
                  <a:lnTo>
                    <a:pt x="3547" y="58"/>
                  </a:lnTo>
                  <a:lnTo>
                    <a:pt x="3475" y="44"/>
                  </a:lnTo>
                  <a:lnTo>
                    <a:pt x="3402" y="33"/>
                  </a:lnTo>
                  <a:lnTo>
                    <a:pt x="3329" y="22"/>
                  </a:lnTo>
                  <a:lnTo>
                    <a:pt x="3255" y="15"/>
                  </a:lnTo>
                  <a:lnTo>
                    <a:pt x="3179" y="8"/>
                  </a:lnTo>
                  <a:lnTo>
                    <a:pt x="3104" y="4"/>
                  </a:lnTo>
                  <a:lnTo>
                    <a:pt x="3029" y="1"/>
                  </a:lnTo>
                  <a:lnTo>
                    <a:pt x="2953" y="0"/>
                  </a:lnTo>
                  <a:lnTo>
                    <a:pt x="2953" y="0"/>
                  </a:lnTo>
                  <a:lnTo>
                    <a:pt x="2877" y="1"/>
                  </a:lnTo>
                  <a:lnTo>
                    <a:pt x="2801" y="4"/>
                  </a:lnTo>
                  <a:lnTo>
                    <a:pt x="2726" y="8"/>
                  </a:lnTo>
                  <a:lnTo>
                    <a:pt x="2651" y="15"/>
                  </a:lnTo>
                  <a:lnTo>
                    <a:pt x="2577" y="22"/>
                  </a:lnTo>
                  <a:lnTo>
                    <a:pt x="2504" y="33"/>
                  </a:lnTo>
                  <a:lnTo>
                    <a:pt x="2431" y="44"/>
                  </a:lnTo>
                  <a:lnTo>
                    <a:pt x="2358" y="58"/>
                  </a:lnTo>
                  <a:lnTo>
                    <a:pt x="2287" y="73"/>
                  </a:lnTo>
                  <a:lnTo>
                    <a:pt x="2216" y="89"/>
                  </a:lnTo>
                  <a:lnTo>
                    <a:pt x="2145" y="108"/>
                  </a:lnTo>
                  <a:lnTo>
                    <a:pt x="2076" y="128"/>
                  </a:lnTo>
                  <a:lnTo>
                    <a:pt x="2007" y="150"/>
                  </a:lnTo>
                  <a:lnTo>
                    <a:pt x="1939" y="173"/>
                  </a:lnTo>
                  <a:lnTo>
                    <a:pt x="1871" y="197"/>
                  </a:lnTo>
                  <a:lnTo>
                    <a:pt x="1805" y="223"/>
                  </a:lnTo>
                  <a:lnTo>
                    <a:pt x="1739" y="251"/>
                  </a:lnTo>
                  <a:lnTo>
                    <a:pt x="1674" y="281"/>
                  </a:lnTo>
                  <a:lnTo>
                    <a:pt x="1610" y="312"/>
                  </a:lnTo>
                  <a:lnTo>
                    <a:pt x="1547" y="343"/>
                  </a:lnTo>
                  <a:lnTo>
                    <a:pt x="1484" y="377"/>
                  </a:lnTo>
                  <a:lnTo>
                    <a:pt x="1423" y="412"/>
                  </a:lnTo>
                  <a:lnTo>
                    <a:pt x="1363" y="448"/>
                  </a:lnTo>
                  <a:lnTo>
                    <a:pt x="1304" y="486"/>
                  </a:lnTo>
                  <a:lnTo>
                    <a:pt x="1245" y="525"/>
                  </a:lnTo>
                  <a:lnTo>
                    <a:pt x="1187" y="566"/>
                  </a:lnTo>
                  <a:lnTo>
                    <a:pt x="1131" y="607"/>
                  </a:lnTo>
                  <a:lnTo>
                    <a:pt x="1076" y="650"/>
                  </a:lnTo>
                  <a:lnTo>
                    <a:pt x="1022" y="694"/>
                  </a:lnTo>
                  <a:lnTo>
                    <a:pt x="968" y="740"/>
                  </a:lnTo>
                  <a:lnTo>
                    <a:pt x="917" y="786"/>
                  </a:lnTo>
                  <a:lnTo>
                    <a:pt x="866" y="833"/>
                  </a:lnTo>
                  <a:lnTo>
                    <a:pt x="817" y="882"/>
                  </a:lnTo>
                  <a:lnTo>
                    <a:pt x="769" y="932"/>
                  </a:lnTo>
                  <a:lnTo>
                    <a:pt x="722" y="984"/>
                  </a:lnTo>
                  <a:lnTo>
                    <a:pt x="676" y="1035"/>
                  </a:lnTo>
                  <a:lnTo>
                    <a:pt x="631" y="1088"/>
                  </a:lnTo>
                  <a:lnTo>
                    <a:pt x="588" y="1142"/>
                  </a:lnTo>
                  <a:lnTo>
                    <a:pt x="545" y="1198"/>
                  </a:lnTo>
                  <a:lnTo>
                    <a:pt x="505" y="1255"/>
                  </a:lnTo>
                  <a:lnTo>
                    <a:pt x="466" y="1312"/>
                  </a:lnTo>
                  <a:lnTo>
                    <a:pt x="429" y="1369"/>
                  </a:lnTo>
                  <a:lnTo>
                    <a:pt x="392" y="1428"/>
                  </a:lnTo>
                  <a:lnTo>
                    <a:pt x="357" y="1489"/>
                  </a:lnTo>
                  <a:lnTo>
                    <a:pt x="325" y="1549"/>
                  </a:lnTo>
                  <a:lnTo>
                    <a:pt x="292" y="1611"/>
                  </a:lnTo>
                  <a:lnTo>
                    <a:pt x="262" y="1674"/>
                  </a:lnTo>
                  <a:lnTo>
                    <a:pt x="233" y="1737"/>
                  </a:lnTo>
                  <a:lnTo>
                    <a:pt x="206" y="1801"/>
                  </a:lnTo>
                  <a:lnTo>
                    <a:pt x="180" y="1866"/>
                  </a:lnTo>
                  <a:lnTo>
                    <a:pt x="156" y="1932"/>
                  </a:lnTo>
                  <a:lnTo>
                    <a:pt x="134" y="1998"/>
                  </a:lnTo>
                  <a:lnTo>
                    <a:pt x="112" y="2065"/>
                  </a:lnTo>
                  <a:lnTo>
                    <a:pt x="93" y="2133"/>
                  </a:lnTo>
                  <a:lnTo>
                    <a:pt x="77" y="2201"/>
                  </a:lnTo>
                  <a:lnTo>
                    <a:pt x="61" y="2270"/>
                  </a:lnTo>
                  <a:lnTo>
                    <a:pt x="46" y="2340"/>
                  </a:lnTo>
                  <a:lnTo>
                    <a:pt x="35" y="2410"/>
                  </a:lnTo>
                  <a:lnTo>
                    <a:pt x="24" y="2480"/>
                  </a:lnTo>
                  <a:lnTo>
                    <a:pt x="16" y="2552"/>
                  </a:lnTo>
                  <a:lnTo>
                    <a:pt x="9" y="2624"/>
                  </a:lnTo>
                  <a:lnTo>
                    <a:pt x="5" y="2696"/>
                  </a:lnTo>
                  <a:lnTo>
                    <a:pt x="1" y="2769"/>
                  </a:lnTo>
                  <a:lnTo>
                    <a:pt x="0" y="2842"/>
                  </a:lnTo>
                  <a:lnTo>
                    <a:pt x="0" y="2842"/>
                  </a:lnTo>
                  <a:lnTo>
                    <a:pt x="1" y="2916"/>
                  </a:lnTo>
                  <a:lnTo>
                    <a:pt x="5" y="2988"/>
                  </a:lnTo>
                  <a:lnTo>
                    <a:pt x="9" y="3060"/>
                  </a:lnTo>
                  <a:lnTo>
                    <a:pt x="16" y="3133"/>
                  </a:lnTo>
                  <a:lnTo>
                    <a:pt x="24" y="3204"/>
                  </a:lnTo>
                  <a:lnTo>
                    <a:pt x="35" y="3274"/>
                  </a:lnTo>
                  <a:lnTo>
                    <a:pt x="46" y="3344"/>
                  </a:lnTo>
                  <a:lnTo>
                    <a:pt x="61" y="3414"/>
                  </a:lnTo>
                  <a:lnTo>
                    <a:pt x="77" y="3484"/>
                  </a:lnTo>
                  <a:lnTo>
                    <a:pt x="93" y="3552"/>
                  </a:lnTo>
                  <a:lnTo>
                    <a:pt x="112" y="3620"/>
                  </a:lnTo>
                  <a:lnTo>
                    <a:pt x="134" y="3687"/>
                  </a:lnTo>
                  <a:lnTo>
                    <a:pt x="156" y="3752"/>
                  </a:lnTo>
                  <a:lnTo>
                    <a:pt x="180" y="3818"/>
                  </a:lnTo>
                  <a:lnTo>
                    <a:pt x="206" y="3883"/>
                  </a:lnTo>
                  <a:lnTo>
                    <a:pt x="233" y="3947"/>
                  </a:lnTo>
                  <a:lnTo>
                    <a:pt x="262" y="4011"/>
                  </a:lnTo>
                  <a:lnTo>
                    <a:pt x="292" y="4073"/>
                  </a:lnTo>
                  <a:lnTo>
                    <a:pt x="325" y="4135"/>
                  </a:lnTo>
                  <a:lnTo>
                    <a:pt x="357" y="4195"/>
                  </a:lnTo>
                  <a:lnTo>
                    <a:pt x="392" y="4256"/>
                  </a:lnTo>
                  <a:lnTo>
                    <a:pt x="429" y="4315"/>
                  </a:lnTo>
                  <a:lnTo>
                    <a:pt x="466" y="4372"/>
                  </a:lnTo>
                  <a:lnTo>
                    <a:pt x="505" y="4429"/>
                  </a:lnTo>
                  <a:lnTo>
                    <a:pt x="545" y="4487"/>
                  </a:lnTo>
                  <a:lnTo>
                    <a:pt x="588" y="4542"/>
                  </a:lnTo>
                  <a:lnTo>
                    <a:pt x="631" y="4596"/>
                  </a:lnTo>
                  <a:lnTo>
                    <a:pt x="676" y="4649"/>
                  </a:lnTo>
                  <a:lnTo>
                    <a:pt x="722" y="4701"/>
                  </a:lnTo>
                  <a:lnTo>
                    <a:pt x="769" y="4752"/>
                  </a:lnTo>
                  <a:lnTo>
                    <a:pt x="817" y="4802"/>
                  </a:lnTo>
                  <a:lnTo>
                    <a:pt x="866" y="4851"/>
                  </a:lnTo>
                  <a:lnTo>
                    <a:pt x="917" y="4898"/>
                  </a:lnTo>
                  <a:lnTo>
                    <a:pt x="968" y="4945"/>
                  </a:lnTo>
                  <a:lnTo>
                    <a:pt x="1022" y="4990"/>
                  </a:lnTo>
                  <a:lnTo>
                    <a:pt x="1076" y="5034"/>
                  </a:lnTo>
                  <a:lnTo>
                    <a:pt x="1131" y="5077"/>
                  </a:lnTo>
                  <a:lnTo>
                    <a:pt x="1187" y="5118"/>
                  </a:lnTo>
                  <a:lnTo>
                    <a:pt x="1245" y="5159"/>
                  </a:lnTo>
                  <a:lnTo>
                    <a:pt x="1304" y="5198"/>
                  </a:lnTo>
                  <a:lnTo>
                    <a:pt x="1363" y="5236"/>
                  </a:lnTo>
                  <a:lnTo>
                    <a:pt x="1423" y="5272"/>
                  </a:lnTo>
                  <a:lnTo>
                    <a:pt x="1484" y="5307"/>
                  </a:lnTo>
                  <a:lnTo>
                    <a:pt x="1547" y="5341"/>
                  </a:lnTo>
                  <a:lnTo>
                    <a:pt x="1610" y="5372"/>
                  </a:lnTo>
                  <a:lnTo>
                    <a:pt x="1674" y="5404"/>
                  </a:lnTo>
                  <a:lnTo>
                    <a:pt x="1739" y="5433"/>
                  </a:lnTo>
                  <a:lnTo>
                    <a:pt x="1805" y="5461"/>
                  </a:lnTo>
                  <a:lnTo>
                    <a:pt x="1871" y="5487"/>
                  </a:lnTo>
                  <a:lnTo>
                    <a:pt x="1939" y="5512"/>
                  </a:lnTo>
                  <a:lnTo>
                    <a:pt x="2007" y="5534"/>
                  </a:lnTo>
                  <a:lnTo>
                    <a:pt x="2076" y="5556"/>
                  </a:lnTo>
                  <a:lnTo>
                    <a:pt x="2145" y="5576"/>
                  </a:lnTo>
                  <a:lnTo>
                    <a:pt x="2216" y="5595"/>
                  </a:lnTo>
                  <a:lnTo>
                    <a:pt x="2287" y="5611"/>
                  </a:lnTo>
                  <a:lnTo>
                    <a:pt x="2358" y="5626"/>
                  </a:lnTo>
                  <a:lnTo>
                    <a:pt x="2431" y="5640"/>
                  </a:lnTo>
                  <a:lnTo>
                    <a:pt x="2504" y="5651"/>
                  </a:lnTo>
                  <a:lnTo>
                    <a:pt x="2577" y="5662"/>
                  </a:lnTo>
                  <a:lnTo>
                    <a:pt x="2651" y="5669"/>
                  </a:lnTo>
                  <a:lnTo>
                    <a:pt x="2726" y="5676"/>
                  </a:lnTo>
                  <a:lnTo>
                    <a:pt x="2801" y="5680"/>
                  </a:lnTo>
                  <a:lnTo>
                    <a:pt x="2877" y="5683"/>
                  </a:lnTo>
                  <a:lnTo>
                    <a:pt x="2953" y="568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9" name="Freeform 288">
              <a:extLst>
                <a:ext uri="{FF2B5EF4-FFF2-40B4-BE49-F238E27FC236}">
                  <a16:creationId xmlns:a16="http://schemas.microsoft.com/office/drawing/2014/main" xmlns="" id="{A4A900B1-A9E1-E040-A766-7B329D522F6D}"/>
                </a:ext>
              </a:extLst>
            </p:cNvPr>
            <p:cNvSpPr>
              <a:spLocks/>
            </p:cNvSpPr>
            <p:nvPr/>
          </p:nvSpPr>
          <p:spPr bwMode="auto">
            <a:xfrm flipH="1">
              <a:off x="6888816" y="979354"/>
              <a:ext cx="4614915" cy="4625416"/>
            </a:xfrm>
            <a:custGeom>
              <a:avLst/>
              <a:gdLst>
                <a:gd name="T0" fmla="*/ 2837 w 5270"/>
                <a:gd name="T1" fmla="*/ 5066 h 5074"/>
                <a:gd name="T2" fmla="*/ 3165 w 5270"/>
                <a:gd name="T3" fmla="*/ 5022 h 5074"/>
                <a:gd name="T4" fmla="*/ 3480 w 5270"/>
                <a:gd name="T5" fmla="*/ 4940 h 5074"/>
                <a:gd name="T6" fmla="*/ 3777 w 5270"/>
                <a:gd name="T7" fmla="*/ 4823 h 5074"/>
                <a:gd name="T8" fmla="*/ 4054 w 5270"/>
                <a:gd name="T9" fmla="*/ 4673 h 5074"/>
                <a:gd name="T10" fmla="*/ 4310 w 5270"/>
                <a:gd name="T11" fmla="*/ 4494 h 5074"/>
                <a:gd name="T12" fmla="*/ 4542 w 5270"/>
                <a:gd name="T13" fmla="*/ 4286 h 5074"/>
                <a:gd name="T14" fmla="*/ 4746 w 5270"/>
                <a:gd name="T15" fmla="*/ 4054 h 5074"/>
                <a:gd name="T16" fmla="*/ 4920 w 5270"/>
                <a:gd name="T17" fmla="*/ 3798 h 5074"/>
                <a:gd name="T18" fmla="*/ 5062 w 5270"/>
                <a:gd name="T19" fmla="*/ 3524 h 5074"/>
                <a:gd name="T20" fmla="*/ 5170 w 5270"/>
                <a:gd name="T21" fmla="*/ 3230 h 5074"/>
                <a:gd name="T22" fmla="*/ 5240 w 5270"/>
                <a:gd name="T23" fmla="*/ 2923 h 5074"/>
                <a:gd name="T24" fmla="*/ 5269 w 5270"/>
                <a:gd name="T25" fmla="*/ 2603 h 5074"/>
                <a:gd name="T26" fmla="*/ 5262 w 5270"/>
                <a:gd name="T27" fmla="*/ 2343 h 5074"/>
                <a:gd name="T28" fmla="*/ 5216 w 5270"/>
                <a:gd name="T29" fmla="*/ 2026 h 5074"/>
                <a:gd name="T30" fmla="*/ 5131 w 5270"/>
                <a:gd name="T31" fmla="*/ 1724 h 5074"/>
                <a:gd name="T32" fmla="*/ 5010 w 5270"/>
                <a:gd name="T33" fmla="*/ 1439 h 5074"/>
                <a:gd name="T34" fmla="*/ 4854 w 5270"/>
                <a:gd name="T35" fmla="*/ 1171 h 5074"/>
                <a:gd name="T36" fmla="*/ 4668 w 5270"/>
                <a:gd name="T37" fmla="*/ 925 h 5074"/>
                <a:gd name="T38" fmla="*/ 4452 w 5270"/>
                <a:gd name="T39" fmla="*/ 701 h 5074"/>
                <a:gd name="T40" fmla="*/ 4211 w 5270"/>
                <a:gd name="T41" fmla="*/ 505 h 5074"/>
                <a:gd name="T42" fmla="*/ 3945 w 5270"/>
                <a:gd name="T43" fmla="*/ 337 h 5074"/>
                <a:gd name="T44" fmla="*/ 3660 w 5270"/>
                <a:gd name="T45" fmla="*/ 200 h 5074"/>
                <a:gd name="T46" fmla="*/ 3355 w 5270"/>
                <a:gd name="T47" fmla="*/ 97 h 5074"/>
                <a:gd name="T48" fmla="*/ 3035 w 5270"/>
                <a:gd name="T49" fmla="*/ 30 h 5074"/>
                <a:gd name="T50" fmla="*/ 2703 w 5270"/>
                <a:gd name="T51" fmla="*/ 1 h 5074"/>
                <a:gd name="T52" fmla="*/ 2433 w 5270"/>
                <a:gd name="T53" fmla="*/ 8 h 5074"/>
                <a:gd name="T54" fmla="*/ 2104 w 5270"/>
                <a:gd name="T55" fmla="*/ 52 h 5074"/>
                <a:gd name="T56" fmla="*/ 1790 w 5270"/>
                <a:gd name="T57" fmla="*/ 134 h 5074"/>
                <a:gd name="T58" fmla="*/ 1494 w 5270"/>
                <a:gd name="T59" fmla="*/ 251 h 5074"/>
                <a:gd name="T60" fmla="*/ 1216 w 5270"/>
                <a:gd name="T61" fmla="*/ 401 h 5074"/>
                <a:gd name="T62" fmla="*/ 960 w 5270"/>
                <a:gd name="T63" fmla="*/ 580 h 5074"/>
                <a:gd name="T64" fmla="*/ 728 w 5270"/>
                <a:gd name="T65" fmla="*/ 788 h 5074"/>
                <a:gd name="T66" fmla="*/ 524 w 5270"/>
                <a:gd name="T67" fmla="*/ 1020 h 5074"/>
                <a:gd name="T68" fmla="*/ 350 w 5270"/>
                <a:gd name="T69" fmla="*/ 1276 h 5074"/>
                <a:gd name="T70" fmla="*/ 207 w 5270"/>
                <a:gd name="T71" fmla="*/ 1551 h 5074"/>
                <a:gd name="T72" fmla="*/ 100 w 5270"/>
                <a:gd name="T73" fmla="*/ 1844 h 5074"/>
                <a:gd name="T74" fmla="*/ 30 w 5270"/>
                <a:gd name="T75" fmla="*/ 2152 h 5074"/>
                <a:gd name="T76" fmla="*/ 1 w 5270"/>
                <a:gd name="T77" fmla="*/ 2471 h 5074"/>
                <a:gd name="T78" fmla="*/ 8 w 5270"/>
                <a:gd name="T79" fmla="*/ 2733 h 5074"/>
                <a:gd name="T80" fmla="*/ 54 w 5270"/>
                <a:gd name="T81" fmla="*/ 3048 h 5074"/>
                <a:gd name="T82" fmla="*/ 139 w 5270"/>
                <a:gd name="T83" fmla="*/ 3350 h 5074"/>
                <a:gd name="T84" fmla="*/ 260 w 5270"/>
                <a:gd name="T85" fmla="*/ 3636 h 5074"/>
                <a:gd name="T86" fmla="*/ 416 w 5270"/>
                <a:gd name="T87" fmla="*/ 3903 h 5074"/>
                <a:gd name="T88" fmla="*/ 602 w 5270"/>
                <a:gd name="T89" fmla="*/ 4149 h 5074"/>
                <a:gd name="T90" fmla="*/ 818 w 5270"/>
                <a:gd name="T91" fmla="*/ 4373 h 5074"/>
                <a:gd name="T92" fmla="*/ 1059 w 5270"/>
                <a:gd name="T93" fmla="*/ 4569 h 5074"/>
                <a:gd name="T94" fmla="*/ 1325 w 5270"/>
                <a:gd name="T95" fmla="*/ 4737 h 5074"/>
                <a:gd name="T96" fmla="*/ 1611 w 5270"/>
                <a:gd name="T97" fmla="*/ 4874 h 5074"/>
                <a:gd name="T98" fmla="*/ 1915 w 5270"/>
                <a:gd name="T99" fmla="*/ 4978 h 5074"/>
                <a:gd name="T100" fmla="*/ 2234 w 5270"/>
                <a:gd name="T101" fmla="*/ 5045 h 5074"/>
                <a:gd name="T102" fmla="*/ 2566 w 5270"/>
                <a:gd name="T103" fmla="*/ 5073 h 50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270" h="5074">
                  <a:moveTo>
                    <a:pt x="2635" y="5074"/>
                  </a:moveTo>
                  <a:lnTo>
                    <a:pt x="2635" y="5074"/>
                  </a:lnTo>
                  <a:lnTo>
                    <a:pt x="2703" y="5073"/>
                  </a:lnTo>
                  <a:lnTo>
                    <a:pt x="2771" y="5070"/>
                  </a:lnTo>
                  <a:lnTo>
                    <a:pt x="2837" y="5066"/>
                  </a:lnTo>
                  <a:lnTo>
                    <a:pt x="2904" y="5061"/>
                  </a:lnTo>
                  <a:lnTo>
                    <a:pt x="2970" y="5053"/>
                  </a:lnTo>
                  <a:lnTo>
                    <a:pt x="3035" y="5045"/>
                  </a:lnTo>
                  <a:lnTo>
                    <a:pt x="3100" y="5034"/>
                  </a:lnTo>
                  <a:lnTo>
                    <a:pt x="3165" y="5022"/>
                  </a:lnTo>
                  <a:lnTo>
                    <a:pt x="3229" y="5009"/>
                  </a:lnTo>
                  <a:lnTo>
                    <a:pt x="3292" y="4994"/>
                  </a:lnTo>
                  <a:lnTo>
                    <a:pt x="3355" y="4978"/>
                  </a:lnTo>
                  <a:lnTo>
                    <a:pt x="3418" y="4959"/>
                  </a:lnTo>
                  <a:lnTo>
                    <a:pt x="3480" y="4940"/>
                  </a:lnTo>
                  <a:lnTo>
                    <a:pt x="3540" y="4919"/>
                  </a:lnTo>
                  <a:lnTo>
                    <a:pt x="3601" y="4898"/>
                  </a:lnTo>
                  <a:lnTo>
                    <a:pt x="3660" y="4874"/>
                  </a:lnTo>
                  <a:lnTo>
                    <a:pt x="3719" y="4849"/>
                  </a:lnTo>
                  <a:lnTo>
                    <a:pt x="3777" y="4823"/>
                  </a:lnTo>
                  <a:lnTo>
                    <a:pt x="3834" y="4796"/>
                  </a:lnTo>
                  <a:lnTo>
                    <a:pt x="3890" y="4767"/>
                  </a:lnTo>
                  <a:lnTo>
                    <a:pt x="3945" y="4737"/>
                  </a:lnTo>
                  <a:lnTo>
                    <a:pt x="4000" y="4707"/>
                  </a:lnTo>
                  <a:lnTo>
                    <a:pt x="4054" y="4673"/>
                  </a:lnTo>
                  <a:lnTo>
                    <a:pt x="4107" y="4640"/>
                  </a:lnTo>
                  <a:lnTo>
                    <a:pt x="4159" y="4605"/>
                  </a:lnTo>
                  <a:lnTo>
                    <a:pt x="4211" y="4569"/>
                  </a:lnTo>
                  <a:lnTo>
                    <a:pt x="4260" y="4532"/>
                  </a:lnTo>
                  <a:lnTo>
                    <a:pt x="4310" y="4494"/>
                  </a:lnTo>
                  <a:lnTo>
                    <a:pt x="4358" y="4455"/>
                  </a:lnTo>
                  <a:lnTo>
                    <a:pt x="4406" y="4414"/>
                  </a:lnTo>
                  <a:lnTo>
                    <a:pt x="4452" y="4373"/>
                  </a:lnTo>
                  <a:lnTo>
                    <a:pt x="4497" y="4330"/>
                  </a:lnTo>
                  <a:lnTo>
                    <a:pt x="4542" y="4286"/>
                  </a:lnTo>
                  <a:lnTo>
                    <a:pt x="4585" y="4242"/>
                  </a:lnTo>
                  <a:lnTo>
                    <a:pt x="4627" y="4196"/>
                  </a:lnTo>
                  <a:lnTo>
                    <a:pt x="4668" y="4149"/>
                  </a:lnTo>
                  <a:lnTo>
                    <a:pt x="4707" y="4102"/>
                  </a:lnTo>
                  <a:lnTo>
                    <a:pt x="4746" y="4054"/>
                  </a:lnTo>
                  <a:lnTo>
                    <a:pt x="4783" y="4005"/>
                  </a:lnTo>
                  <a:lnTo>
                    <a:pt x="4819" y="3954"/>
                  </a:lnTo>
                  <a:lnTo>
                    <a:pt x="4854" y="3903"/>
                  </a:lnTo>
                  <a:lnTo>
                    <a:pt x="4889" y="3851"/>
                  </a:lnTo>
                  <a:lnTo>
                    <a:pt x="4920" y="3798"/>
                  </a:lnTo>
                  <a:lnTo>
                    <a:pt x="4951" y="3745"/>
                  </a:lnTo>
                  <a:lnTo>
                    <a:pt x="4982" y="3691"/>
                  </a:lnTo>
                  <a:lnTo>
                    <a:pt x="5010" y="3636"/>
                  </a:lnTo>
                  <a:lnTo>
                    <a:pt x="5037" y="3580"/>
                  </a:lnTo>
                  <a:lnTo>
                    <a:pt x="5062" y="3524"/>
                  </a:lnTo>
                  <a:lnTo>
                    <a:pt x="5087" y="3467"/>
                  </a:lnTo>
                  <a:lnTo>
                    <a:pt x="5110" y="3409"/>
                  </a:lnTo>
                  <a:lnTo>
                    <a:pt x="5131" y="3350"/>
                  </a:lnTo>
                  <a:lnTo>
                    <a:pt x="5151" y="3291"/>
                  </a:lnTo>
                  <a:lnTo>
                    <a:pt x="5170" y="3230"/>
                  </a:lnTo>
                  <a:lnTo>
                    <a:pt x="5187" y="3170"/>
                  </a:lnTo>
                  <a:lnTo>
                    <a:pt x="5203" y="3109"/>
                  </a:lnTo>
                  <a:lnTo>
                    <a:pt x="5216" y="3048"/>
                  </a:lnTo>
                  <a:lnTo>
                    <a:pt x="5228" y="2985"/>
                  </a:lnTo>
                  <a:lnTo>
                    <a:pt x="5240" y="2923"/>
                  </a:lnTo>
                  <a:lnTo>
                    <a:pt x="5249" y="2860"/>
                  </a:lnTo>
                  <a:lnTo>
                    <a:pt x="5257" y="2796"/>
                  </a:lnTo>
                  <a:lnTo>
                    <a:pt x="5262" y="2733"/>
                  </a:lnTo>
                  <a:lnTo>
                    <a:pt x="5267" y="2668"/>
                  </a:lnTo>
                  <a:lnTo>
                    <a:pt x="5269" y="2603"/>
                  </a:lnTo>
                  <a:lnTo>
                    <a:pt x="5270" y="2537"/>
                  </a:lnTo>
                  <a:lnTo>
                    <a:pt x="5270" y="2537"/>
                  </a:lnTo>
                  <a:lnTo>
                    <a:pt x="5269" y="2471"/>
                  </a:lnTo>
                  <a:lnTo>
                    <a:pt x="5267" y="2406"/>
                  </a:lnTo>
                  <a:lnTo>
                    <a:pt x="5262" y="2343"/>
                  </a:lnTo>
                  <a:lnTo>
                    <a:pt x="5257" y="2278"/>
                  </a:lnTo>
                  <a:lnTo>
                    <a:pt x="5249" y="2214"/>
                  </a:lnTo>
                  <a:lnTo>
                    <a:pt x="5240" y="2152"/>
                  </a:lnTo>
                  <a:lnTo>
                    <a:pt x="5228" y="2089"/>
                  </a:lnTo>
                  <a:lnTo>
                    <a:pt x="5216" y="2026"/>
                  </a:lnTo>
                  <a:lnTo>
                    <a:pt x="5203" y="1965"/>
                  </a:lnTo>
                  <a:lnTo>
                    <a:pt x="5187" y="1904"/>
                  </a:lnTo>
                  <a:lnTo>
                    <a:pt x="5170" y="1844"/>
                  </a:lnTo>
                  <a:lnTo>
                    <a:pt x="5151" y="1783"/>
                  </a:lnTo>
                  <a:lnTo>
                    <a:pt x="5131" y="1724"/>
                  </a:lnTo>
                  <a:lnTo>
                    <a:pt x="5110" y="1666"/>
                  </a:lnTo>
                  <a:lnTo>
                    <a:pt x="5087" y="1608"/>
                  </a:lnTo>
                  <a:lnTo>
                    <a:pt x="5062" y="1551"/>
                  </a:lnTo>
                  <a:lnTo>
                    <a:pt x="5037" y="1494"/>
                  </a:lnTo>
                  <a:lnTo>
                    <a:pt x="5010" y="1439"/>
                  </a:lnTo>
                  <a:lnTo>
                    <a:pt x="4982" y="1384"/>
                  </a:lnTo>
                  <a:lnTo>
                    <a:pt x="4951" y="1329"/>
                  </a:lnTo>
                  <a:lnTo>
                    <a:pt x="4920" y="1276"/>
                  </a:lnTo>
                  <a:lnTo>
                    <a:pt x="4889" y="1223"/>
                  </a:lnTo>
                  <a:lnTo>
                    <a:pt x="4854" y="1171"/>
                  </a:lnTo>
                  <a:lnTo>
                    <a:pt x="4819" y="1120"/>
                  </a:lnTo>
                  <a:lnTo>
                    <a:pt x="4783" y="1070"/>
                  </a:lnTo>
                  <a:lnTo>
                    <a:pt x="4746" y="1020"/>
                  </a:lnTo>
                  <a:lnTo>
                    <a:pt x="4707" y="972"/>
                  </a:lnTo>
                  <a:lnTo>
                    <a:pt x="4668" y="925"/>
                  </a:lnTo>
                  <a:lnTo>
                    <a:pt x="4627" y="878"/>
                  </a:lnTo>
                  <a:lnTo>
                    <a:pt x="4585" y="832"/>
                  </a:lnTo>
                  <a:lnTo>
                    <a:pt x="4542" y="788"/>
                  </a:lnTo>
                  <a:lnTo>
                    <a:pt x="4497" y="744"/>
                  </a:lnTo>
                  <a:lnTo>
                    <a:pt x="4452" y="701"/>
                  </a:lnTo>
                  <a:lnTo>
                    <a:pt x="4406" y="660"/>
                  </a:lnTo>
                  <a:lnTo>
                    <a:pt x="4358" y="620"/>
                  </a:lnTo>
                  <a:lnTo>
                    <a:pt x="4310" y="580"/>
                  </a:lnTo>
                  <a:lnTo>
                    <a:pt x="4260" y="543"/>
                  </a:lnTo>
                  <a:lnTo>
                    <a:pt x="4211" y="505"/>
                  </a:lnTo>
                  <a:lnTo>
                    <a:pt x="4159" y="469"/>
                  </a:lnTo>
                  <a:lnTo>
                    <a:pt x="4107" y="435"/>
                  </a:lnTo>
                  <a:lnTo>
                    <a:pt x="4054" y="401"/>
                  </a:lnTo>
                  <a:lnTo>
                    <a:pt x="4000" y="369"/>
                  </a:lnTo>
                  <a:lnTo>
                    <a:pt x="3945" y="337"/>
                  </a:lnTo>
                  <a:lnTo>
                    <a:pt x="3890" y="307"/>
                  </a:lnTo>
                  <a:lnTo>
                    <a:pt x="3834" y="278"/>
                  </a:lnTo>
                  <a:lnTo>
                    <a:pt x="3777" y="251"/>
                  </a:lnTo>
                  <a:lnTo>
                    <a:pt x="3719" y="225"/>
                  </a:lnTo>
                  <a:lnTo>
                    <a:pt x="3660" y="200"/>
                  </a:lnTo>
                  <a:lnTo>
                    <a:pt x="3601" y="176"/>
                  </a:lnTo>
                  <a:lnTo>
                    <a:pt x="3540" y="155"/>
                  </a:lnTo>
                  <a:lnTo>
                    <a:pt x="3480" y="134"/>
                  </a:lnTo>
                  <a:lnTo>
                    <a:pt x="3418" y="115"/>
                  </a:lnTo>
                  <a:lnTo>
                    <a:pt x="3355" y="97"/>
                  </a:lnTo>
                  <a:lnTo>
                    <a:pt x="3292" y="80"/>
                  </a:lnTo>
                  <a:lnTo>
                    <a:pt x="3229" y="65"/>
                  </a:lnTo>
                  <a:lnTo>
                    <a:pt x="3165" y="52"/>
                  </a:lnTo>
                  <a:lnTo>
                    <a:pt x="3100" y="40"/>
                  </a:lnTo>
                  <a:lnTo>
                    <a:pt x="3035" y="30"/>
                  </a:lnTo>
                  <a:lnTo>
                    <a:pt x="2970" y="21"/>
                  </a:lnTo>
                  <a:lnTo>
                    <a:pt x="2904" y="13"/>
                  </a:lnTo>
                  <a:lnTo>
                    <a:pt x="2837" y="8"/>
                  </a:lnTo>
                  <a:lnTo>
                    <a:pt x="2771" y="4"/>
                  </a:lnTo>
                  <a:lnTo>
                    <a:pt x="2703" y="1"/>
                  </a:lnTo>
                  <a:lnTo>
                    <a:pt x="2635" y="0"/>
                  </a:lnTo>
                  <a:lnTo>
                    <a:pt x="2635" y="0"/>
                  </a:lnTo>
                  <a:lnTo>
                    <a:pt x="2566" y="1"/>
                  </a:lnTo>
                  <a:lnTo>
                    <a:pt x="2499" y="4"/>
                  </a:lnTo>
                  <a:lnTo>
                    <a:pt x="2433" y="8"/>
                  </a:lnTo>
                  <a:lnTo>
                    <a:pt x="2366" y="13"/>
                  </a:lnTo>
                  <a:lnTo>
                    <a:pt x="2299" y="21"/>
                  </a:lnTo>
                  <a:lnTo>
                    <a:pt x="2234" y="30"/>
                  </a:lnTo>
                  <a:lnTo>
                    <a:pt x="2169" y="40"/>
                  </a:lnTo>
                  <a:lnTo>
                    <a:pt x="2104" y="52"/>
                  </a:lnTo>
                  <a:lnTo>
                    <a:pt x="2040" y="65"/>
                  </a:lnTo>
                  <a:lnTo>
                    <a:pt x="1978" y="80"/>
                  </a:lnTo>
                  <a:lnTo>
                    <a:pt x="1915" y="97"/>
                  </a:lnTo>
                  <a:lnTo>
                    <a:pt x="1852" y="115"/>
                  </a:lnTo>
                  <a:lnTo>
                    <a:pt x="1790" y="134"/>
                  </a:lnTo>
                  <a:lnTo>
                    <a:pt x="1730" y="155"/>
                  </a:lnTo>
                  <a:lnTo>
                    <a:pt x="1670" y="176"/>
                  </a:lnTo>
                  <a:lnTo>
                    <a:pt x="1611" y="200"/>
                  </a:lnTo>
                  <a:lnTo>
                    <a:pt x="1551" y="225"/>
                  </a:lnTo>
                  <a:lnTo>
                    <a:pt x="1494" y="251"/>
                  </a:lnTo>
                  <a:lnTo>
                    <a:pt x="1437" y="278"/>
                  </a:lnTo>
                  <a:lnTo>
                    <a:pt x="1380" y="307"/>
                  </a:lnTo>
                  <a:lnTo>
                    <a:pt x="1325" y="337"/>
                  </a:lnTo>
                  <a:lnTo>
                    <a:pt x="1270" y="369"/>
                  </a:lnTo>
                  <a:lnTo>
                    <a:pt x="1216" y="401"/>
                  </a:lnTo>
                  <a:lnTo>
                    <a:pt x="1163" y="435"/>
                  </a:lnTo>
                  <a:lnTo>
                    <a:pt x="1110" y="469"/>
                  </a:lnTo>
                  <a:lnTo>
                    <a:pt x="1059" y="505"/>
                  </a:lnTo>
                  <a:lnTo>
                    <a:pt x="1009" y="543"/>
                  </a:lnTo>
                  <a:lnTo>
                    <a:pt x="960" y="580"/>
                  </a:lnTo>
                  <a:lnTo>
                    <a:pt x="912" y="620"/>
                  </a:lnTo>
                  <a:lnTo>
                    <a:pt x="864" y="660"/>
                  </a:lnTo>
                  <a:lnTo>
                    <a:pt x="818" y="701"/>
                  </a:lnTo>
                  <a:lnTo>
                    <a:pt x="773" y="744"/>
                  </a:lnTo>
                  <a:lnTo>
                    <a:pt x="728" y="788"/>
                  </a:lnTo>
                  <a:lnTo>
                    <a:pt x="685" y="832"/>
                  </a:lnTo>
                  <a:lnTo>
                    <a:pt x="644" y="878"/>
                  </a:lnTo>
                  <a:lnTo>
                    <a:pt x="602" y="925"/>
                  </a:lnTo>
                  <a:lnTo>
                    <a:pt x="563" y="972"/>
                  </a:lnTo>
                  <a:lnTo>
                    <a:pt x="524" y="1020"/>
                  </a:lnTo>
                  <a:lnTo>
                    <a:pt x="487" y="1070"/>
                  </a:lnTo>
                  <a:lnTo>
                    <a:pt x="451" y="1120"/>
                  </a:lnTo>
                  <a:lnTo>
                    <a:pt x="416" y="1171"/>
                  </a:lnTo>
                  <a:lnTo>
                    <a:pt x="382" y="1223"/>
                  </a:lnTo>
                  <a:lnTo>
                    <a:pt x="350" y="1276"/>
                  </a:lnTo>
                  <a:lnTo>
                    <a:pt x="318" y="1329"/>
                  </a:lnTo>
                  <a:lnTo>
                    <a:pt x="288" y="1384"/>
                  </a:lnTo>
                  <a:lnTo>
                    <a:pt x="260" y="1439"/>
                  </a:lnTo>
                  <a:lnTo>
                    <a:pt x="233" y="1494"/>
                  </a:lnTo>
                  <a:lnTo>
                    <a:pt x="207" y="1551"/>
                  </a:lnTo>
                  <a:lnTo>
                    <a:pt x="183" y="1608"/>
                  </a:lnTo>
                  <a:lnTo>
                    <a:pt x="160" y="1666"/>
                  </a:lnTo>
                  <a:lnTo>
                    <a:pt x="139" y="1724"/>
                  </a:lnTo>
                  <a:lnTo>
                    <a:pt x="119" y="1783"/>
                  </a:lnTo>
                  <a:lnTo>
                    <a:pt x="100" y="1844"/>
                  </a:lnTo>
                  <a:lnTo>
                    <a:pt x="83" y="1904"/>
                  </a:lnTo>
                  <a:lnTo>
                    <a:pt x="67" y="1965"/>
                  </a:lnTo>
                  <a:lnTo>
                    <a:pt x="54" y="2026"/>
                  </a:lnTo>
                  <a:lnTo>
                    <a:pt x="41" y="2089"/>
                  </a:lnTo>
                  <a:lnTo>
                    <a:pt x="30" y="2152"/>
                  </a:lnTo>
                  <a:lnTo>
                    <a:pt x="21" y="2214"/>
                  </a:lnTo>
                  <a:lnTo>
                    <a:pt x="13" y="2278"/>
                  </a:lnTo>
                  <a:lnTo>
                    <a:pt x="8" y="2343"/>
                  </a:lnTo>
                  <a:lnTo>
                    <a:pt x="3" y="2406"/>
                  </a:lnTo>
                  <a:lnTo>
                    <a:pt x="1" y="2471"/>
                  </a:lnTo>
                  <a:lnTo>
                    <a:pt x="0" y="2537"/>
                  </a:lnTo>
                  <a:lnTo>
                    <a:pt x="0" y="2537"/>
                  </a:lnTo>
                  <a:lnTo>
                    <a:pt x="1" y="2603"/>
                  </a:lnTo>
                  <a:lnTo>
                    <a:pt x="3" y="2668"/>
                  </a:lnTo>
                  <a:lnTo>
                    <a:pt x="8" y="2733"/>
                  </a:lnTo>
                  <a:lnTo>
                    <a:pt x="13" y="2796"/>
                  </a:lnTo>
                  <a:lnTo>
                    <a:pt x="21" y="2860"/>
                  </a:lnTo>
                  <a:lnTo>
                    <a:pt x="30" y="2923"/>
                  </a:lnTo>
                  <a:lnTo>
                    <a:pt x="41" y="2985"/>
                  </a:lnTo>
                  <a:lnTo>
                    <a:pt x="54" y="3048"/>
                  </a:lnTo>
                  <a:lnTo>
                    <a:pt x="67" y="3109"/>
                  </a:lnTo>
                  <a:lnTo>
                    <a:pt x="83" y="3170"/>
                  </a:lnTo>
                  <a:lnTo>
                    <a:pt x="100" y="3230"/>
                  </a:lnTo>
                  <a:lnTo>
                    <a:pt x="119" y="3291"/>
                  </a:lnTo>
                  <a:lnTo>
                    <a:pt x="139" y="3350"/>
                  </a:lnTo>
                  <a:lnTo>
                    <a:pt x="160" y="3409"/>
                  </a:lnTo>
                  <a:lnTo>
                    <a:pt x="183" y="3467"/>
                  </a:lnTo>
                  <a:lnTo>
                    <a:pt x="207" y="3524"/>
                  </a:lnTo>
                  <a:lnTo>
                    <a:pt x="233" y="3580"/>
                  </a:lnTo>
                  <a:lnTo>
                    <a:pt x="260" y="3636"/>
                  </a:lnTo>
                  <a:lnTo>
                    <a:pt x="288" y="3691"/>
                  </a:lnTo>
                  <a:lnTo>
                    <a:pt x="318" y="3745"/>
                  </a:lnTo>
                  <a:lnTo>
                    <a:pt x="350" y="3798"/>
                  </a:lnTo>
                  <a:lnTo>
                    <a:pt x="382" y="3851"/>
                  </a:lnTo>
                  <a:lnTo>
                    <a:pt x="416" y="3903"/>
                  </a:lnTo>
                  <a:lnTo>
                    <a:pt x="451" y="3954"/>
                  </a:lnTo>
                  <a:lnTo>
                    <a:pt x="487" y="4005"/>
                  </a:lnTo>
                  <a:lnTo>
                    <a:pt x="524" y="4054"/>
                  </a:lnTo>
                  <a:lnTo>
                    <a:pt x="563" y="4102"/>
                  </a:lnTo>
                  <a:lnTo>
                    <a:pt x="602" y="4149"/>
                  </a:lnTo>
                  <a:lnTo>
                    <a:pt x="644" y="4196"/>
                  </a:lnTo>
                  <a:lnTo>
                    <a:pt x="685" y="4242"/>
                  </a:lnTo>
                  <a:lnTo>
                    <a:pt x="728" y="4286"/>
                  </a:lnTo>
                  <a:lnTo>
                    <a:pt x="773" y="4330"/>
                  </a:lnTo>
                  <a:lnTo>
                    <a:pt x="818" y="4373"/>
                  </a:lnTo>
                  <a:lnTo>
                    <a:pt x="864" y="4414"/>
                  </a:lnTo>
                  <a:lnTo>
                    <a:pt x="912" y="4455"/>
                  </a:lnTo>
                  <a:lnTo>
                    <a:pt x="960" y="4494"/>
                  </a:lnTo>
                  <a:lnTo>
                    <a:pt x="1009" y="4532"/>
                  </a:lnTo>
                  <a:lnTo>
                    <a:pt x="1059" y="4569"/>
                  </a:lnTo>
                  <a:lnTo>
                    <a:pt x="1110" y="4605"/>
                  </a:lnTo>
                  <a:lnTo>
                    <a:pt x="1163" y="4640"/>
                  </a:lnTo>
                  <a:lnTo>
                    <a:pt x="1216" y="4673"/>
                  </a:lnTo>
                  <a:lnTo>
                    <a:pt x="1270" y="4707"/>
                  </a:lnTo>
                  <a:lnTo>
                    <a:pt x="1325" y="4737"/>
                  </a:lnTo>
                  <a:lnTo>
                    <a:pt x="1380" y="4767"/>
                  </a:lnTo>
                  <a:lnTo>
                    <a:pt x="1437" y="4796"/>
                  </a:lnTo>
                  <a:lnTo>
                    <a:pt x="1494" y="4823"/>
                  </a:lnTo>
                  <a:lnTo>
                    <a:pt x="1551" y="4849"/>
                  </a:lnTo>
                  <a:lnTo>
                    <a:pt x="1611" y="4874"/>
                  </a:lnTo>
                  <a:lnTo>
                    <a:pt x="1670" y="4898"/>
                  </a:lnTo>
                  <a:lnTo>
                    <a:pt x="1730" y="4919"/>
                  </a:lnTo>
                  <a:lnTo>
                    <a:pt x="1790" y="4940"/>
                  </a:lnTo>
                  <a:lnTo>
                    <a:pt x="1852" y="4959"/>
                  </a:lnTo>
                  <a:lnTo>
                    <a:pt x="1915" y="4978"/>
                  </a:lnTo>
                  <a:lnTo>
                    <a:pt x="1978" y="4994"/>
                  </a:lnTo>
                  <a:lnTo>
                    <a:pt x="2040" y="5009"/>
                  </a:lnTo>
                  <a:lnTo>
                    <a:pt x="2104" y="5022"/>
                  </a:lnTo>
                  <a:lnTo>
                    <a:pt x="2169" y="5034"/>
                  </a:lnTo>
                  <a:lnTo>
                    <a:pt x="2234" y="5045"/>
                  </a:lnTo>
                  <a:lnTo>
                    <a:pt x="2299" y="5053"/>
                  </a:lnTo>
                  <a:lnTo>
                    <a:pt x="2366" y="5061"/>
                  </a:lnTo>
                  <a:lnTo>
                    <a:pt x="2433" y="5066"/>
                  </a:lnTo>
                  <a:lnTo>
                    <a:pt x="2499" y="5070"/>
                  </a:lnTo>
                  <a:lnTo>
                    <a:pt x="2566" y="5073"/>
                  </a:lnTo>
                  <a:lnTo>
                    <a:pt x="2635" y="5074"/>
                  </a:lnTo>
                  <a:close/>
                </a:path>
              </a:pathLst>
            </a:custGeom>
            <a:solidFill>
              <a:schemeClr val="bg1">
                <a:lumMod val="9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0" name="Freeform 289">
              <a:extLst>
                <a:ext uri="{FF2B5EF4-FFF2-40B4-BE49-F238E27FC236}">
                  <a16:creationId xmlns:a16="http://schemas.microsoft.com/office/drawing/2014/main" xmlns="" id="{82406F1F-6E53-064F-9BFA-416B6E4302D8}"/>
                </a:ext>
              </a:extLst>
            </p:cNvPr>
            <p:cNvSpPr>
              <a:spLocks/>
            </p:cNvSpPr>
            <p:nvPr/>
          </p:nvSpPr>
          <p:spPr bwMode="auto">
            <a:xfrm flipH="1">
              <a:off x="6888816" y="979354"/>
              <a:ext cx="4614915" cy="4625416"/>
            </a:xfrm>
            <a:custGeom>
              <a:avLst/>
              <a:gdLst>
                <a:gd name="T0" fmla="*/ 2837 w 5270"/>
                <a:gd name="T1" fmla="*/ 5066 h 5074"/>
                <a:gd name="T2" fmla="*/ 3165 w 5270"/>
                <a:gd name="T3" fmla="*/ 5022 h 5074"/>
                <a:gd name="T4" fmla="*/ 3480 w 5270"/>
                <a:gd name="T5" fmla="*/ 4940 h 5074"/>
                <a:gd name="T6" fmla="*/ 3777 w 5270"/>
                <a:gd name="T7" fmla="*/ 4823 h 5074"/>
                <a:gd name="T8" fmla="*/ 4054 w 5270"/>
                <a:gd name="T9" fmla="*/ 4673 h 5074"/>
                <a:gd name="T10" fmla="*/ 4310 w 5270"/>
                <a:gd name="T11" fmla="*/ 4494 h 5074"/>
                <a:gd name="T12" fmla="*/ 4542 w 5270"/>
                <a:gd name="T13" fmla="*/ 4286 h 5074"/>
                <a:gd name="T14" fmla="*/ 4746 w 5270"/>
                <a:gd name="T15" fmla="*/ 4054 h 5074"/>
                <a:gd name="T16" fmla="*/ 4920 w 5270"/>
                <a:gd name="T17" fmla="*/ 3798 h 5074"/>
                <a:gd name="T18" fmla="*/ 5062 w 5270"/>
                <a:gd name="T19" fmla="*/ 3524 h 5074"/>
                <a:gd name="T20" fmla="*/ 5170 w 5270"/>
                <a:gd name="T21" fmla="*/ 3230 h 5074"/>
                <a:gd name="T22" fmla="*/ 5240 w 5270"/>
                <a:gd name="T23" fmla="*/ 2923 h 5074"/>
                <a:gd name="T24" fmla="*/ 5269 w 5270"/>
                <a:gd name="T25" fmla="*/ 2603 h 5074"/>
                <a:gd name="T26" fmla="*/ 5262 w 5270"/>
                <a:gd name="T27" fmla="*/ 2343 h 5074"/>
                <a:gd name="T28" fmla="*/ 5216 w 5270"/>
                <a:gd name="T29" fmla="*/ 2026 h 5074"/>
                <a:gd name="T30" fmla="*/ 5131 w 5270"/>
                <a:gd name="T31" fmla="*/ 1724 h 5074"/>
                <a:gd name="T32" fmla="*/ 5010 w 5270"/>
                <a:gd name="T33" fmla="*/ 1439 h 5074"/>
                <a:gd name="T34" fmla="*/ 4854 w 5270"/>
                <a:gd name="T35" fmla="*/ 1171 h 5074"/>
                <a:gd name="T36" fmla="*/ 4668 w 5270"/>
                <a:gd name="T37" fmla="*/ 925 h 5074"/>
                <a:gd name="T38" fmla="*/ 4452 w 5270"/>
                <a:gd name="T39" fmla="*/ 701 h 5074"/>
                <a:gd name="T40" fmla="*/ 4211 w 5270"/>
                <a:gd name="T41" fmla="*/ 505 h 5074"/>
                <a:gd name="T42" fmla="*/ 3945 w 5270"/>
                <a:gd name="T43" fmla="*/ 337 h 5074"/>
                <a:gd name="T44" fmla="*/ 3660 w 5270"/>
                <a:gd name="T45" fmla="*/ 200 h 5074"/>
                <a:gd name="T46" fmla="*/ 3355 w 5270"/>
                <a:gd name="T47" fmla="*/ 97 h 5074"/>
                <a:gd name="T48" fmla="*/ 3035 w 5270"/>
                <a:gd name="T49" fmla="*/ 30 h 5074"/>
                <a:gd name="T50" fmla="*/ 2703 w 5270"/>
                <a:gd name="T51" fmla="*/ 1 h 5074"/>
                <a:gd name="T52" fmla="*/ 2433 w 5270"/>
                <a:gd name="T53" fmla="*/ 8 h 5074"/>
                <a:gd name="T54" fmla="*/ 2104 w 5270"/>
                <a:gd name="T55" fmla="*/ 52 h 5074"/>
                <a:gd name="T56" fmla="*/ 1790 w 5270"/>
                <a:gd name="T57" fmla="*/ 134 h 5074"/>
                <a:gd name="T58" fmla="*/ 1494 w 5270"/>
                <a:gd name="T59" fmla="*/ 251 h 5074"/>
                <a:gd name="T60" fmla="*/ 1216 w 5270"/>
                <a:gd name="T61" fmla="*/ 401 h 5074"/>
                <a:gd name="T62" fmla="*/ 960 w 5270"/>
                <a:gd name="T63" fmla="*/ 580 h 5074"/>
                <a:gd name="T64" fmla="*/ 728 w 5270"/>
                <a:gd name="T65" fmla="*/ 788 h 5074"/>
                <a:gd name="T66" fmla="*/ 524 w 5270"/>
                <a:gd name="T67" fmla="*/ 1020 h 5074"/>
                <a:gd name="T68" fmla="*/ 350 w 5270"/>
                <a:gd name="T69" fmla="*/ 1276 h 5074"/>
                <a:gd name="T70" fmla="*/ 207 w 5270"/>
                <a:gd name="T71" fmla="*/ 1551 h 5074"/>
                <a:gd name="T72" fmla="*/ 100 w 5270"/>
                <a:gd name="T73" fmla="*/ 1844 h 5074"/>
                <a:gd name="T74" fmla="*/ 30 w 5270"/>
                <a:gd name="T75" fmla="*/ 2152 h 5074"/>
                <a:gd name="T76" fmla="*/ 1 w 5270"/>
                <a:gd name="T77" fmla="*/ 2471 h 5074"/>
                <a:gd name="T78" fmla="*/ 8 w 5270"/>
                <a:gd name="T79" fmla="*/ 2733 h 5074"/>
                <a:gd name="T80" fmla="*/ 54 w 5270"/>
                <a:gd name="T81" fmla="*/ 3048 h 5074"/>
                <a:gd name="T82" fmla="*/ 139 w 5270"/>
                <a:gd name="T83" fmla="*/ 3350 h 5074"/>
                <a:gd name="T84" fmla="*/ 260 w 5270"/>
                <a:gd name="T85" fmla="*/ 3636 h 5074"/>
                <a:gd name="T86" fmla="*/ 416 w 5270"/>
                <a:gd name="T87" fmla="*/ 3903 h 5074"/>
                <a:gd name="T88" fmla="*/ 602 w 5270"/>
                <a:gd name="T89" fmla="*/ 4149 h 5074"/>
                <a:gd name="T90" fmla="*/ 818 w 5270"/>
                <a:gd name="T91" fmla="*/ 4373 h 5074"/>
                <a:gd name="T92" fmla="*/ 1059 w 5270"/>
                <a:gd name="T93" fmla="*/ 4569 h 5074"/>
                <a:gd name="T94" fmla="*/ 1325 w 5270"/>
                <a:gd name="T95" fmla="*/ 4737 h 5074"/>
                <a:gd name="T96" fmla="*/ 1611 w 5270"/>
                <a:gd name="T97" fmla="*/ 4874 h 5074"/>
                <a:gd name="T98" fmla="*/ 1915 w 5270"/>
                <a:gd name="T99" fmla="*/ 4978 h 5074"/>
                <a:gd name="T100" fmla="*/ 2234 w 5270"/>
                <a:gd name="T101" fmla="*/ 5045 h 5074"/>
                <a:gd name="T102" fmla="*/ 2566 w 5270"/>
                <a:gd name="T103" fmla="*/ 5073 h 50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270" h="5074">
                  <a:moveTo>
                    <a:pt x="2635" y="5074"/>
                  </a:moveTo>
                  <a:lnTo>
                    <a:pt x="2635" y="5074"/>
                  </a:lnTo>
                  <a:lnTo>
                    <a:pt x="2703" y="5073"/>
                  </a:lnTo>
                  <a:lnTo>
                    <a:pt x="2771" y="5070"/>
                  </a:lnTo>
                  <a:lnTo>
                    <a:pt x="2837" y="5066"/>
                  </a:lnTo>
                  <a:lnTo>
                    <a:pt x="2904" y="5061"/>
                  </a:lnTo>
                  <a:lnTo>
                    <a:pt x="2970" y="5053"/>
                  </a:lnTo>
                  <a:lnTo>
                    <a:pt x="3035" y="5045"/>
                  </a:lnTo>
                  <a:lnTo>
                    <a:pt x="3100" y="5034"/>
                  </a:lnTo>
                  <a:lnTo>
                    <a:pt x="3165" y="5022"/>
                  </a:lnTo>
                  <a:lnTo>
                    <a:pt x="3229" y="5009"/>
                  </a:lnTo>
                  <a:lnTo>
                    <a:pt x="3292" y="4994"/>
                  </a:lnTo>
                  <a:lnTo>
                    <a:pt x="3355" y="4978"/>
                  </a:lnTo>
                  <a:lnTo>
                    <a:pt x="3418" y="4959"/>
                  </a:lnTo>
                  <a:lnTo>
                    <a:pt x="3480" y="4940"/>
                  </a:lnTo>
                  <a:lnTo>
                    <a:pt x="3540" y="4919"/>
                  </a:lnTo>
                  <a:lnTo>
                    <a:pt x="3601" y="4898"/>
                  </a:lnTo>
                  <a:lnTo>
                    <a:pt x="3660" y="4874"/>
                  </a:lnTo>
                  <a:lnTo>
                    <a:pt x="3719" y="4849"/>
                  </a:lnTo>
                  <a:lnTo>
                    <a:pt x="3777" y="4823"/>
                  </a:lnTo>
                  <a:lnTo>
                    <a:pt x="3834" y="4796"/>
                  </a:lnTo>
                  <a:lnTo>
                    <a:pt x="3890" y="4767"/>
                  </a:lnTo>
                  <a:lnTo>
                    <a:pt x="3945" y="4737"/>
                  </a:lnTo>
                  <a:lnTo>
                    <a:pt x="4000" y="4707"/>
                  </a:lnTo>
                  <a:lnTo>
                    <a:pt x="4054" y="4673"/>
                  </a:lnTo>
                  <a:lnTo>
                    <a:pt x="4107" y="4640"/>
                  </a:lnTo>
                  <a:lnTo>
                    <a:pt x="4159" y="4605"/>
                  </a:lnTo>
                  <a:lnTo>
                    <a:pt x="4211" y="4569"/>
                  </a:lnTo>
                  <a:lnTo>
                    <a:pt x="4260" y="4532"/>
                  </a:lnTo>
                  <a:lnTo>
                    <a:pt x="4310" y="4494"/>
                  </a:lnTo>
                  <a:lnTo>
                    <a:pt x="4358" y="4455"/>
                  </a:lnTo>
                  <a:lnTo>
                    <a:pt x="4406" y="4414"/>
                  </a:lnTo>
                  <a:lnTo>
                    <a:pt x="4452" y="4373"/>
                  </a:lnTo>
                  <a:lnTo>
                    <a:pt x="4497" y="4330"/>
                  </a:lnTo>
                  <a:lnTo>
                    <a:pt x="4542" y="4286"/>
                  </a:lnTo>
                  <a:lnTo>
                    <a:pt x="4585" y="4242"/>
                  </a:lnTo>
                  <a:lnTo>
                    <a:pt x="4627" y="4196"/>
                  </a:lnTo>
                  <a:lnTo>
                    <a:pt x="4668" y="4149"/>
                  </a:lnTo>
                  <a:lnTo>
                    <a:pt x="4707" y="4102"/>
                  </a:lnTo>
                  <a:lnTo>
                    <a:pt x="4746" y="4054"/>
                  </a:lnTo>
                  <a:lnTo>
                    <a:pt x="4783" y="4005"/>
                  </a:lnTo>
                  <a:lnTo>
                    <a:pt x="4819" y="3954"/>
                  </a:lnTo>
                  <a:lnTo>
                    <a:pt x="4854" y="3903"/>
                  </a:lnTo>
                  <a:lnTo>
                    <a:pt x="4889" y="3851"/>
                  </a:lnTo>
                  <a:lnTo>
                    <a:pt x="4920" y="3798"/>
                  </a:lnTo>
                  <a:lnTo>
                    <a:pt x="4951" y="3745"/>
                  </a:lnTo>
                  <a:lnTo>
                    <a:pt x="4982" y="3691"/>
                  </a:lnTo>
                  <a:lnTo>
                    <a:pt x="5010" y="3636"/>
                  </a:lnTo>
                  <a:lnTo>
                    <a:pt x="5037" y="3580"/>
                  </a:lnTo>
                  <a:lnTo>
                    <a:pt x="5062" y="3524"/>
                  </a:lnTo>
                  <a:lnTo>
                    <a:pt x="5087" y="3467"/>
                  </a:lnTo>
                  <a:lnTo>
                    <a:pt x="5110" y="3409"/>
                  </a:lnTo>
                  <a:lnTo>
                    <a:pt x="5131" y="3350"/>
                  </a:lnTo>
                  <a:lnTo>
                    <a:pt x="5151" y="3291"/>
                  </a:lnTo>
                  <a:lnTo>
                    <a:pt x="5170" y="3230"/>
                  </a:lnTo>
                  <a:lnTo>
                    <a:pt x="5187" y="3170"/>
                  </a:lnTo>
                  <a:lnTo>
                    <a:pt x="5203" y="3109"/>
                  </a:lnTo>
                  <a:lnTo>
                    <a:pt x="5216" y="3048"/>
                  </a:lnTo>
                  <a:lnTo>
                    <a:pt x="5228" y="2985"/>
                  </a:lnTo>
                  <a:lnTo>
                    <a:pt x="5240" y="2923"/>
                  </a:lnTo>
                  <a:lnTo>
                    <a:pt x="5249" y="2860"/>
                  </a:lnTo>
                  <a:lnTo>
                    <a:pt x="5257" y="2796"/>
                  </a:lnTo>
                  <a:lnTo>
                    <a:pt x="5262" y="2733"/>
                  </a:lnTo>
                  <a:lnTo>
                    <a:pt x="5267" y="2668"/>
                  </a:lnTo>
                  <a:lnTo>
                    <a:pt x="5269" y="2603"/>
                  </a:lnTo>
                  <a:lnTo>
                    <a:pt x="5270" y="2537"/>
                  </a:lnTo>
                  <a:lnTo>
                    <a:pt x="5270" y="2537"/>
                  </a:lnTo>
                  <a:lnTo>
                    <a:pt x="5269" y="2471"/>
                  </a:lnTo>
                  <a:lnTo>
                    <a:pt x="5267" y="2406"/>
                  </a:lnTo>
                  <a:lnTo>
                    <a:pt x="5262" y="2343"/>
                  </a:lnTo>
                  <a:lnTo>
                    <a:pt x="5257" y="2278"/>
                  </a:lnTo>
                  <a:lnTo>
                    <a:pt x="5249" y="2214"/>
                  </a:lnTo>
                  <a:lnTo>
                    <a:pt x="5240" y="2152"/>
                  </a:lnTo>
                  <a:lnTo>
                    <a:pt x="5228" y="2089"/>
                  </a:lnTo>
                  <a:lnTo>
                    <a:pt x="5216" y="2026"/>
                  </a:lnTo>
                  <a:lnTo>
                    <a:pt x="5203" y="1965"/>
                  </a:lnTo>
                  <a:lnTo>
                    <a:pt x="5187" y="1904"/>
                  </a:lnTo>
                  <a:lnTo>
                    <a:pt x="5170" y="1844"/>
                  </a:lnTo>
                  <a:lnTo>
                    <a:pt x="5151" y="1783"/>
                  </a:lnTo>
                  <a:lnTo>
                    <a:pt x="5131" y="1724"/>
                  </a:lnTo>
                  <a:lnTo>
                    <a:pt x="5110" y="1666"/>
                  </a:lnTo>
                  <a:lnTo>
                    <a:pt x="5087" y="1608"/>
                  </a:lnTo>
                  <a:lnTo>
                    <a:pt x="5062" y="1551"/>
                  </a:lnTo>
                  <a:lnTo>
                    <a:pt x="5037" y="1494"/>
                  </a:lnTo>
                  <a:lnTo>
                    <a:pt x="5010" y="1439"/>
                  </a:lnTo>
                  <a:lnTo>
                    <a:pt x="4982" y="1384"/>
                  </a:lnTo>
                  <a:lnTo>
                    <a:pt x="4951" y="1329"/>
                  </a:lnTo>
                  <a:lnTo>
                    <a:pt x="4920" y="1276"/>
                  </a:lnTo>
                  <a:lnTo>
                    <a:pt x="4889" y="1223"/>
                  </a:lnTo>
                  <a:lnTo>
                    <a:pt x="4854" y="1171"/>
                  </a:lnTo>
                  <a:lnTo>
                    <a:pt x="4819" y="1120"/>
                  </a:lnTo>
                  <a:lnTo>
                    <a:pt x="4783" y="1070"/>
                  </a:lnTo>
                  <a:lnTo>
                    <a:pt x="4746" y="1020"/>
                  </a:lnTo>
                  <a:lnTo>
                    <a:pt x="4707" y="972"/>
                  </a:lnTo>
                  <a:lnTo>
                    <a:pt x="4668" y="925"/>
                  </a:lnTo>
                  <a:lnTo>
                    <a:pt x="4627" y="878"/>
                  </a:lnTo>
                  <a:lnTo>
                    <a:pt x="4585" y="832"/>
                  </a:lnTo>
                  <a:lnTo>
                    <a:pt x="4542" y="788"/>
                  </a:lnTo>
                  <a:lnTo>
                    <a:pt x="4497" y="744"/>
                  </a:lnTo>
                  <a:lnTo>
                    <a:pt x="4452" y="701"/>
                  </a:lnTo>
                  <a:lnTo>
                    <a:pt x="4406" y="660"/>
                  </a:lnTo>
                  <a:lnTo>
                    <a:pt x="4358" y="620"/>
                  </a:lnTo>
                  <a:lnTo>
                    <a:pt x="4310" y="580"/>
                  </a:lnTo>
                  <a:lnTo>
                    <a:pt x="4260" y="543"/>
                  </a:lnTo>
                  <a:lnTo>
                    <a:pt x="4211" y="505"/>
                  </a:lnTo>
                  <a:lnTo>
                    <a:pt x="4159" y="469"/>
                  </a:lnTo>
                  <a:lnTo>
                    <a:pt x="4107" y="435"/>
                  </a:lnTo>
                  <a:lnTo>
                    <a:pt x="4054" y="401"/>
                  </a:lnTo>
                  <a:lnTo>
                    <a:pt x="4000" y="369"/>
                  </a:lnTo>
                  <a:lnTo>
                    <a:pt x="3945" y="337"/>
                  </a:lnTo>
                  <a:lnTo>
                    <a:pt x="3890" y="307"/>
                  </a:lnTo>
                  <a:lnTo>
                    <a:pt x="3834" y="278"/>
                  </a:lnTo>
                  <a:lnTo>
                    <a:pt x="3777" y="251"/>
                  </a:lnTo>
                  <a:lnTo>
                    <a:pt x="3719" y="225"/>
                  </a:lnTo>
                  <a:lnTo>
                    <a:pt x="3660" y="200"/>
                  </a:lnTo>
                  <a:lnTo>
                    <a:pt x="3601" y="176"/>
                  </a:lnTo>
                  <a:lnTo>
                    <a:pt x="3540" y="155"/>
                  </a:lnTo>
                  <a:lnTo>
                    <a:pt x="3480" y="134"/>
                  </a:lnTo>
                  <a:lnTo>
                    <a:pt x="3418" y="115"/>
                  </a:lnTo>
                  <a:lnTo>
                    <a:pt x="3355" y="97"/>
                  </a:lnTo>
                  <a:lnTo>
                    <a:pt x="3292" y="80"/>
                  </a:lnTo>
                  <a:lnTo>
                    <a:pt x="3229" y="65"/>
                  </a:lnTo>
                  <a:lnTo>
                    <a:pt x="3165" y="52"/>
                  </a:lnTo>
                  <a:lnTo>
                    <a:pt x="3100" y="40"/>
                  </a:lnTo>
                  <a:lnTo>
                    <a:pt x="3035" y="30"/>
                  </a:lnTo>
                  <a:lnTo>
                    <a:pt x="2970" y="21"/>
                  </a:lnTo>
                  <a:lnTo>
                    <a:pt x="2904" y="13"/>
                  </a:lnTo>
                  <a:lnTo>
                    <a:pt x="2837" y="8"/>
                  </a:lnTo>
                  <a:lnTo>
                    <a:pt x="2771" y="4"/>
                  </a:lnTo>
                  <a:lnTo>
                    <a:pt x="2703" y="1"/>
                  </a:lnTo>
                  <a:lnTo>
                    <a:pt x="2635" y="0"/>
                  </a:lnTo>
                  <a:lnTo>
                    <a:pt x="2635" y="0"/>
                  </a:lnTo>
                  <a:lnTo>
                    <a:pt x="2566" y="1"/>
                  </a:lnTo>
                  <a:lnTo>
                    <a:pt x="2499" y="4"/>
                  </a:lnTo>
                  <a:lnTo>
                    <a:pt x="2433" y="8"/>
                  </a:lnTo>
                  <a:lnTo>
                    <a:pt x="2366" y="13"/>
                  </a:lnTo>
                  <a:lnTo>
                    <a:pt x="2299" y="21"/>
                  </a:lnTo>
                  <a:lnTo>
                    <a:pt x="2234" y="30"/>
                  </a:lnTo>
                  <a:lnTo>
                    <a:pt x="2169" y="40"/>
                  </a:lnTo>
                  <a:lnTo>
                    <a:pt x="2104" y="52"/>
                  </a:lnTo>
                  <a:lnTo>
                    <a:pt x="2040" y="65"/>
                  </a:lnTo>
                  <a:lnTo>
                    <a:pt x="1978" y="80"/>
                  </a:lnTo>
                  <a:lnTo>
                    <a:pt x="1915" y="97"/>
                  </a:lnTo>
                  <a:lnTo>
                    <a:pt x="1852" y="115"/>
                  </a:lnTo>
                  <a:lnTo>
                    <a:pt x="1790" y="134"/>
                  </a:lnTo>
                  <a:lnTo>
                    <a:pt x="1730" y="155"/>
                  </a:lnTo>
                  <a:lnTo>
                    <a:pt x="1670" y="176"/>
                  </a:lnTo>
                  <a:lnTo>
                    <a:pt x="1611" y="200"/>
                  </a:lnTo>
                  <a:lnTo>
                    <a:pt x="1551" y="225"/>
                  </a:lnTo>
                  <a:lnTo>
                    <a:pt x="1494" y="251"/>
                  </a:lnTo>
                  <a:lnTo>
                    <a:pt x="1437" y="278"/>
                  </a:lnTo>
                  <a:lnTo>
                    <a:pt x="1380" y="307"/>
                  </a:lnTo>
                  <a:lnTo>
                    <a:pt x="1325" y="337"/>
                  </a:lnTo>
                  <a:lnTo>
                    <a:pt x="1270" y="369"/>
                  </a:lnTo>
                  <a:lnTo>
                    <a:pt x="1216" y="401"/>
                  </a:lnTo>
                  <a:lnTo>
                    <a:pt x="1163" y="435"/>
                  </a:lnTo>
                  <a:lnTo>
                    <a:pt x="1110" y="469"/>
                  </a:lnTo>
                  <a:lnTo>
                    <a:pt x="1059" y="505"/>
                  </a:lnTo>
                  <a:lnTo>
                    <a:pt x="1009" y="543"/>
                  </a:lnTo>
                  <a:lnTo>
                    <a:pt x="960" y="580"/>
                  </a:lnTo>
                  <a:lnTo>
                    <a:pt x="912" y="620"/>
                  </a:lnTo>
                  <a:lnTo>
                    <a:pt x="864" y="660"/>
                  </a:lnTo>
                  <a:lnTo>
                    <a:pt x="818" y="701"/>
                  </a:lnTo>
                  <a:lnTo>
                    <a:pt x="773" y="744"/>
                  </a:lnTo>
                  <a:lnTo>
                    <a:pt x="728" y="788"/>
                  </a:lnTo>
                  <a:lnTo>
                    <a:pt x="685" y="832"/>
                  </a:lnTo>
                  <a:lnTo>
                    <a:pt x="644" y="878"/>
                  </a:lnTo>
                  <a:lnTo>
                    <a:pt x="602" y="925"/>
                  </a:lnTo>
                  <a:lnTo>
                    <a:pt x="563" y="972"/>
                  </a:lnTo>
                  <a:lnTo>
                    <a:pt x="524" y="1020"/>
                  </a:lnTo>
                  <a:lnTo>
                    <a:pt x="487" y="1070"/>
                  </a:lnTo>
                  <a:lnTo>
                    <a:pt x="451" y="1120"/>
                  </a:lnTo>
                  <a:lnTo>
                    <a:pt x="416" y="1171"/>
                  </a:lnTo>
                  <a:lnTo>
                    <a:pt x="382" y="1223"/>
                  </a:lnTo>
                  <a:lnTo>
                    <a:pt x="350" y="1276"/>
                  </a:lnTo>
                  <a:lnTo>
                    <a:pt x="318" y="1329"/>
                  </a:lnTo>
                  <a:lnTo>
                    <a:pt x="288" y="1384"/>
                  </a:lnTo>
                  <a:lnTo>
                    <a:pt x="260" y="1439"/>
                  </a:lnTo>
                  <a:lnTo>
                    <a:pt x="233" y="1494"/>
                  </a:lnTo>
                  <a:lnTo>
                    <a:pt x="207" y="1551"/>
                  </a:lnTo>
                  <a:lnTo>
                    <a:pt x="183" y="1608"/>
                  </a:lnTo>
                  <a:lnTo>
                    <a:pt x="160" y="1666"/>
                  </a:lnTo>
                  <a:lnTo>
                    <a:pt x="139" y="1724"/>
                  </a:lnTo>
                  <a:lnTo>
                    <a:pt x="119" y="1783"/>
                  </a:lnTo>
                  <a:lnTo>
                    <a:pt x="100" y="1844"/>
                  </a:lnTo>
                  <a:lnTo>
                    <a:pt x="83" y="1904"/>
                  </a:lnTo>
                  <a:lnTo>
                    <a:pt x="67" y="1965"/>
                  </a:lnTo>
                  <a:lnTo>
                    <a:pt x="54" y="2026"/>
                  </a:lnTo>
                  <a:lnTo>
                    <a:pt x="41" y="2089"/>
                  </a:lnTo>
                  <a:lnTo>
                    <a:pt x="30" y="2152"/>
                  </a:lnTo>
                  <a:lnTo>
                    <a:pt x="21" y="2214"/>
                  </a:lnTo>
                  <a:lnTo>
                    <a:pt x="13" y="2278"/>
                  </a:lnTo>
                  <a:lnTo>
                    <a:pt x="8" y="2343"/>
                  </a:lnTo>
                  <a:lnTo>
                    <a:pt x="3" y="2406"/>
                  </a:lnTo>
                  <a:lnTo>
                    <a:pt x="1" y="2471"/>
                  </a:lnTo>
                  <a:lnTo>
                    <a:pt x="0" y="2537"/>
                  </a:lnTo>
                  <a:lnTo>
                    <a:pt x="0" y="2537"/>
                  </a:lnTo>
                  <a:lnTo>
                    <a:pt x="1" y="2603"/>
                  </a:lnTo>
                  <a:lnTo>
                    <a:pt x="3" y="2668"/>
                  </a:lnTo>
                  <a:lnTo>
                    <a:pt x="8" y="2733"/>
                  </a:lnTo>
                  <a:lnTo>
                    <a:pt x="13" y="2796"/>
                  </a:lnTo>
                  <a:lnTo>
                    <a:pt x="21" y="2860"/>
                  </a:lnTo>
                  <a:lnTo>
                    <a:pt x="30" y="2923"/>
                  </a:lnTo>
                  <a:lnTo>
                    <a:pt x="41" y="2985"/>
                  </a:lnTo>
                  <a:lnTo>
                    <a:pt x="54" y="3048"/>
                  </a:lnTo>
                  <a:lnTo>
                    <a:pt x="67" y="3109"/>
                  </a:lnTo>
                  <a:lnTo>
                    <a:pt x="83" y="3170"/>
                  </a:lnTo>
                  <a:lnTo>
                    <a:pt x="100" y="3230"/>
                  </a:lnTo>
                  <a:lnTo>
                    <a:pt x="119" y="3291"/>
                  </a:lnTo>
                  <a:lnTo>
                    <a:pt x="139" y="3350"/>
                  </a:lnTo>
                  <a:lnTo>
                    <a:pt x="160" y="3409"/>
                  </a:lnTo>
                  <a:lnTo>
                    <a:pt x="183" y="3467"/>
                  </a:lnTo>
                  <a:lnTo>
                    <a:pt x="207" y="3524"/>
                  </a:lnTo>
                  <a:lnTo>
                    <a:pt x="233" y="3580"/>
                  </a:lnTo>
                  <a:lnTo>
                    <a:pt x="260" y="3636"/>
                  </a:lnTo>
                  <a:lnTo>
                    <a:pt x="288" y="3691"/>
                  </a:lnTo>
                  <a:lnTo>
                    <a:pt x="318" y="3745"/>
                  </a:lnTo>
                  <a:lnTo>
                    <a:pt x="350" y="3798"/>
                  </a:lnTo>
                  <a:lnTo>
                    <a:pt x="382" y="3851"/>
                  </a:lnTo>
                  <a:lnTo>
                    <a:pt x="416" y="3903"/>
                  </a:lnTo>
                  <a:lnTo>
                    <a:pt x="451" y="3954"/>
                  </a:lnTo>
                  <a:lnTo>
                    <a:pt x="487" y="4005"/>
                  </a:lnTo>
                  <a:lnTo>
                    <a:pt x="524" y="4054"/>
                  </a:lnTo>
                  <a:lnTo>
                    <a:pt x="563" y="4102"/>
                  </a:lnTo>
                  <a:lnTo>
                    <a:pt x="602" y="4149"/>
                  </a:lnTo>
                  <a:lnTo>
                    <a:pt x="644" y="4196"/>
                  </a:lnTo>
                  <a:lnTo>
                    <a:pt x="685" y="4242"/>
                  </a:lnTo>
                  <a:lnTo>
                    <a:pt x="728" y="4286"/>
                  </a:lnTo>
                  <a:lnTo>
                    <a:pt x="773" y="4330"/>
                  </a:lnTo>
                  <a:lnTo>
                    <a:pt x="818" y="4373"/>
                  </a:lnTo>
                  <a:lnTo>
                    <a:pt x="864" y="4414"/>
                  </a:lnTo>
                  <a:lnTo>
                    <a:pt x="912" y="4455"/>
                  </a:lnTo>
                  <a:lnTo>
                    <a:pt x="960" y="4494"/>
                  </a:lnTo>
                  <a:lnTo>
                    <a:pt x="1009" y="4532"/>
                  </a:lnTo>
                  <a:lnTo>
                    <a:pt x="1059" y="4569"/>
                  </a:lnTo>
                  <a:lnTo>
                    <a:pt x="1110" y="4605"/>
                  </a:lnTo>
                  <a:lnTo>
                    <a:pt x="1163" y="4640"/>
                  </a:lnTo>
                  <a:lnTo>
                    <a:pt x="1216" y="4673"/>
                  </a:lnTo>
                  <a:lnTo>
                    <a:pt x="1270" y="4707"/>
                  </a:lnTo>
                  <a:lnTo>
                    <a:pt x="1325" y="4737"/>
                  </a:lnTo>
                  <a:lnTo>
                    <a:pt x="1380" y="4767"/>
                  </a:lnTo>
                  <a:lnTo>
                    <a:pt x="1437" y="4796"/>
                  </a:lnTo>
                  <a:lnTo>
                    <a:pt x="1494" y="4823"/>
                  </a:lnTo>
                  <a:lnTo>
                    <a:pt x="1551" y="4849"/>
                  </a:lnTo>
                  <a:lnTo>
                    <a:pt x="1611" y="4874"/>
                  </a:lnTo>
                  <a:lnTo>
                    <a:pt x="1670" y="4898"/>
                  </a:lnTo>
                  <a:lnTo>
                    <a:pt x="1730" y="4919"/>
                  </a:lnTo>
                  <a:lnTo>
                    <a:pt x="1790" y="4940"/>
                  </a:lnTo>
                  <a:lnTo>
                    <a:pt x="1852" y="4959"/>
                  </a:lnTo>
                  <a:lnTo>
                    <a:pt x="1915" y="4978"/>
                  </a:lnTo>
                  <a:lnTo>
                    <a:pt x="1978" y="4994"/>
                  </a:lnTo>
                  <a:lnTo>
                    <a:pt x="2040" y="5009"/>
                  </a:lnTo>
                  <a:lnTo>
                    <a:pt x="2104" y="5022"/>
                  </a:lnTo>
                  <a:lnTo>
                    <a:pt x="2169" y="5034"/>
                  </a:lnTo>
                  <a:lnTo>
                    <a:pt x="2234" y="5045"/>
                  </a:lnTo>
                  <a:lnTo>
                    <a:pt x="2299" y="5053"/>
                  </a:lnTo>
                  <a:lnTo>
                    <a:pt x="2366" y="5061"/>
                  </a:lnTo>
                  <a:lnTo>
                    <a:pt x="2433" y="5066"/>
                  </a:lnTo>
                  <a:lnTo>
                    <a:pt x="2499" y="5070"/>
                  </a:lnTo>
                  <a:lnTo>
                    <a:pt x="2566" y="5073"/>
                  </a:lnTo>
                  <a:lnTo>
                    <a:pt x="2635" y="507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1" name="Freeform 291">
              <a:extLst>
                <a:ext uri="{FF2B5EF4-FFF2-40B4-BE49-F238E27FC236}">
                  <a16:creationId xmlns:a16="http://schemas.microsoft.com/office/drawing/2014/main" xmlns="" id="{DDF3998F-B502-CC4E-BCA4-3403245278CC}"/>
                </a:ext>
              </a:extLst>
            </p:cNvPr>
            <p:cNvSpPr>
              <a:spLocks/>
            </p:cNvSpPr>
            <p:nvPr/>
          </p:nvSpPr>
          <p:spPr bwMode="auto">
            <a:xfrm flipH="1">
              <a:off x="6899317" y="979354"/>
              <a:ext cx="4599165" cy="2181920"/>
            </a:xfrm>
            <a:custGeom>
              <a:avLst/>
              <a:gdLst>
                <a:gd name="T0" fmla="*/ 2638 w 5255"/>
                <a:gd name="T1" fmla="*/ 0 h 2390"/>
                <a:gd name="T2" fmla="*/ 2642 w 5255"/>
                <a:gd name="T3" fmla="*/ 0 h 2390"/>
                <a:gd name="T4" fmla="*/ 2649 w 5255"/>
                <a:gd name="T5" fmla="*/ 0 h 2390"/>
                <a:gd name="T6" fmla="*/ 2653 w 5255"/>
                <a:gd name="T7" fmla="*/ 0 h 2390"/>
                <a:gd name="T8" fmla="*/ 2660 w 5255"/>
                <a:gd name="T9" fmla="*/ 0 h 2390"/>
                <a:gd name="T10" fmla="*/ 2667 w 5255"/>
                <a:gd name="T11" fmla="*/ 0 h 2390"/>
                <a:gd name="T12" fmla="*/ 2675 w 5255"/>
                <a:gd name="T13" fmla="*/ 0 h 2390"/>
                <a:gd name="T14" fmla="*/ 2679 w 5255"/>
                <a:gd name="T15" fmla="*/ 0 h 2390"/>
                <a:gd name="T16" fmla="*/ 2686 w 5255"/>
                <a:gd name="T17" fmla="*/ 0 h 2390"/>
                <a:gd name="T18" fmla="*/ 2690 w 5255"/>
                <a:gd name="T19" fmla="*/ 1 h 2390"/>
                <a:gd name="T20" fmla="*/ 2697 w 5255"/>
                <a:gd name="T21" fmla="*/ 1 h 2390"/>
                <a:gd name="T22" fmla="*/ 2705 w 5255"/>
                <a:gd name="T23" fmla="*/ 1 h 2390"/>
                <a:gd name="T24" fmla="*/ 2712 w 5255"/>
                <a:gd name="T25" fmla="*/ 1 h 2390"/>
                <a:gd name="T26" fmla="*/ 2716 w 5255"/>
                <a:gd name="T27" fmla="*/ 1 h 2390"/>
                <a:gd name="T28" fmla="*/ 2723 w 5255"/>
                <a:gd name="T29" fmla="*/ 1 h 2390"/>
                <a:gd name="T30" fmla="*/ 2727 w 5255"/>
                <a:gd name="T31" fmla="*/ 3 h 2390"/>
                <a:gd name="T32" fmla="*/ 2733 w 5255"/>
                <a:gd name="T33" fmla="*/ 3 h 2390"/>
                <a:gd name="T34" fmla="*/ 2751 w 5255"/>
                <a:gd name="T35" fmla="*/ 3 h 2390"/>
                <a:gd name="T36" fmla="*/ 2757 w 5255"/>
                <a:gd name="T37" fmla="*/ 4 h 2390"/>
                <a:gd name="T38" fmla="*/ 3182 w 5255"/>
                <a:gd name="T39" fmla="*/ 57 h 2390"/>
                <a:gd name="T40" fmla="*/ 3793 w 5255"/>
                <a:gd name="T41" fmla="*/ 261 h 2390"/>
                <a:gd name="T42" fmla="*/ 4327 w 5255"/>
                <a:gd name="T43" fmla="*/ 597 h 2390"/>
                <a:gd name="T44" fmla="*/ 4760 w 5255"/>
                <a:gd name="T45" fmla="*/ 1044 h 2390"/>
                <a:gd name="T46" fmla="*/ 5072 w 5255"/>
                <a:gd name="T47" fmla="*/ 1581 h 2390"/>
                <a:gd name="T48" fmla="*/ 5241 w 5255"/>
                <a:gd name="T49" fmla="*/ 2188 h 2390"/>
                <a:gd name="T50" fmla="*/ 4984 w 5255"/>
                <a:gd name="T51" fmla="*/ 2044 h 2390"/>
                <a:gd name="T52" fmla="*/ 4187 w 5255"/>
                <a:gd name="T53" fmla="*/ 1590 h 2390"/>
                <a:gd name="T54" fmla="*/ 3173 w 5255"/>
                <a:gd name="T55" fmla="*/ 1345 h 2390"/>
                <a:gd name="T56" fmla="*/ 2127 w 5255"/>
                <a:gd name="T57" fmla="*/ 1348 h 2390"/>
                <a:gd name="T58" fmla="*/ 1074 w 5255"/>
                <a:gd name="T59" fmla="*/ 1615 h 2390"/>
                <a:gd name="T60" fmla="*/ 456 w 5255"/>
                <a:gd name="T61" fmla="*/ 1954 h 2390"/>
                <a:gd name="T62" fmla="*/ 123 w 5255"/>
                <a:gd name="T63" fmla="*/ 2244 h 2390"/>
                <a:gd name="T64" fmla="*/ 36 w 5255"/>
                <a:gd name="T65" fmla="*/ 2094 h 2390"/>
                <a:gd name="T66" fmla="*/ 232 w 5255"/>
                <a:gd name="T67" fmla="*/ 1486 h 2390"/>
                <a:gd name="T68" fmla="*/ 572 w 5255"/>
                <a:gd name="T69" fmla="*/ 955 h 2390"/>
                <a:gd name="T70" fmla="*/ 1033 w 5255"/>
                <a:gd name="T71" fmla="*/ 521 h 2390"/>
                <a:gd name="T72" fmla="*/ 1594 w 5255"/>
                <a:gd name="T73" fmla="*/ 205 h 2390"/>
                <a:gd name="T74" fmla="*/ 2232 w 5255"/>
                <a:gd name="T75" fmla="*/ 30 h 2390"/>
                <a:gd name="T76" fmla="*/ 2482 w 5255"/>
                <a:gd name="T77" fmla="*/ 5 h 2390"/>
                <a:gd name="T78" fmla="*/ 2491 w 5255"/>
                <a:gd name="T79" fmla="*/ 4 h 2390"/>
                <a:gd name="T80" fmla="*/ 2496 w 5255"/>
                <a:gd name="T81" fmla="*/ 4 h 2390"/>
                <a:gd name="T82" fmla="*/ 2504 w 5255"/>
                <a:gd name="T83" fmla="*/ 4 h 2390"/>
                <a:gd name="T84" fmla="*/ 2527 w 5255"/>
                <a:gd name="T85" fmla="*/ 3 h 2390"/>
                <a:gd name="T86" fmla="*/ 2532 w 5255"/>
                <a:gd name="T87" fmla="*/ 3 h 2390"/>
                <a:gd name="T88" fmla="*/ 2537 w 5255"/>
                <a:gd name="T89" fmla="*/ 1 h 2390"/>
                <a:gd name="T90" fmla="*/ 2543 w 5255"/>
                <a:gd name="T91" fmla="*/ 1 h 2390"/>
                <a:gd name="T92" fmla="*/ 2549 w 5255"/>
                <a:gd name="T93" fmla="*/ 1 h 2390"/>
                <a:gd name="T94" fmla="*/ 2555 w 5255"/>
                <a:gd name="T95" fmla="*/ 1 h 2390"/>
                <a:gd name="T96" fmla="*/ 2560 w 5255"/>
                <a:gd name="T97" fmla="*/ 1 h 2390"/>
                <a:gd name="T98" fmla="*/ 2566 w 5255"/>
                <a:gd name="T99" fmla="*/ 1 h 2390"/>
                <a:gd name="T100" fmla="*/ 2571 w 5255"/>
                <a:gd name="T101" fmla="*/ 1 h 2390"/>
                <a:gd name="T102" fmla="*/ 2578 w 5255"/>
                <a:gd name="T103" fmla="*/ 0 h 2390"/>
                <a:gd name="T104" fmla="*/ 2584 w 5255"/>
                <a:gd name="T105" fmla="*/ 0 h 2390"/>
                <a:gd name="T106" fmla="*/ 2590 w 5255"/>
                <a:gd name="T107" fmla="*/ 0 h 2390"/>
                <a:gd name="T108" fmla="*/ 2595 w 5255"/>
                <a:gd name="T109" fmla="*/ 0 h 2390"/>
                <a:gd name="T110" fmla="*/ 2602 w 5255"/>
                <a:gd name="T111" fmla="*/ 0 h 2390"/>
                <a:gd name="T112" fmla="*/ 2607 w 5255"/>
                <a:gd name="T113" fmla="*/ 0 h 2390"/>
                <a:gd name="T114" fmla="*/ 2613 w 5255"/>
                <a:gd name="T115" fmla="*/ 0 h 2390"/>
                <a:gd name="T116" fmla="*/ 2619 w 5255"/>
                <a:gd name="T117" fmla="*/ 0 h 2390"/>
                <a:gd name="T118" fmla="*/ 2624 w 5255"/>
                <a:gd name="T119" fmla="*/ 0 h 2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255" h="2390">
                  <a:moveTo>
                    <a:pt x="2631" y="0"/>
                  </a:moveTo>
                  <a:lnTo>
                    <a:pt x="2631" y="0"/>
                  </a:lnTo>
                  <a:lnTo>
                    <a:pt x="2633" y="0"/>
                  </a:lnTo>
                  <a:lnTo>
                    <a:pt x="2633" y="0"/>
                  </a:lnTo>
                  <a:lnTo>
                    <a:pt x="2633" y="0"/>
                  </a:lnTo>
                  <a:lnTo>
                    <a:pt x="2633" y="0"/>
                  </a:lnTo>
                  <a:lnTo>
                    <a:pt x="2635" y="0"/>
                  </a:lnTo>
                  <a:lnTo>
                    <a:pt x="2635" y="0"/>
                  </a:lnTo>
                  <a:lnTo>
                    <a:pt x="2635" y="0"/>
                  </a:lnTo>
                  <a:lnTo>
                    <a:pt x="2635" y="0"/>
                  </a:lnTo>
                  <a:lnTo>
                    <a:pt x="2638" y="0"/>
                  </a:lnTo>
                  <a:lnTo>
                    <a:pt x="2638" y="0"/>
                  </a:lnTo>
                  <a:lnTo>
                    <a:pt x="2638" y="0"/>
                  </a:lnTo>
                  <a:lnTo>
                    <a:pt x="2638" y="0"/>
                  </a:lnTo>
                  <a:lnTo>
                    <a:pt x="2639" y="0"/>
                  </a:lnTo>
                  <a:lnTo>
                    <a:pt x="2639" y="0"/>
                  </a:lnTo>
                  <a:lnTo>
                    <a:pt x="2640" y="0"/>
                  </a:lnTo>
                  <a:lnTo>
                    <a:pt x="2640" y="0"/>
                  </a:lnTo>
                  <a:lnTo>
                    <a:pt x="2641" y="0"/>
                  </a:lnTo>
                  <a:lnTo>
                    <a:pt x="2641" y="0"/>
                  </a:lnTo>
                  <a:lnTo>
                    <a:pt x="2642" y="0"/>
                  </a:lnTo>
                  <a:lnTo>
                    <a:pt x="2642" y="0"/>
                  </a:lnTo>
                  <a:lnTo>
                    <a:pt x="2643" y="0"/>
                  </a:lnTo>
                  <a:lnTo>
                    <a:pt x="2643" y="0"/>
                  </a:lnTo>
                  <a:lnTo>
                    <a:pt x="2644" y="0"/>
                  </a:lnTo>
                  <a:lnTo>
                    <a:pt x="2644" y="0"/>
                  </a:lnTo>
                  <a:lnTo>
                    <a:pt x="2645" y="0"/>
                  </a:lnTo>
                  <a:lnTo>
                    <a:pt x="2645" y="0"/>
                  </a:lnTo>
                  <a:lnTo>
                    <a:pt x="2647" y="0"/>
                  </a:lnTo>
                  <a:lnTo>
                    <a:pt x="2647" y="0"/>
                  </a:lnTo>
                  <a:lnTo>
                    <a:pt x="2648" y="0"/>
                  </a:lnTo>
                  <a:lnTo>
                    <a:pt x="2648" y="0"/>
                  </a:lnTo>
                  <a:lnTo>
                    <a:pt x="2649" y="0"/>
                  </a:lnTo>
                  <a:lnTo>
                    <a:pt x="2649" y="0"/>
                  </a:lnTo>
                  <a:lnTo>
                    <a:pt x="2650" y="0"/>
                  </a:lnTo>
                  <a:lnTo>
                    <a:pt x="2650" y="0"/>
                  </a:lnTo>
                  <a:lnTo>
                    <a:pt x="2651" y="0"/>
                  </a:lnTo>
                  <a:lnTo>
                    <a:pt x="2651" y="0"/>
                  </a:lnTo>
                  <a:lnTo>
                    <a:pt x="2651" y="0"/>
                  </a:lnTo>
                  <a:lnTo>
                    <a:pt x="2651" y="0"/>
                  </a:lnTo>
                  <a:lnTo>
                    <a:pt x="2652" y="0"/>
                  </a:lnTo>
                  <a:lnTo>
                    <a:pt x="2652" y="0"/>
                  </a:lnTo>
                  <a:lnTo>
                    <a:pt x="2653" y="0"/>
                  </a:lnTo>
                  <a:lnTo>
                    <a:pt x="2653" y="0"/>
                  </a:lnTo>
                  <a:lnTo>
                    <a:pt x="2654" y="0"/>
                  </a:lnTo>
                  <a:lnTo>
                    <a:pt x="2654" y="0"/>
                  </a:lnTo>
                  <a:lnTo>
                    <a:pt x="2656" y="0"/>
                  </a:lnTo>
                  <a:lnTo>
                    <a:pt x="2656" y="0"/>
                  </a:lnTo>
                  <a:lnTo>
                    <a:pt x="2657" y="0"/>
                  </a:lnTo>
                  <a:lnTo>
                    <a:pt x="2657" y="0"/>
                  </a:lnTo>
                  <a:lnTo>
                    <a:pt x="2658" y="0"/>
                  </a:lnTo>
                  <a:lnTo>
                    <a:pt x="2658" y="0"/>
                  </a:lnTo>
                  <a:lnTo>
                    <a:pt x="2659" y="0"/>
                  </a:lnTo>
                  <a:lnTo>
                    <a:pt x="2659" y="0"/>
                  </a:lnTo>
                  <a:lnTo>
                    <a:pt x="2660" y="0"/>
                  </a:lnTo>
                  <a:lnTo>
                    <a:pt x="2660" y="0"/>
                  </a:lnTo>
                  <a:lnTo>
                    <a:pt x="2661" y="0"/>
                  </a:lnTo>
                  <a:lnTo>
                    <a:pt x="2661" y="0"/>
                  </a:lnTo>
                  <a:lnTo>
                    <a:pt x="2662" y="0"/>
                  </a:lnTo>
                  <a:lnTo>
                    <a:pt x="2662" y="0"/>
                  </a:lnTo>
                  <a:lnTo>
                    <a:pt x="2663" y="0"/>
                  </a:lnTo>
                  <a:lnTo>
                    <a:pt x="2663" y="0"/>
                  </a:lnTo>
                  <a:lnTo>
                    <a:pt x="2667" y="0"/>
                  </a:lnTo>
                  <a:lnTo>
                    <a:pt x="2667" y="0"/>
                  </a:lnTo>
                  <a:lnTo>
                    <a:pt x="2667" y="0"/>
                  </a:lnTo>
                  <a:lnTo>
                    <a:pt x="2667" y="0"/>
                  </a:lnTo>
                  <a:lnTo>
                    <a:pt x="2669" y="0"/>
                  </a:lnTo>
                  <a:lnTo>
                    <a:pt x="2669" y="0"/>
                  </a:lnTo>
                  <a:lnTo>
                    <a:pt x="2670" y="0"/>
                  </a:lnTo>
                  <a:lnTo>
                    <a:pt x="2670" y="0"/>
                  </a:lnTo>
                  <a:lnTo>
                    <a:pt x="2671" y="0"/>
                  </a:lnTo>
                  <a:lnTo>
                    <a:pt x="2671" y="0"/>
                  </a:lnTo>
                  <a:lnTo>
                    <a:pt x="2672" y="0"/>
                  </a:lnTo>
                  <a:lnTo>
                    <a:pt x="2672" y="0"/>
                  </a:lnTo>
                  <a:lnTo>
                    <a:pt x="2674" y="0"/>
                  </a:lnTo>
                  <a:lnTo>
                    <a:pt x="2674" y="0"/>
                  </a:lnTo>
                  <a:lnTo>
                    <a:pt x="2675" y="0"/>
                  </a:lnTo>
                  <a:lnTo>
                    <a:pt x="2675" y="0"/>
                  </a:lnTo>
                  <a:lnTo>
                    <a:pt x="2676" y="0"/>
                  </a:lnTo>
                  <a:lnTo>
                    <a:pt x="2676" y="0"/>
                  </a:lnTo>
                  <a:lnTo>
                    <a:pt x="2677" y="0"/>
                  </a:lnTo>
                  <a:lnTo>
                    <a:pt x="2677" y="0"/>
                  </a:lnTo>
                  <a:lnTo>
                    <a:pt x="2677" y="0"/>
                  </a:lnTo>
                  <a:lnTo>
                    <a:pt x="2677" y="0"/>
                  </a:lnTo>
                  <a:lnTo>
                    <a:pt x="2678" y="0"/>
                  </a:lnTo>
                  <a:lnTo>
                    <a:pt x="2678" y="0"/>
                  </a:lnTo>
                  <a:lnTo>
                    <a:pt x="2679" y="0"/>
                  </a:lnTo>
                  <a:lnTo>
                    <a:pt x="2679" y="0"/>
                  </a:lnTo>
                  <a:lnTo>
                    <a:pt x="2680" y="0"/>
                  </a:lnTo>
                  <a:lnTo>
                    <a:pt x="2680" y="0"/>
                  </a:lnTo>
                  <a:lnTo>
                    <a:pt x="2681" y="0"/>
                  </a:lnTo>
                  <a:lnTo>
                    <a:pt x="2681" y="0"/>
                  </a:lnTo>
                  <a:lnTo>
                    <a:pt x="2682" y="0"/>
                  </a:lnTo>
                  <a:lnTo>
                    <a:pt x="2682" y="0"/>
                  </a:lnTo>
                  <a:lnTo>
                    <a:pt x="2684" y="0"/>
                  </a:lnTo>
                  <a:lnTo>
                    <a:pt x="2684" y="0"/>
                  </a:lnTo>
                  <a:lnTo>
                    <a:pt x="2685" y="0"/>
                  </a:lnTo>
                  <a:lnTo>
                    <a:pt x="2685" y="0"/>
                  </a:lnTo>
                  <a:lnTo>
                    <a:pt x="2686" y="0"/>
                  </a:lnTo>
                  <a:lnTo>
                    <a:pt x="2686" y="0"/>
                  </a:lnTo>
                  <a:lnTo>
                    <a:pt x="2687" y="1"/>
                  </a:lnTo>
                  <a:lnTo>
                    <a:pt x="2687" y="1"/>
                  </a:lnTo>
                  <a:lnTo>
                    <a:pt x="2687" y="1"/>
                  </a:lnTo>
                  <a:lnTo>
                    <a:pt x="2687" y="1"/>
                  </a:lnTo>
                  <a:lnTo>
                    <a:pt x="2689" y="1"/>
                  </a:lnTo>
                  <a:lnTo>
                    <a:pt x="2689" y="1"/>
                  </a:lnTo>
                  <a:lnTo>
                    <a:pt x="2689" y="1"/>
                  </a:lnTo>
                  <a:lnTo>
                    <a:pt x="2689" y="1"/>
                  </a:lnTo>
                  <a:lnTo>
                    <a:pt x="2690" y="1"/>
                  </a:lnTo>
                  <a:lnTo>
                    <a:pt x="2690" y="1"/>
                  </a:lnTo>
                  <a:lnTo>
                    <a:pt x="2691" y="1"/>
                  </a:lnTo>
                  <a:lnTo>
                    <a:pt x="2691" y="1"/>
                  </a:lnTo>
                  <a:lnTo>
                    <a:pt x="2693" y="1"/>
                  </a:lnTo>
                  <a:lnTo>
                    <a:pt x="2693" y="1"/>
                  </a:lnTo>
                  <a:lnTo>
                    <a:pt x="2694" y="1"/>
                  </a:lnTo>
                  <a:lnTo>
                    <a:pt x="2694" y="1"/>
                  </a:lnTo>
                  <a:lnTo>
                    <a:pt x="2695" y="1"/>
                  </a:lnTo>
                  <a:lnTo>
                    <a:pt x="2695" y="1"/>
                  </a:lnTo>
                  <a:lnTo>
                    <a:pt x="2696" y="1"/>
                  </a:lnTo>
                  <a:lnTo>
                    <a:pt x="2696" y="1"/>
                  </a:lnTo>
                  <a:lnTo>
                    <a:pt x="2697" y="1"/>
                  </a:lnTo>
                  <a:lnTo>
                    <a:pt x="2697" y="1"/>
                  </a:lnTo>
                  <a:lnTo>
                    <a:pt x="2698" y="1"/>
                  </a:lnTo>
                  <a:lnTo>
                    <a:pt x="2698" y="1"/>
                  </a:lnTo>
                  <a:lnTo>
                    <a:pt x="2699" y="1"/>
                  </a:lnTo>
                  <a:lnTo>
                    <a:pt x="2699" y="1"/>
                  </a:lnTo>
                  <a:lnTo>
                    <a:pt x="2699" y="1"/>
                  </a:lnTo>
                  <a:lnTo>
                    <a:pt x="2699" y="1"/>
                  </a:lnTo>
                  <a:lnTo>
                    <a:pt x="2705" y="1"/>
                  </a:lnTo>
                  <a:lnTo>
                    <a:pt x="2705" y="1"/>
                  </a:lnTo>
                  <a:lnTo>
                    <a:pt x="2705" y="1"/>
                  </a:lnTo>
                  <a:lnTo>
                    <a:pt x="2705" y="1"/>
                  </a:lnTo>
                  <a:lnTo>
                    <a:pt x="2706" y="1"/>
                  </a:lnTo>
                  <a:lnTo>
                    <a:pt x="2706" y="1"/>
                  </a:lnTo>
                  <a:lnTo>
                    <a:pt x="2707" y="1"/>
                  </a:lnTo>
                  <a:lnTo>
                    <a:pt x="2707" y="1"/>
                  </a:lnTo>
                  <a:lnTo>
                    <a:pt x="2708" y="1"/>
                  </a:lnTo>
                  <a:lnTo>
                    <a:pt x="2708" y="1"/>
                  </a:lnTo>
                  <a:lnTo>
                    <a:pt x="2709" y="1"/>
                  </a:lnTo>
                  <a:lnTo>
                    <a:pt x="2709" y="1"/>
                  </a:lnTo>
                  <a:lnTo>
                    <a:pt x="2711" y="1"/>
                  </a:lnTo>
                  <a:lnTo>
                    <a:pt x="2711" y="1"/>
                  </a:lnTo>
                  <a:lnTo>
                    <a:pt x="2712" y="1"/>
                  </a:lnTo>
                  <a:lnTo>
                    <a:pt x="2712" y="1"/>
                  </a:lnTo>
                  <a:lnTo>
                    <a:pt x="2713" y="1"/>
                  </a:lnTo>
                  <a:lnTo>
                    <a:pt x="2713" y="1"/>
                  </a:lnTo>
                  <a:lnTo>
                    <a:pt x="2713" y="1"/>
                  </a:lnTo>
                  <a:lnTo>
                    <a:pt x="2713" y="1"/>
                  </a:lnTo>
                  <a:lnTo>
                    <a:pt x="2715" y="1"/>
                  </a:lnTo>
                  <a:lnTo>
                    <a:pt x="2715" y="1"/>
                  </a:lnTo>
                  <a:lnTo>
                    <a:pt x="2715" y="1"/>
                  </a:lnTo>
                  <a:lnTo>
                    <a:pt x="2715" y="1"/>
                  </a:lnTo>
                  <a:lnTo>
                    <a:pt x="2716" y="1"/>
                  </a:lnTo>
                  <a:lnTo>
                    <a:pt x="2716" y="1"/>
                  </a:lnTo>
                  <a:lnTo>
                    <a:pt x="2717" y="1"/>
                  </a:lnTo>
                  <a:lnTo>
                    <a:pt x="2717" y="1"/>
                  </a:lnTo>
                  <a:lnTo>
                    <a:pt x="2718" y="1"/>
                  </a:lnTo>
                  <a:lnTo>
                    <a:pt x="2718" y="1"/>
                  </a:lnTo>
                  <a:lnTo>
                    <a:pt x="2719" y="1"/>
                  </a:lnTo>
                  <a:lnTo>
                    <a:pt x="2719" y="1"/>
                  </a:lnTo>
                  <a:lnTo>
                    <a:pt x="2721" y="1"/>
                  </a:lnTo>
                  <a:lnTo>
                    <a:pt x="2721" y="1"/>
                  </a:lnTo>
                  <a:lnTo>
                    <a:pt x="2722" y="1"/>
                  </a:lnTo>
                  <a:lnTo>
                    <a:pt x="2722" y="1"/>
                  </a:lnTo>
                  <a:lnTo>
                    <a:pt x="2723" y="1"/>
                  </a:lnTo>
                  <a:lnTo>
                    <a:pt x="2723" y="1"/>
                  </a:lnTo>
                  <a:lnTo>
                    <a:pt x="2723" y="1"/>
                  </a:lnTo>
                  <a:lnTo>
                    <a:pt x="2723" y="1"/>
                  </a:lnTo>
                  <a:lnTo>
                    <a:pt x="2725" y="1"/>
                  </a:lnTo>
                  <a:lnTo>
                    <a:pt x="2725" y="1"/>
                  </a:lnTo>
                  <a:lnTo>
                    <a:pt x="2725" y="1"/>
                  </a:lnTo>
                  <a:lnTo>
                    <a:pt x="2725" y="1"/>
                  </a:lnTo>
                  <a:lnTo>
                    <a:pt x="2727" y="3"/>
                  </a:lnTo>
                  <a:lnTo>
                    <a:pt x="2727" y="3"/>
                  </a:lnTo>
                  <a:lnTo>
                    <a:pt x="2727" y="3"/>
                  </a:lnTo>
                  <a:lnTo>
                    <a:pt x="2727" y="3"/>
                  </a:lnTo>
                  <a:lnTo>
                    <a:pt x="2728" y="3"/>
                  </a:lnTo>
                  <a:lnTo>
                    <a:pt x="2728" y="3"/>
                  </a:lnTo>
                  <a:lnTo>
                    <a:pt x="2730" y="3"/>
                  </a:lnTo>
                  <a:lnTo>
                    <a:pt x="2730" y="3"/>
                  </a:lnTo>
                  <a:lnTo>
                    <a:pt x="2731" y="3"/>
                  </a:lnTo>
                  <a:lnTo>
                    <a:pt x="2731" y="3"/>
                  </a:lnTo>
                  <a:lnTo>
                    <a:pt x="2732" y="3"/>
                  </a:lnTo>
                  <a:lnTo>
                    <a:pt x="2732" y="3"/>
                  </a:lnTo>
                  <a:lnTo>
                    <a:pt x="2733" y="3"/>
                  </a:lnTo>
                  <a:lnTo>
                    <a:pt x="2733" y="3"/>
                  </a:lnTo>
                  <a:lnTo>
                    <a:pt x="2733" y="3"/>
                  </a:lnTo>
                  <a:lnTo>
                    <a:pt x="2733" y="3"/>
                  </a:lnTo>
                  <a:lnTo>
                    <a:pt x="2746" y="3"/>
                  </a:lnTo>
                  <a:lnTo>
                    <a:pt x="2746" y="3"/>
                  </a:lnTo>
                  <a:lnTo>
                    <a:pt x="2746" y="3"/>
                  </a:lnTo>
                  <a:lnTo>
                    <a:pt x="2749" y="3"/>
                  </a:lnTo>
                  <a:lnTo>
                    <a:pt x="2749" y="3"/>
                  </a:lnTo>
                  <a:lnTo>
                    <a:pt x="2749" y="3"/>
                  </a:lnTo>
                  <a:lnTo>
                    <a:pt x="2749" y="3"/>
                  </a:lnTo>
                  <a:lnTo>
                    <a:pt x="2751" y="3"/>
                  </a:lnTo>
                  <a:lnTo>
                    <a:pt x="2751" y="3"/>
                  </a:lnTo>
                  <a:lnTo>
                    <a:pt x="2751" y="3"/>
                  </a:lnTo>
                  <a:lnTo>
                    <a:pt x="2753" y="3"/>
                  </a:lnTo>
                  <a:lnTo>
                    <a:pt x="2753" y="3"/>
                  </a:lnTo>
                  <a:lnTo>
                    <a:pt x="2753" y="3"/>
                  </a:lnTo>
                  <a:lnTo>
                    <a:pt x="2753" y="3"/>
                  </a:lnTo>
                  <a:lnTo>
                    <a:pt x="2754" y="4"/>
                  </a:lnTo>
                  <a:lnTo>
                    <a:pt x="2754" y="4"/>
                  </a:lnTo>
                  <a:lnTo>
                    <a:pt x="2755" y="4"/>
                  </a:lnTo>
                  <a:lnTo>
                    <a:pt x="2755" y="4"/>
                  </a:lnTo>
                  <a:lnTo>
                    <a:pt x="2757" y="4"/>
                  </a:lnTo>
                  <a:lnTo>
                    <a:pt x="2757" y="4"/>
                  </a:lnTo>
                  <a:lnTo>
                    <a:pt x="2757" y="4"/>
                  </a:lnTo>
                  <a:lnTo>
                    <a:pt x="2757" y="4"/>
                  </a:lnTo>
                  <a:lnTo>
                    <a:pt x="2761" y="4"/>
                  </a:lnTo>
                  <a:lnTo>
                    <a:pt x="2761" y="4"/>
                  </a:lnTo>
                  <a:lnTo>
                    <a:pt x="2761" y="4"/>
                  </a:lnTo>
                  <a:lnTo>
                    <a:pt x="2822" y="7"/>
                  </a:lnTo>
                  <a:lnTo>
                    <a:pt x="2883" y="12"/>
                  </a:lnTo>
                  <a:lnTo>
                    <a:pt x="2944" y="18"/>
                  </a:lnTo>
                  <a:lnTo>
                    <a:pt x="3003" y="25"/>
                  </a:lnTo>
                  <a:lnTo>
                    <a:pt x="3064" y="35"/>
                  </a:lnTo>
                  <a:lnTo>
                    <a:pt x="3122" y="45"/>
                  </a:lnTo>
                  <a:lnTo>
                    <a:pt x="3182" y="57"/>
                  </a:lnTo>
                  <a:lnTo>
                    <a:pt x="3240" y="68"/>
                  </a:lnTo>
                  <a:lnTo>
                    <a:pt x="3297" y="82"/>
                  </a:lnTo>
                  <a:lnTo>
                    <a:pt x="3356" y="98"/>
                  </a:lnTo>
                  <a:lnTo>
                    <a:pt x="3412" y="114"/>
                  </a:lnTo>
                  <a:lnTo>
                    <a:pt x="3468" y="132"/>
                  </a:lnTo>
                  <a:lnTo>
                    <a:pt x="3524" y="151"/>
                  </a:lnTo>
                  <a:lnTo>
                    <a:pt x="3579" y="170"/>
                  </a:lnTo>
                  <a:lnTo>
                    <a:pt x="3634" y="192"/>
                  </a:lnTo>
                  <a:lnTo>
                    <a:pt x="3688" y="213"/>
                  </a:lnTo>
                  <a:lnTo>
                    <a:pt x="3740" y="237"/>
                  </a:lnTo>
                  <a:lnTo>
                    <a:pt x="3793" y="261"/>
                  </a:lnTo>
                  <a:lnTo>
                    <a:pt x="3846" y="287"/>
                  </a:lnTo>
                  <a:lnTo>
                    <a:pt x="3897" y="313"/>
                  </a:lnTo>
                  <a:lnTo>
                    <a:pt x="3948" y="341"/>
                  </a:lnTo>
                  <a:lnTo>
                    <a:pt x="3997" y="369"/>
                  </a:lnTo>
                  <a:lnTo>
                    <a:pt x="4047" y="399"/>
                  </a:lnTo>
                  <a:lnTo>
                    <a:pt x="4096" y="429"/>
                  </a:lnTo>
                  <a:lnTo>
                    <a:pt x="4143" y="460"/>
                  </a:lnTo>
                  <a:lnTo>
                    <a:pt x="4190" y="494"/>
                  </a:lnTo>
                  <a:lnTo>
                    <a:pt x="4236" y="527"/>
                  </a:lnTo>
                  <a:lnTo>
                    <a:pt x="4282" y="562"/>
                  </a:lnTo>
                  <a:lnTo>
                    <a:pt x="4327" y="597"/>
                  </a:lnTo>
                  <a:lnTo>
                    <a:pt x="4371" y="633"/>
                  </a:lnTo>
                  <a:lnTo>
                    <a:pt x="4413" y="671"/>
                  </a:lnTo>
                  <a:lnTo>
                    <a:pt x="4456" y="709"/>
                  </a:lnTo>
                  <a:lnTo>
                    <a:pt x="4496" y="748"/>
                  </a:lnTo>
                  <a:lnTo>
                    <a:pt x="4537" y="788"/>
                  </a:lnTo>
                  <a:lnTo>
                    <a:pt x="4576" y="829"/>
                  </a:lnTo>
                  <a:lnTo>
                    <a:pt x="4615" y="870"/>
                  </a:lnTo>
                  <a:lnTo>
                    <a:pt x="4652" y="912"/>
                  </a:lnTo>
                  <a:lnTo>
                    <a:pt x="4689" y="955"/>
                  </a:lnTo>
                  <a:lnTo>
                    <a:pt x="4725" y="999"/>
                  </a:lnTo>
                  <a:lnTo>
                    <a:pt x="4760" y="1044"/>
                  </a:lnTo>
                  <a:lnTo>
                    <a:pt x="4794" y="1089"/>
                  </a:lnTo>
                  <a:lnTo>
                    <a:pt x="4826" y="1135"/>
                  </a:lnTo>
                  <a:lnTo>
                    <a:pt x="4858" y="1182"/>
                  </a:lnTo>
                  <a:lnTo>
                    <a:pt x="4888" y="1229"/>
                  </a:lnTo>
                  <a:lnTo>
                    <a:pt x="4918" y="1278"/>
                  </a:lnTo>
                  <a:lnTo>
                    <a:pt x="4946" y="1327"/>
                  </a:lnTo>
                  <a:lnTo>
                    <a:pt x="4973" y="1376"/>
                  </a:lnTo>
                  <a:lnTo>
                    <a:pt x="5000" y="1427"/>
                  </a:lnTo>
                  <a:lnTo>
                    <a:pt x="5025" y="1478"/>
                  </a:lnTo>
                  <a:lnTo>
                    <a:pt x="5048" y="1530"/>
                  </a:lnTo>
                  <a:lnTo>
                    <a:pt x="5072" y="1581"/>
                  </a:lnTo>
                  <a:lnTo>
                    <a:pt x="5093" y="1633"/>
                  </a:lnTo>
                  <a:lnTo>
                    <a:pt x="5113" y="1687"/>
                  </a:lnTo>
                  <a:lnTo>
                    <a:pt x="5132" y="1740"/>
                  </a:lnTo>
                  <a:lnTo>
                    <a:pt x="5150" y="1795"/>
                  </a:lnTo>
                  <a:lnTo>
                    <a:pt x="5167" y="1849"/>
                  </a:lnTo>
                  <a:lnTo>
                    <a:pt x="5183" y="1905"/>
                  </a:lnTo>
                  <a:lnTo>
                    <a:pt x="5198" y="1960"/>
                  </a:lnTo>
                  <a:lnTo>
                    <a:pt x="5210" y="2017"/>
                  </a:lnTo>
                  <a:lnTo>
                    <a:pt x="5222" y="2074"/>
                  </a:lnTo>
                  <a:lnTo>
                    <a:pt x="5232" y="2131"/>
                  </a:lnTo>
                  <a:lnTo>
                    <a:pt x="5241" y="2188"/>
                  </a:lnTo>
                  <a:lnTo>
                    <a:pt x="5249" y="2247"/>
                  </a:lnTo>
                  <a:lnTo>
                    <a:pt x="5255" y="2305"/>
                  </a:lnTo>
                  <a:lnTo>
                    <a:pt x="5255" y="2305"/>
                  </a:lnTo>
                  <a:lnTo>
                    <a:pt x="5231" y="2277"/>
                  </a:lnTo>
                  <a:lnTo>
                    <a:pt x="5207" y="2250"/>
                  </a:lnTo>
                  <a:lnTo>
                    <a:pt x="5181" y="2223"/>
                  </a:lnTo>
                  <a:lnTo>
                    <a:pt x="5155" y="2197"/>
                  </a:lnTo>
                  <a:lnTo>
                    <a:pt x="5128" y="2170"/>
                  </a:lnTo>
                  <a:lnTo>
                    <a:pt x="5101" y="2144"/>
                  </a:lnTo>
                  <a:lnTo>
                    <a:pt x="5044" y="2093"/>
                  </a:lnTo>
                  <a:lnTo>
                    <a:pt x="4984" y="2044"/>
                  </a:lnTo>
                  <a:lnTo>
                    <a:pt x="4924" y="1995"/>
                  </a:lnTo>
                  <a:lnTo>
                    <a:pt x="4860" y="1947"/>
                  </a:lnTo>
                  <a:lnTo>
                    <a:pt x="4794" y="1902"/>
                  </a:lnTo>
                  <a:lnTo>
                    <a:pt x="4725" y="1858"/>
                  </a:lnTo>
                  <a:lnTo>
                    <a:pt x="4655" y="1815"/>
                  </a:lnTo>
                  <a:lnTo>
                    <a:pt x="4582" y="1774"/>
                  </a:lnTo>
                  <a:lnTo>
                    <a:pt x="4507" y="1734"/>
                  </a:lnTo>
                  <a:lnTo>
                    <a:pt x="4429" y="1695"/>
                  </a:lnTo>
                  <a:lnTo>
                    <a:pt x="4351" y="1658"/>
                  </a:lnTo>
                  <a:lnTo>
                    <a:pt x="4270" y="1623"/>
                  </a:lnTo>
                  <a:lnTo>
                    <a:pt x="4187" y="1590"/>
                  </a:lnTo>
                  <a:lnTo>
                    <a:pt x="4103" y="1559"/>
                  </a:lnTo>
                  <a:lnTo>
                    <a:pt x="4016" y="1528"/>
                  </a:lnTo>
                  <a:lnTo>
                    <a:pt x="3929" y="1500"/>
                  </a:lnTo>
                  <a:lnTo>
                    <a:pt x="3839" y="1474"/>
                  </a:lnTo>
                  <a:lnTo>
                    <a:pt x="3748" y="1450"/>
                  </a:lnTo>
                  <a:lnTo>
                    <a:pt x="3655" y="1427"/>
                  </a:lnTo>
                  <a:lnTo>
                    <a:pt x="3562" y="1406"/>
                  </a:lnTo>
                  <a:lnTo>
                    <a:pt x="3467" y="1388"/>
                  </a:lnTo>
                  <a:lnTo>
                    <a:pt x="3370" y="1372"/>
                  </a:lnTo>
                  <a:lnTo>
                    <a:pt x="3271" y="1358"/>
                  </a:lnTo>
                  <a:lnTo>
                    <a:pt x="3173" y="1345"/>
                  </a:lnTo>
                  <a:lnTo>
                    <a:pt x="3073" y="1335"/>
                  </a:lnTo>
                  <a:lnTo>
                    <a:pt x="2972" y="1328"/>
                  </a:lnTo>
                  <a:lnTo>
                    <a:pt x="2870" y="1321"/>
                  </a:lnTo>
                  <a:lnTo>
                    <a:pt x="2767" y="1318"/>
                  </a:lnTo>
                  <a:lnTo>
                    <a:pt x="2662" y="1317"/>
                  </a:lnTo>
                  <a:lnTo>
                    <a:pt x="2662" y="1317"/>
                  </a:lnTo>
                  <a:lnTo>
                    <a:pt x="2553" y="1318"/>
                  </a:lnTo>
                  <a:lnTo>
                    <a:pt x="2445" y="1322"/>
                  </a:lnTo>
                  <a:lnTo>
                    <a:pt x="2338" y="1329"/>
                  </a:lnTo>
                  <a:lnTo>
                    <a:pt x="2233" y="1337"/>
                  </a:lnTo>
                  <a:lnTo>
                    <a:pt x="2127" y="1348"/>
                  </a:lnTo>
                  <a:lnTo>
                    <a:pt x="2024" y="1361"/>
                  </a:lnTo>
                  <a:lnTo>
                    <a:pt x="1922" y="1377"/>
                  </a:lnTo>
                  <a:lnTo>
                    <a:pt x="1821" y="1396"/>
                  </a:lnTo>
                  <a:lnTo>
                    <a:pt x="1722" y="1415"/>
                  </a:lnTo>
                  <a:lnTo>
                    <a:pt x="1625" y="1438"/>
                  </a:lnTo>
                  <a:lnTo>
                    <a:pt x="1528" y="1463"/>
                  </a:lnTo>
                  <a:lnTo>
                    <a:pt x="1434" y="1489"/>
                  </a:lnTo>
                  <a:lnTo>
                    <a:pt x="1341" y="1518"/>
                  </a:lnTo>
                  <a:lnTo>
                    <a:pt x="1250" y="1548"/>
                  </a:lnTo>
                  <a:lnTo>
                    <a:pt x="1161" y="1580"/>
                  </a:lnTo>
                  <a:lnTo>
                    <a:pt x="1074" y="1615"/>
                  </a:lnTo>
                  <a:lnTo>
                    <a:pt x="989" y="1652"/>
                  </a:lnTo>
                  <a:lnTo>
                    <a:pt x="906" y="1689"/>
                  </a:lnTo>
                  <a:lnTo>
                    <a:pt x="825" y="1729"/>
                  </a:lnTo>
                  <a:lnTo>
                    <a:pt x="746" y="1771"/>
                  </a:lnTo>
                  <a:lnTo>
                    <a:pt x="670" y="1815"/>
                  </a:lnTo>
                  <a:lnTo>
                    <a:pt x="633" y="1837"/>
                  </a:lnTo>
                  <a:lnTo>
                    <a:pt x="596" y="1860"/>
                  </a:lnTo>
                  <a:lnTo>
                    <a:pt x="560" y="1883"/>
                  </a:lnTo>
                  <a:lnTo>
                    <a:pt x="524" y="1906"/>
                  </a:lnTo>
                  <a:lnTo>
                    <a:pt x="489" y="1930"/>
                  </a:lnTo>
                  <a:lnTo>
                    <a:pt x="456" y="1954"/>
                  </a:lnTo>
                  <a:lnTo>
                    <a:pt x="422" y="1979"/>
                  </a:lnTo>
                  <a:lnTo>
                    <a:pt x="388" y="2004"/>
                  </a:lnTo>
                  <a:lnTo>
                    <a:pt x="357" y="2030"/>
                  </a:lnTo>
                  <a:lnTo>
                    <a:pt x="324" y="2055"/>
                  </a:lnTo>
                  <a:lnTo>
                    <a:pt x="294" y="2081"/>
                  </a:lnTo>
                  <a:lnTo>
                    <a:pt x="264" y="2107"/>
                  </a:lnTo>
                  <a:lnTo>
                    <a:pt x="234" y="2134"/>
                  </a:lnTo>
                  <a:lnTo>
                    <a:pt x="206" y="2161"/>
                  </a:lnTo>
                  <a:lnTo>
                    <a:pt x="178" y="2189"/>
                  </a:lnTo>
                  <a:lnTo>
                    <a:pt x="149" y="2216"/>
                  </a:lnTo>
                  <a:lnTo>
                    <a:pt x="123" y="2244"/>
                  </a:lnTo>
                  <a:lnTo>
                    <a:pt x="97" y="2274"/>
                  </a:lnTo>
                  <a:lnTo>
                    <a:pt x="72" y="2302"/>
                  </a:lnTo>
                  <a:lnTo>
                    <a:pt x="47" y="2331"/>
                  </a:lnTo>
                  <a:lnTo>
                    <a:pt x="24" y="2360"/>
                  </a:lnTo>
                  <a:lnTo>
                    <a:pt x="0" y="2390"/>
                  </a:lnTo>
                  <a:lnTo>
                    <a:pt x="0" y="2390"/>
                  </a:lnTo>
                  <a:lnTo>
                    <a:pt x="5" y="2330"/>
                  </a:lnTo>
                  <a:lnTo>
                    <a:pt x="10" y="2270"/>
                  </a:lnTo>
                  <a:lnTo>
                    <a:pt x="17" y="2211"/>
                  </a:lnTo>
                  <a:lnTo>
                    <a:pt x="26" y="2153"/>
                  </a:lnTo>
                  <a:lnTo>
                    <a:pt x="36" y="2094"/>
                  </a:lnTo>
                  <a:lnTo>
                    <a:pt x="47" y="2037"/>
                  </a:lnTo>
                  <a:lnTo>
                    <a:pt x="60" y="1979"/>
                  </a:lnTo>
                  <a:lnTo>
                    <a:pt x="74" y="1923"/>
                  </a:lnTo>
                  <a:lnTo>
                    <a:pt x="90" y="1866"/>
                  </a:lnTo>
                  <a:lnTo>
                    <a:pt x="106" y="1810"/>
                  </a:lnTo>
                  <a:lnTo>
                    <a:pt x="124" y="1755"/>
                  </a:lnTo>
                  <a:lnTo>
                    <a:pt x="144" y="1700"/>
                  </a:lnTo>
                  <a:lnTo>
                    <a:pt x="164" y="1646"/>
                  </a:lnTo>
                  <a:lnTo>
                    <a:pt x="185" y="1592"/>
                  </a:lnTo>
                  <a:lnTo>
                    <a:pt x="209" y="1539"/>
                  </a:lnTo>
                  <a:lnTo>
                    <a:pt x="232" y="1486"/>
                  </a:lnTo>
                  <a:lnTo>
                    <a:pt x="258" y="1435"/>
                  </a:lnTo>
                  <a:lnTo>
                    <a:pt x="284" y="1384"/>
                  </a:lnTo>
                  <a:lnTo>
                    <a:pt x="312" y="1333"/>
                  </a:lnTo>
                  <a:lnTo>
                    <a:pt x="340" y="1283"/>
                  </a:lnTo>
                  <a:lnTo>
                    <a:pt x="370" y="1235"/>
                  </a:lnTo>
                  <a:lnTo>
                    <a:pt x="402" y="1186"/>
                  </a:lnTo>
                  <a:lnTo>
                    <a:pt x="433" y="1139"/>
                  </a:lnTo>
                  <a:lnTo>
                    <a:pt x="467" y="1091"/>
                  </a:lnTo>
                  <a:lnTo>
                    <a:pt x="501" y="1045"/>
                  </a:lnTo>
                  <a:lnTo>
                    <a:pt x="536" y="999"/>
                  </a:lnTo>
                  <a:lnTo>
                    <a:pt x="572" y="955"/>
                  </a:lnTo>
                  <a:lnTo>
                    <a:pt x="609" y="911"/>
                  </a:lnTo>
                  <a:lnTo>
                    <a:pt x="648" y="869"/>
                  </a:lnTo>
                  <a:lnTo>
                    <a:pt x="687" y="827"/>
                  </a:lnTo>
                  <a:lnTo>
                    <a:pt x="727" y="784"/>
                  </a:lnTo>
                  <a:lnTo>
                    <a:pt x="769" y="744"/>
                  </a:lnTo>
                  <a:lnTo>
                    <a:pt x="810" y="705"/>
                  </a:lnTo>
                  <a:lnTo>
                    <a:pt x="854" y="666"/>
                  </a:lnTo>
                  <a:lnTo>
                    <a:pt x="898" y="628"/>
                  </a:lnTo>
                  <a:lnTo>
                    <a:pt x="941" y="591"/>
                  </a:lnTo>
                  <a:lnTo>
                    <a:pt x="987" y="555"/>
                  </a:lnTo>
                  <a:lnTo>
                    <a:pt x="1033" y="521"/>
                  </a:lnTo>
                  <a:lnTo>
                    <a:pt x="1081" y="486"/>
                  </a:lnTo>
                  <a:lnTo>
                    <a:pt x="1129" y="454"/>
                  </a:lnTo>
                  <a:lnTo>
                    <a:pt x="1178" y="422"/>
                  </a:lnTo>
                  <a:lnTo>
                    <a:pt x="1228" y="391"/>
                  </a:lnTo>
                  <a:lnTo>
                    <a:pt x="1278" y="361"/>
                  </a:lnTo>
                  <a:lnTo>
                    <a:pt x="1328" y="332"/>
                  </a:lnTo>
                  <a:lnTo>
                    <a:pt x="1380" y="305"/>
                  </a:lnTo>
                  <a:lnTo>
                    <a:pt x="1433" y="278"/>
                  </a:lnTo>
                  <a:lnTo>
                    <a:pt x="1486" y="252"/>
                  </a:lnTo>
                  <a:lnTo>
                    <a:pt x="1539" y="228"/>
                  </a:lnTo>
                  <a:lnTo>
                    <a:pt x="1594" y="205"/>
                  </a:lnTo>
                  <a:lnTo>
                    <a:pt x="1649" y="183"/>
                  </a:lnTo>
                  <a:lnTo>
                    <a:pt x="1705" y="162"/>
                  </a:lnTo>
                  <a:lnTo>
                    <a:pt x="1761" y="142"/>
                  </a:lnTo>
                  <a:lnTo>
                    <a:pt x="1819" y="124"/>
                  </a:lnTo>
                  <a:lnTo>
                    <a:pt x="1876" y="106"/>
                  </a:lnTo>
                  <a:lnTo>
                    <a:pt x="1934" y="90"/>
                  </a:lnTo>
                  <a:lnTo>
                    <a:pt x="1993" y="76"/>
                  </a:lnTo>
                  <a:lnTo>
                    <a:pt x="2051" y="62"/>
                  </a:lnTo>
                  <a:lnTo>
                    <a:pt x="2111" y="50"/>
                  </a:lnTo>
                  <a:lnTo>
                    <a:pt x="2171" y="39"/>
                  </a:lnTo>
                  <a:lnTo>
                    <a:pt x="2232" y="30"/>
                  </a:lnTo>
                  <a:lnTo>
                    <a:pt x="2292" y="21"/>
                  </a:lnTo>
                  <a:lnTo>
                    <a:pt x="2354" y="14"/>
                  </a:lnTo>
                  <a:lnTo>
                    <a:pt x="2415" y="9"/>
                  </a:lnTo>
                  <a:lnTo>
                    <a:pt x="2478" y="5"/>
                  </a:lnTo>
                  <a:lnTo>
                    <a:pt x="2478" y="5"/>
                  </a:lnTo>
                  <a:lnTo>
                    <a:pt x="2478" y="5"/>
                  </a:lnTo>
                  <a:lnTo>
                    <a:pt x="2479" y="5"/>
                  </a:lnTo>
                  <a:lnTo>
                    <a:pt x="2481" y="5"/>
                  </a:lnTo>
                  <a:lnTo>
                    <a:pt x="2481" y="5"/>
                  </a:lnTo>
                  <a:lnTo>
                    <a:pt x="2482" y="5"/>
                  </a:lnTo>
                  <a:lnTo>
                    <a:pt x="2482" y="5"/>
                  </a:lnTo>
                  <a:lnTo>
                    <a:pt x="2482" y="5"/>
                  </a:lnTo>
                  <a:lnTo>
                    <a:pt x="2486" y="4"/>
                  </a:lnTo>
                  <a:lnTo>
                    <a:pt x="2486" y="4"/>
                  </a:lnTo>
                  <a:lnTo>
                    <a:pt x="2486" y="4"/>
                  </a:lnTo>
                  <a:lnTo>
                    <a:pt x="2488" y="4"/>
                  </a:lnTo>
                  <a:lnTo>
                    <a:pt x="2488" y="4"/>
                  </a:lnTo>
                  <a:lnTo>
                    <a:pt x="2488" y="4"/>
                  </a:lnTo>
                  <a:lnTo>
                    <a:pt x="2488" y="4"/>
                  </a:lnTo>
                  <a:lnTo>
                    <a:pt x="2490" y="4"/>
                  </a:lnTo>
                  <a:lnTo>
                    <a:pt x="2490" y="4"/>
                  </a:lnTo>
                  <a:lnTo>
                    <a:pt x="2491" y="4"/>
                  </a:lnTo>
                  <a:lnTo>
                    <a:pt x="2491" y="4"/>
                  </a:lnTo>
                  <a:lnTo>
                    <a:pt x="2492" y="4"/>
                  </a:lnTo>
                  <a:lnTo>
                    <a:pt x="2492" y="4"/>
                  </a:lnTo>
                  <a:lnTo>
                    <a:pt x="2492" y="4"/>
                  </a:lnTo>
                  <a:lnTo>
                    <a:pt x="2492" y="4"/>
                  </a:lnTo>
                  <a:lnTo>
                    <a:pt x="2494" y="4"/>
                  </a:lnTo>
                  <a:lnTo>
                    <a:pt x="2494" y="4"/>
                  </a:lnTo>
                  <a:lnTo>
                    <a:pt x="2494" y="4"/>
                  </a:lnTo>
                  <a:lnTo>
                    <a:pt x="2494" y="4"/>
                  </a:lnTo>
                  <a:lnTo>
                    <a:pt x="2496" y="4"/>
                  </a:lnTo>
                  <a:lnTo>
                    <a:pt x="2496" y="4"/>
                  </a:lnTo>
                  <a:lnTo>
                    <a:pt x="2496" y="4"/>
                  </a:lnTo>
                  <a:lnTo>
                    <a:pt x="2496" y="4"/>
                  </a:lnTo>
                  <a:lnTo>
                    <a:pt x="2499" y="4"/>
                  </a:lnTo>
                  <a:lnTo>
                    <a:pt x="2499" y="4"/>
                  </a:lnTo>
                  <a:lnTo>
                    <a:pt x="2499" y="4"/>
                  </a:lnTo>
                  <a:lnTo>
                    <a:pt x="2499" y="4"/>
                  </a:lnTo>
                  <a:lnTo>
                    <a:pt x="2502" y="4"/>
                  </a:lnTo>
                  <a:lnTo>
                    <a:pt x="2503" y="4"/>
                  </a:lnTo>
                  <a:lnTo>
                    <a:pt x="2503" y="4"/>
                  </a:lnTo>
                  <a:lnTo>
                    <a:pt x="2504" y="4"/>
                  </a:lnTo>
                  <a:lnTo>
                    <a:pt x="2504" y="4"/>
                  </a:lnTo>
                  <a:lnTo>
                    <a:pt x="2504" y="4"/>
                  </a:lnTo>
                  <a:lnTo>
                    <a:pt x="2504" y="4"/>
                  </a:lnTo>
                  <a:lnTo>
                    <a:pt x="2506" y="4"/>
                  </a:lnTo>
                  <a:lnTo>
                    <a:pt x="2506" y="4"/>
                  </a:lnTo>
                  <a:lnTo>
                    <a:pt x="2506" y="4"/>
                  </a:lnTo>
                  <a:lnTo>
                    <a:pt x="2506" y="4"/>
                  </a:lnTo>
                  <a:lnTo>
                    <a:pt x="2524" y="3"/>
                  </a:lnTo>
                  <a:lnTo>
                    <a:pt x="2524" y="3"/>
                  </a:lnTo>
                  <a:lnTo>
                    <a:pt x="2524" y="3"/>
                  </a:lnTo>
                  <a:lnTo>
                    <a:pt x="2527" y="3"/>
                  </a:lnTo>
                  <a:lnTo>
                    <a:pt x="2527" y="3"/>
                  </a:lnTo>
                  <a:lnTo>
                    <a:pt x="2527" y="3"/>
                  </a:lnTo>
                  <a:lnTo>
                    <a:pt x="2527" y="3"/>
                  </a:lnTo>
                  <a:lnTo>
                    <a:pt x="2529" y="3"/>
                  </a:lnTo>
                  <a:lnTo>
                    <a:pt x="2529" y="3"/>
                  </a:lnTo>
                  <a:lnTo>
                    <a:pt x="2529" y="3"/>
                  </a:lnTo>
                  <a:lnTo>
                    <a:pt x="2529" y="3"/>
                  </a:lnTo>
                  <a:lnTo>
                    <a:pt x="2530" y="3"/>
                  </a:lnTo>
                  <a:lnTo>
                    <a:pt x="2530" y="3"/>
                  </a:lnTo>
                  <a:lnTo>
                    <a:pt x="2531" y="3"/>
                  </a:lnTo>
                  <a:lnTo>
                    <a:pt x="2531" y="3"/>
                  </a:lnTo>
                  <a:lnTo>
                    <a:pt x="2532" y="3"/>
                  </a:lnTo>
                  <a:lnTo>
                    <a:pt x="2532" y="3"/>
                  </a:lnTo>
                  <a:lnTo>
                    <a:pt x="2533" y="3"/>
                  </a:lnTo>
                  <a:lnTo>
                    <a:pt x="2533" y="3"/>
                  </a:lnTo>
                  <a:lnTo>
                    <a:pt x="2534" y="3"/>
                  </a:lnTo>
                  <a:lnTo>
                    <a:pt x="2534" y="3"/>
                  </a:lnTo>
                  <a:lnTo>
                    <a:pt x="2536" y="3"/>
                  </a:lnTo>
                  <a:lnTo>
                    <a:pt x="2536" y="3"/>
                  </a:lnTo>
                  <a:lnTo>
                    <a:pt x="2537" y="1"/>
                  </a:lnTo>
                  <a:lnTo>
                    <a:pt x="2537" y="1"/>
                  </a:lnTo>
                  <a:lnTo>
                    <a:pt x="2537" y="1"/>
                  </a:lnTo>
                  <a:lnTo>
                    <a:pt x="2537" y="1"/>
                  </a:lnTo>
                  <a:lnTo>
                    <a:pt x="2539" y="1"/>
                  </a:lnTo>
                  <a:lnTo>
                    <a:pt x="2539" y="1"/>
                  </a:lnTo>
                  <a:lnTo>
                    <a:pt x="2539" y="1"/>
                  </a:lnTo>
                  <a:lnTo>
                    <a:pt x="2539" y="1"/>
                  </a:lnTo>
                  <a:lnTo>
                    <a:pt x="2540" y="1"/>
                  </a:lnTo>
                  <a:lnTo>
                    <a:pt x="2540" y="1"/>
                  </a:lnTo>
                  <a:lnTo>
                    <a:pt x="2541" y="1"/>
                  </a:lnTo>
                  <a:lnTo>
                    <a:pt x="2541" y="1"/>
                  </a:lnTo>
                  <a:lnTo>
                    <a:pt x="2542" y="1"/>
                  </a:lnTo>
                  <a:lnTo>
                    <a:pt x="2542" y="1"/>
                  </a:lnTo>
                  <a:lnTo>
                    <a:pt x="2543" y="1"/>
                  </a:lnTo>
                  <a:lnTo>
                    <a:pt x="2543" y="1"/>
                  </a:lnTo>
                  <a:lnTo>
                    <a:pt x="2544" y="1"/>
                  </a:lnTo>
                  <a:lnTo>
                    <a:pt x="2544" y="1"/>
                  </a:lnTo>
                  <a:lnTo>
                    <a:pt x="2546" y="1"/>
                  </a:lnTo>
                  <a:lnTo>
                    <a:pt x="2546" y="1"/>
                  </a:lnTo>
                  <a:lnTo>
                    <a:pt x="2547" y="1"/>
                  </a:lnTo>
                  <a:lnTo>
                    <a:pt x="2547" y="1"/>
                  </a:lnTo>
                  <a:lnTo>
                    <a:pt x="2548" y="1"/>
                  </a:lnTo>
                  <a:lnTo>
                    <a:pt x="2548" y="1"/>
                  </a:lnTo>
                  <a:lnTo>
                    <a:pt x="2549" y="1"/>
                  </a:lnTo>
                  <a:lnTo>
                    <a:pt x="2549" y="1"/>
                  </a:lnTo>
                  <a:lnTo>
                    <a:pt x="2549" y="1"/>
                  </a:lnTo>
                  <a:lnTo>
                    <a:pt x="2549" y="1"/>
                  </a:lnTo>
                  <a:lnTo>
                    <a:pt x="2551" y="1"/>
                  </a:lnTo>
                  <a:lnTo>
                    <a:pt x="2551" y="1"/>
                  </a:lnTo>
                  <a:lnTo>
                    <a:pt x="2551" y="1"/>
                  </a:lnTo>
                  <a:lnTo>
                    <a:pt x="2551" y="1"/>
                  </a:lnTo>
                  <a:lnTo>
                    <a:pt x="2552" y="1"/>
                  </a:lnTo>
                  <a:lnTo>
                    <a:pt x="2552" y="1"/>
                  </a:lnTo>
                  <a:lnTo>
                    <a:pt x="2553" y="1"/>
                  </a:lnTo>
                  <a:lnTo>
                    <a:pt x="2553" y="1"/>
                  </a:lnTo>
                  <a:lnTo>
                    <a:pt x="2555" y="1"/>
                  </a:lnTo>
                  <a:lnTo>
                    <a:pt x="2555" y="1"/>
                  </a:lnTo>
                  <a:lnTo>
                    <a:pt x="2556" y="1"/>
                  </a:lnTo>
                  <a:lnTo>
                    <a:pt x="2556" y="1"/>
                  </a:lnTo>
                  <a:lnTo>
                    <a:pt x="2557" y="1"/>
                  </a:lnTo>
                  <a:lnTo>
                    <a:pt x="2557" y="1"/>
                  </a:lnTo>
                  <a:lnTo>
                    <a:pt x="2558" y="1"/>
                  </a:lnTo>
                  <a:lnTo>
                    <a:pt x="2558" y="1"/>
                  </a:lnTo>
                  <a:lnTo>
                    <a:pt x="2559" y="1"/>
                  </a:lnTo>
                  <a:lnTo>
                    <a:pt x="2559" y="1"/>
                  </a:lnTo>
                  <a:lnTo>
                    <a:pt x="2560" y="1"/>
                  </a:lnTo>
                  <a:lnTo>
                    <a:pt x="2560" y="1"/>
                  </a:lnTo>
                  <a:lnTo>
                    <a:pt x="2561" y="1"/>
                  </a:lnTo>
                  <a:lnTo>
                    <a:pt x="2561" y="1"/>
                  </a:lnTo>
                  <a:lnTo>
                    <a:pt x="2562" y="1"/>
                  </a:lnTo>
                  <a:lnTo>
                    <a:pt x="2562" y="1"/>
                  </a:lnTo>
                  <a:lnTo>
                    <a:pt x="2564" y="1"/>
                  </a:lnTo>
                  <a:lnTo>
                    <a:pt x="2564" y="1"/>
                  </a:lnTo>
                  <a:lnTo>
                    <a:pt x="2565" y="1"/>
                  </a:lnTo>
                  <a:lnTo>
                    <a:pt x="2565" y="1"/>
                  </a:lnTo>
                  <a:lnTo>
                    <a:pt x="2566" y="1"/>
                  </a:lnTo>
                  <a:lnTo>
                    <a:pt x="2566" y="1"/>
                  </a:lnTo>
                  <a:lnTo>
                    <a:pt x="2566" y="1"/>
                  </a:lnTo>
                  <a:lnTo>
                    <a:pt x="2566" y="1"/>
                  </a:lnTo>
                  <a:lnTo>
                    <a:pt x="2567" y="1"/>
                  </a:lnTo>
                  <a:lnTo>
                    <a:pt x="2567" y="1"/>
                  </a:lnTo>
                  <a:lnTo>
                    <a:pt x="2568" y="1"/>
                  </a:lnTo>
                  <a:lnTo>
                    <a:pt x="2568" y="1"/>
                  </a:lnTo>
                  <a:lnTo>
                    <a:pt x="2569" y="1"/>
                  </a:lnTo>
                  <a:lnTo>
                    <a:pt x="2569" y="1"/>
                  </a:lnTo>
                  <a:lnTo>
                    <a:pt x="2571" y="1"/>
                  </a:lnTo>
                  <a:lnTo>
                    <a:pt x="2571" y="1"/>
                  </a:lnTo>
                  <a:lnTo>
                    <a:pt x="2571" y="1"/>
                  </a:lnTo>
                  <a:lnTo>
                    <a:pt x="2571" y="1"/>
                  </a:lnTo>
                  <a:lnTo>
                    <a:pt x="2573" y="1"/>
                  </a:lnTo>
                  <a:lnTo>
                    <a:pt x="2573" y="1"/>
                  </a:lnTo>
                  <a:lnTo>
                    <a:pt x="2575" y="1"/>
                  </a:lnTo>
                  <a:lnTo>
                    <a:pt x="2575" y="1"/>
                  </a:lnTo>
                  <a:lnTo>
                    <a:pt x="2576" y="1"/>
                  </a:lnTo>
                  <a:lnTo>
                    <a:pt x="2576" y="1"/>
                  </a:lnTo>
                  <a:lnTo>
                    <a:pt x="2577" y="0"/>
                  </a:lnTo>
                  <a:lnTo>
                    <a:pt x="2577" y="0"/>
                  </a:lnTo>
                  <a:lnTo>
                    <a:pt x="2578" y="0"/>
                  </a:lnTo>
                  <a:lnTo>
                    <a:pt x="2578" y="0"/>
                  </a:lnTo>
                  <a:lnTo>
                    <a:pt x="2578" y="0"/>
                  </a:lnTo>
                  <a:lnTo>
                    <a:pt x="2578" y="0"/>
                  </a:lnTo>
                  <a:lnTo>
                    <a:pt x="2579" y="0"/>
                  </a:lnTo>
                  <a:lnTo>
                    <a:pt x="2579" y="0"/>
                  </a:lnTo>
                  <a:lnTo>
                    <a:pt x="2580" y="0"/>
                  </a:lnTo>
                  <a:lnTo>
                    <a:pt x="2580" y="0"/>
                  </a:lnTo>
                  <a:lnTo>
                    <a:pt x="2582" y="0"/>
                  </a:lnTo>
                  <a:lnTo>
                    <a:pt x="2582" y="0"/>
                  </a:lnTo>
                  <a:lnTo>
                    <a:pt x="2583" y="0"/>
                  </a:lnTo>
                  <a:lnTo>
                    <a:pt x="2583" y="0"/>
                  </a:lnTo>
                  <a:lnTo>
                    <a:pt x="2584" y="0"/>
                  </a:lnTo>
                  <a:lnTo>
                    <a:pt x="2584" y="0"/>
                  </a:lnTo>
                  <a:lnTo>
                    <a:pt x="2585" y="0"/>
                  </a:lnTo>
                  <a:lnTo>
                    <a:pt x="2585" y="0"/>
                  </a:lnTo>
                  <a:lnTo>
                    <a:pt x="2586" y="0"/>
                  </a:lnTo>
                  <a:lnTo>
                    <a:pt x="2586" y="0"/>
                  </a:lnTo>
                  <a:lnTo>
                    <a:pt x="2587" y="0"/>
                  </a:lnTo>
                  <a:lnTo>
                    <a:pt x="2587" y="0"/>
                  </a:lnTo>
                  <a:lnTo>
                    <a:pt x="2588" y="0"/>
                  </a:lnTo>
                  <a:lnTo>
                    <a:pt x="2588" y="0"/>
                  </a:lnTo>
                  <a:lnTo>
                    <a:pt x="2589" y="0"/>
                  </a:lnTo>
                  <a:lnTo>
                    <a:pt x="2589" y="0"/>
                  </a:lnTo>
                  <a:lnTo>
                    <a:pt x="2590" y="0"/>
                  </a:lnTo>
                  <a:lnTo>
                    <a:pt x="2590" y="0"/>
                  </a:lnTo>
                  <a:lnTo>
                    <a:pt x="2592" y="0"/>
                  </a:lnTo>
                  <a:lnTo>
                    <a:pt x="2592" y="0"/>
                  </a:lnTo>
                  <a:lnTo>
                    <a:pt x="2593" y="0"/>
                  </a:lnTo>
                  <a:lnTo>
                    <a:pt x="2593" y="0"/>
                  </a:lnTo>
                  <a:lnTo>
                    <a:pt x="2594" y="0"/>
                  </a:lnTo>
                  <a:lnTo>
                    <a:pt x="2594" y="0"/>
                  </a:lnTo>
                  <a:lnTo>
                    <a:pt x="2594" y="0"/>
                  </a:lnTo>
                  <a:lnTo>
                    <a:pt x="2594" y="0"/>
                  </a:lnTo>
                  <a:lnTo>
                    <a:pt x="2595" y="0"/>
                  </a:lnTo>
                  <a:lnTo>
                    <a:pt x="2595" y="0"/>
                  </a:lnTo>
                  <a:lnTo>
                    <a:pt x="2596" y="0"/>
                  </a:lnTo>
                  <a:lnTo>
                    <a:pt x="2596" y="0"/>
                  </a:lnTo>
                  <a:lnTo>
                    <a:pt x="2597" y="0"/>
                  </a:lnTo>
                  <a:lnTo>
                    <a:pt x="2597" y="0"/>
                  </a:lnTo>
                  <a:lnTo>
                    <a:pt x="2598" y="0"/>
                  </a:lnTo>
                  <a:lnTo>
                    <a:pt x="2598" y="0"/>
                  </a:lnTo>
                  <a:lnTo>
                    <a:pt x="2599" y="0"/>
                  </a:lnTo>
                  <a:lnTo>
                    <a:pt x="2599" y="0"/>
                  </a:lnTo>
                  <a:lnTo>
                    <a:pt x="2601" y="0"/>
                  </a:lnTo>
                  <a:lnTo>
                    <a:pt x="2601" y="0"/>
                  </a:lnTo>
                  <a:lnTo>
                    <a:pt x="2602" y="0"/>
                  </a:lnTo>
                  <a:lnTo>
                    <a:pt x="2602" y="0"/>
                  </a:lnTo>
                  <a:lnTo>
                    <a:pt x="2603" y="0"/>
                  </a:lnTo>
                  <a:lnTo>
                    <a:pt x="2603" y="0"/>
                  </a:lnTo>
                  <a:lnTo>
                    <a:pt x="2604" y="0"/>
                  </a:lnTo>
                  <a:lnTo>
                    <a:pt x="2604" y="0"/>
                  </a:lnTo>
                  <a:lnTo>
                    <a:pt x="2605" y="0"/>
                  </a:lnTo>
                  <a:lnTo>
                    <a:pt x="2605" y="0"/>
                  </a:lnTo>
                  <a:lnTo>
                    <a:pt x="2606" y="0"/>
                  </a:lnTo>
                  <a:lnTo>
                    <a:pt x="2606" y="0"/>
                  </a:lnTo>
                  <a:lnTo>
                    <a:pt x="2607" y="0"/>
                  </a:lnTo>
                  <a:lnTo>
                    <a:pt x="2607" y="0"/>
                  </a:lnTo>
                  <a:lnTo>
                    <a:pt x="2608" y="0"/>
                  </a:lnTo>
                  <a:lnTo>
                    <a:pt x="2608" y="0"/>
                  </a:lnTo>
                  <a:lnTo>
                    <a:pt x="2608" y="0"/>
                  </a:lnTo>
                  <a:lnTo>
                    <a:pt x="2608" y="0"/>
                  </a:lnTo>
                  <a:lnTo>
                    <a:pt x="2610" y="0"/>
                  </a:lnTo>
                  <a:lnTo>
                    <a:pt x="2610" y="0"/>
                  </a:lnTo>
                  <a:lnTo>
                    <a:pt x="2611" y="0"/>
                  </a:lnTo>
                  <a:lnTo>
                    <a:pt x="2611" y="0"/>
                  </a:lnTo>
                  <a:lnTo>
                    <a:pt x="2612" y="0"/>
                  </a:lnTo>
                  <a:lnTo>
                    <a:pt x="2612" y="0"/>
                  </a:lnTo>
                  <a:lnTo>
                    <a:pt x="2613" y="0"/>
                  </a:lnTo>
                  <a:lnTo>
                    <a:pt x="2613" y="0"/>
                  </a:lnTo>
                  <a:lnTo>
                    <a:pt x="2614" y="0"/>
                  </a:lnTo>
                  <a:lnTo>
                    <a:pt x="2614" y="0"/>
                  </a:lnTo>
                  <a:lnTo>
                    <a:pt x="2615" y="0"/>
                  </a:lnTo>
                  <a:lnTo>
                    <a:pt x="2615" y="0"/>
                  </a:lnTo>
                  <a:lnTo>
                    <a:pt x="2616" y="0"/>
                  </a:lnTo>
                  <a:lnTo>
                    <a:pt x="2616" y="0"/>
                  </a:lnTo>
                  <a:lnTo>
                    <a:pt x="2617" y="0"/>
                  </a:lnTo>
                  <a:lnTo>
                    <a:pt x="2617" y="0"/>
                  </a:lnTo>
                  <a:lnTo>
                    <a:pt x="2619" y="0"/>
                  </a:lnTo>
                  <a:lnTo>
                    <a:pt x="2619" y="0"/>
                  </a:lnTo>
                  <a:lnTo>
                    <a:pt x="2620" y="0"/>
                  </a:lnTo>
                  <a:lnTo>
                    <a:pt x="2620" y="0"/>
                  </a:lnTo>
                  <a:lnTo>
                    <a:pt x="2621" y="0"/>
                  </a:lnTo>
                  <a:lnTo>
                    <a:pt x="2621" y="0"/>
                  </a:lnTo>
                  <a:lnTo>
                    <a:pt x="2622" y="0"/>
                  </a:lnTo>
                  <a:lnTo>
                    <a:pt x="2622" y="0"/>
                  </a:lnTo>
                  <a:lnTo>
                    <a:pt x="2623" y="0"/>
                  </a:lnTo>
                  <a:lnTo>
                    <a:pt x="2623" y="0"/>
                  </a:lnTo>
                  <a:lnTo>
                    <a:pt x="2624" y="0"/>
                  </a:lnTo>
                  <a:lnTo>
                    <a:pt x="2624" y="0"/>
                  </a:lnTo>
                  <a:lnTo>
                    <a:pt x="2624" y="0"/>
                  </a:lnTo>
                  <a:lnTo>
                    <a:pt x="2624" y="0"/>
                  </a:lnTo>
                  <a:lnTo>
                    <a:pt x="2626" y="0"/>
                  </a:lnTo>
                  <a:lnTo>
                    <a:pt x="2626" y="0"/>
                  </a:lnTo>
                  <a:lnTo>
                    <a:pt x="2626" y="0"/>
                  </a:lnTo>
                  <a:lnTo>
                    <a:pt x="2626" y="0"/>
                  </a:lnTo>
                  <a:lnTo>
                    <a:pt x="2629" y="0"/>
                  </a:lnTo>
                  <a:lnTo>
                    <a:pt x="2629" y="0"/>
                  </a:lnTo>
                  <a:lnTo>
                    <a:pt x="2629" y="0"/>
                  </a:lnTo>
                  <a:lnTo>
                    <a:pt x="2629" y="0"/>
                  </a:lnTo>
                  <a:lnTo>
                    <a:pt x="2631"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2" name="Freeform 292">
              <a:extLst>
                <a:ext uri="{FF2B5EF4-FFF2-40B4-BE49-F238E27FC236}">
                  <a16:creationId xmlns:a16="http://schemas.microsoft.com/office/drawing/2014/main" xmlns="" id="{BB266602-D5DD-8D42-A0DD-BCFA8D9FC371}"/>
                </a:ext>
              </a:extLst>
            </p:cNvPr>
            <p:cNvSpPr>
              <a:spLocks/>
            </p:cNvSpPr>
            <p:nvPr/>
          </p:nvSpPr>
          <p:spPr bwMode="auto">
            <a:xfrm flipH="1">
              <a:off x="6899317" y="979354"/>
              <a:ext cx="4599165" cy="2181920"/>
            </a:xfrm>
            <a:custGeom>
              <a:avLst/>
              <a:gdLst>
                <a:gd name="T0" fmla="*/ 2638 w 5255"/>
                <a:gd name="T1" fmla="*/ 0 h 2390"/>
                <a:gd name="T2" fmla="*/ 2642 w 5255"/>
                <a:gd name="T3" fmla="*/ 0 h 2390"/>
                <a:gd name="T4" fmla="*/ 2649 w 5255"/>
                <a:gd name="T5" fmla="*/ 0 h 2390"/>
                <a:gd name="T6" fmla="*/ 2653 w 5255"/>
                <a:gd name="T7" fmla="*/ 0 h 2390"/>
                <a:gd name="T8" fmla="*/ 2660 w 5255"/>
                <a:gd name="T9" fmla="*/ 0 h 2390"/>
                <a:gd name="T10" fmla="*/ 2667 w 5255"/>
                <a:gd name="T11" fmla="*/ 0 h 2390"/>
                <a:gd name="T12" fmla="*/ 2675 w 5255"/>
                <a:gd name="T13" fmla="*/ 0 h 2390"/>
                <a:gd name="T14" fmla="*/ 2679 w 5255"/>
                <a:gd name="T15" fmla="*/ 0 h 2390"/>
                <a:gd name="T16" fmla="*/ 2686 w 5255"/>
                <a:gd name="T17" fmla="*/ 0 h 2390"/>
                <a:gd name="T18" fmla="*/ 2690 w 5255"/>
                <a:gd name="T19" fmla="*/ 1 h 2390"/>
                <a:gd name="T20" fmla="*/ 2697 w 5255"/>
                <a:gd name="T21" fmla="*/ 1 h 2390"/>
                <a:gd name="T22" fmla="*/ 2705 w 5255"/>
                <a:gd name="T23" fmla="*/ 1 h 2390"/>
                <a:gd name="T24" fmla="*/ 2712 w 5255"/>
                <a:gd name="T25" fmla="*/ 1 h 2390"/>
                <a:gd name="T26" fmla="*/ 2716 w 5255"/>
                <a:gd name="T27" fmla="*/ 1 h 2390"/>
                <a:gd name="T28" fmla="*/ 2723 w 5255"/>
                <a:gd name="T29" fmla="*/ 1 h 2390"/>
                <a:gd name="T30" fmla="*/ 2727 w 5255"/>
                <a:gd name="T31" fmla="*/ 3 h 2390"/>
                <a:gd name="T32" fmla="*/ 2733 w 5255"/>
                <a:gd name="T33" fmla="*/ 3 h 2390"/>
                <a:gd name="T34" fmla="*/ 2751 w 5255"/>
                <a:gd name="T35" fmla="*/ 3 h 2390"/>
                <a:gd name="T36" fmla="*/ 2757 w 5255"/>
                <a:gd name="T37" fmla="*/ 4 h 2390"/>
                <a:gd name="T38" fmla="*/ 3182 w 5255"/>
                <a:gd name="T39" fmla="*/ 57 h 2390"/>
                <a:gd name="T40" fmla="*/ 3793 w 5255"/>
                <a:gd name="T41" fmla="*/ 261 h 2390"/>
                <a:gd name="T42" fmla="*/ 4327 w 5255"/>
                <a:gd name="T43" fmla="*/ 597 h 2390"/>
                <a:gd name="T44" fmla="*/ 4760 w 5255"/>
                <a:gd name="T45" fmla="*/ 1044 h 2390"/>
                <a:gd name="T46" fmla="*/ 5072 w 5255"/>
                <a:gd name="T47" fmla="*/ 1581 h 2390"/>
                <a:gd name="T48" fmla="*/ 5241 w 5255"/>
                <a:gd name="T49" fmla="*/ 2188 h 2390"/>
                <a:gd name="T50" fmla="*/ 4984 w 5255"/>
                <a:gd name="T51" fmla="*/ 2044 h 2390"/>
                <a:gd name="T52" fmla="*/ 4187 w 5255"/>
                <a:gd name="T53" fmla="*/ 1590 h 2390"/>
                <a:gd name="T54" fmla="*/ 3173 w 5255"/>
                <a:gd name="T55" fmla="*/ 1345 h 2390"/>
                <a:gd name="T56" fmla="*/ 2127 w 5255"/>
                <a:gd name="T57" fmla="*/ 1348 h 2390"/>
                <a:gd name="T58" fmla="*/ 1074 w 5255"/>
                <a:gd name="T59" fmla="*/ 1615 h 2390"/>
                <a:gd name="T60" fmla="*/ 456 w 5255"/>
                <a:gd name="T61" fmla="*/ 1954 h 2390"/>
                <a:gd name="T62" fmla="*/ 123 w 5255"/>
                <a:gd name="T63" fmla="*/ 2244 h 2390"/>
                <a:gd name="T64" fmla="*/ 36 w 5255"/>
                <a:gd name="T65" fmla="*/ 2094 h 2390"/>
                <a:gd name="T66" fmla="*/ 232 w 5255"/>
                <a:gd name="T67" fmla="*/ 1486 h 2390"/>
                <a:gd name="T68" fmla="*/ 572 w 5255"/>
                <a:gd name="T69" fmla="*/ 955 h 2390"/>
                <a:gd name="T70" fmla="*/ 1033 w 5255"/>
                <a:gd name="T71" fmla="*/ 521 h 2390"/>
                <a:gd name="T72" fmla="*/ 1594 w 5255"/>
                <a:gd name="T73" fmla="*/ 205 h 2390"/>
                <a:gd name="T74" fmla="*/ 2232 w 5255"/>
                <a:gd name="T75" fmla="*/ 30 h 2390"/>
                <a:gd name="T76" fmla="*/ 2482 w 5255"/>
                <a:gd name="T77" fmla="*/ 5 h 2390"/>
                <a:gd name="T78" fmla="*/ 2491 w 5255"/>
                <a:gd name="T79" fmla="*/ 4 h 2390"/>
                <a:gd name="T80" fmla="*/ 2496 w 5255"/>
                <a:gd name="T81" fmla="*/ 4 h 2390"/>
                <a:gd name="T82" fmla="*/ 2504 w 5255"/>
                <a:gd name="T83" fmla="*/ 4 h 2390"/>
                <a:gd name="T84" fmla="*/ 2527 w 5255"/>
                <a:gd name="T85" fmla="*/ 3 h 2390"/>
                <a:gd name="T86" fmla="*/ 2532 w 5255"/>
                <a:gd name="T87" fmla="*/ 3 h 2390"/>
                <a:gd name="T88" fmla="*/ 2537 w 5255"/>
                <a:gd name="T89" fmla="*/ 1 h 2390"/>
                <a:gd name="T90" fmla="*/ 2543 w 5255"/>
                <a:gd name="T91" fmla="*/ 1 h 2390"/>
                <a:gd name="T92" fmla="*/ 2549 w 5255"/>
                <a:gd name="T93" fmla="*/ 1 h 2390"/>
                <a:gd name="T94" fmla="*/ 2555 w 5255"/>
                <a:gd name="T95" fmla="*/ 1 h 2390"/>
                <a:gd name="T96" fmla="*/ 2560 w 5255"/>
                <a:gd name="T97" fmla="*/ 1 h 2390"/>
                <a:gd name="T98" fmla="*/ 2566 w 5255"/>
                <a:gd name="T99" fmla="*/ 1 h 2390"/>
                <a:gd name="T100" fmla="*/ 2571 w 5255"/>
                <a:gd name="T101" fmla="*/ 1 h 2390"/>
                <a:gd name="T102" fmla="*/ 2578 w 5255"/>
                <a:gd name="T103" fmla="*/ 0 h 2390"/>
                <a:gd name="T104" fmla="*/ 2584 w 5255"/>
                <a:gd name="T105" fmla="*/ 0 h 2390"/>
                <a:gd name="T106" fmla="*/ 2590 w 5255"/>
                <a:gd name="T107" fmla="*/ 0 h 2390"/>
                <a:gd name="T108" fmla="*/ 2595 w 5255"/>
                <a:gd name="T109" fmla="*/ 0 h 2390"/>
                <a:gd name="T110" fmla="*/ 2602 w 5255"/>
                <a:gd name="T111" fmla="*/ 0 h 2390"/>
                <a:gd name="T112" fmla="*/ 2607 w 5255"/>
                <a:gd name="T113" fmla="*/ 0 h 2390"/>
                <a:gd name="T114" fmla="*/ 2613 w 5255"/>
                <a:gd name="T115" fmla="*/ 0 h 2390"/>
                <a:gd name="T116" fmla="*/ 2619 w 5255"/>
                <a:gd name="T117" fmla="*/ 0 h 2390"/>
                <a:gd name="T118" fmla="*/ 2624 w 5255"/>
                <a:gd name="T119" fmla="*/ 0 h 2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255" h="2390">
                  <a:moveTo>
                    <a:pt x="2631" y="0"/>
                  </a:moveTo>
                  <a:lnTo>
                    <a:pt x="2631" y="0"/>
                  </a:lnTo>
                  <a:lnTo>
                    <a:pt x="2633" y="0"/>
                  </a:lnTo>
                  <a:lnTo>
                    <a:pt x="2633" y="0"/>
                  </a:lnTo>
                  <a:lnTo>
                    <a:pt x="2633" y="0"/>
                  </a:lnTo>
                  <a:lnTo>
                    <a:pt x="2633" y="0"/>
                  </a:lnTo>
                  <a:lnTo>
                    <a:pt x="2635" y="0"/>
                  </a:lnTo>
                  <a:lnTo>
                    <a:pt x="2635" y="0"/>
                  </a:lnTo>
                  <a:lnTo>
                    <a:pt x="2635" y="0"/>
                  </a:lnTo>
                  <a:lnTo>
                    <a:pt x="2635" y="0"/>
                  </a:lnTo>
                  <a:lnTo>
                    <a:pt x="2638" y="0"/>
                  </a:lnTo>
                  <a:lnTo>
                    <a:pt x="2638" y="0"/>
                  </a:lnTo>
                  <a:lnTo>
                    <a:pt x="2638" y="0"/>
                  </a:lnTo>
                  <a:lnTo>
                    <a:pt x="2638" y="0"/>
                  </a:lnTo>
                  <a:lnTo>
                    <a:pt x="2639" y="0"/>
                  </a:lnTo>
                  <a:lnTo>
                    <a:pt x="2639" y="0"/>
                  </a:lnTo>
                  <a:lnTo>
                    <a:pt x="2640" y="0"/>
                  </a:lnTo>
                  <a:lnTo>
                    <a:pt x="2640" y="0"/>
                  </a:lnTo>
                  <a:lnTo>
                    <a:pt x="2641" y="0"/>
                  </a:lnTo>
                  <a:lnTo>
                    <a:pt x="2641" y="0"/>
                  </a:lnTo>
                  <a:lnTo>
                    <a:pt x="2642" y="0"/>
                  </a:lnTo>
                  <a:lnTo>
                    <a:pt x="2642" y="0"/>
                  </a:lnTo>
                  <a:lnTo>
                    <a:pt x="2643" y="0"/>
                  </a:lnTo>
                  <a:lnTo>
                    <a:pt x="2643" y="0"/>
                  </a:lnTo>
                  <a:lnTo>
                    <a:pt x="2644" y="0"/>
                  </a:lnTo>
                  <a:lnTo>
                    <a:pt x="2644" y="0"/>
                  </a:lnTo>
                  <a:lnTo>
                    <a:pt x="2645" y="0"/>
                  </a:lnTo>
                  <a:lnTo>
                    <a:pt x="2645" y="0"/>
                  </a:lnTo>
                  <a:lnTo>
                    <a:pt x="2647" y="0"/>
                  </a:lnTo>
                  <a:lnTo>
                    <a:pt x="2647" y="0"/>
                  </a:lnTo>
                  <a:lnTo>
                    <a:pt x="2648" y="0"/>
                  </a:lnTo>
                  <a:lnTo>
                    <a:pt x="2648" y="0"/>
                  </a:lnTo>
                  <a:lnTo>
                    <a:pt x="2649" y="0"/>
                  </a:lnTo>
                  <a:lnTo>
                    <a:pt x="2649" y="0"/>
                  </a:lnTo>
                  <a:lnTo>
                    <a:pt x="2650" y="0"/>
                  </a:lnTo>
                  <a:lnTo>
                    <a:pt x="2650" y="0"/>
                  </a:lnTo>
                  <a:lnTo>
                    <a:pt x="2651" y="0"/>
                  </a:lnTo>
                  <a:lnTo>
                    <a:pt x="2651" y="0"/>
                  </a:lnTo>
                  <a:lnTo>
                    <a:pt x="2651" y="0"/>
                  </a:lnTo>
                  <a:lnTo>
                    <a:pt x="2651" y="0"/>
                  </a:lnTo>
                  <a:lnTo>
                    <a:pt x="2652" y="0"/>
                  </a:lnTo>
                  <a:lnTo>
                    <a:pt x="2652" y="0"/>
                  </a:lnTo>
                  <a:lnTo>
                    <a:pt x="2653" y="0"/>
                  </a:lnTo>
                  <a:lnTo>
                    <a:pt x="2653" y="0"/>
                  </a:lnTo>
                  <a:lnTo>
                    <a:pt x="2654" y="0"/>
                  </a:lnTo>
                  <a:lnTo>
                    <a:pt x="2654" y="0"/>
                  </a:lnTo>
                  <a:lnTo>
                    <a:pt x="2656" y="0"/>
                  </a:lnTo>
                  <a:lnTo>
                    <a:pt x="2656" y="0"/>
                  </a:lnTo>
                  <a:lnTo>
                    <a:pt x="2657" y="0"/>
                  </a:lnTo>
                  <a:lnTo>
                    <a:pt x="2657" y="0"/>
                  </a:lnTo>
                  <a:lnTo>
                    <a:pt x="2658" y="0"/>
                  </a:lnTo>
                  <a:lnTo>
                    <a:pt x="2658" y="0"/>
                  </a:lnTo>
                  <a:lnTo>
                    <a:pt x="2659" y="0"/>
                  </a:lnTo>
                  <a:lnTo>
                    <a:pt x="2659" y="0"/>
                  </a:lnTo>
                  <a:lnTo>
                    <a:pt x="2660" y="0"/>
                  </a:lnTo>
                  <a:lnTo>
                    <a:pt x="2660" y="0"/>
                  </a:lnTo>
                  <a:lnTo>
                    <a:pt x="2661" y="0"/>
                  </a:lnTo>
                  <a:lnTo>
                    <a:pt x="2661" y="0"/>
                  </a:lnTo>
                  <a:lnTo>
                    <a:pt x="2662" y="0"/>
                  </a:lnTo>
                  <a:lnTo>
                    <a:pt x="2662" y="0"/>
                  </a:lnTo>
                  <a:lnTo>
                    <a:pt x="2663" y="0"/>
                  </a:lnTo>
                  <a:lnTo>
                    <a:pt x="2663" y="0"/>
                  </a:lnTo>
                  <a:lnTo>
                    <a:pt x="2667" y="0"/>
                  </a:lnTo>
                  <a:lnTo>
                    <a:pt x="2667" y="0"/>
                  </a:lnTo>
                  <a:lnTo>
                    <a:pt x="2667" y="0"/>
                  </a:lnTo>
                  <a:lnTo>
                    <a:pt x="2667" y="0"/>
                  </a:lnTo>
                  <a:lnTo>
                    <a:pt x="2669" y="0"/>
                  </a:lnTo>
                  <a:lnTo>
                    <a:pt x="2669" y="0"/>
                  </a:lnTo>
                  <a:lnTo>
                    <a:pt x="2670" y="0"/>
                  </a:lnTo>
                  <a:lnTo>
                    <a:pt x="2670" y="0"/>
                  </a:lnTo>
                  <a:lnTo>
                    <a:pt x="2671" y="0"/>
                  </a:lnTo>
                  <a:lnTo>
                    <a:pt x="2671" y="0"/>
                  </a:lnTo>
                  <a:lnTo>
                    <a:pt x="2672" y="0"/>
                  </a:lnTo>
                  <a:lnTo>
                    <a:pt x="2672" y="0"/>
                  </a:lnTo>
                  <a:lnTo>
                    <a:pt x="2674" y="0"/>
                  </a:lnTo>
                  <a:lnTo>
                    <a:pt x="2674" y="0"/>
                  </a:lnTo>
                  <a:lnTo>
                    <a:pt x="2675" y="0"/>
                  </a:lnTo>
                  <a:lnTo>
                    <a:pt x="2675" y="0"/>
                  </a:lnTo>
                  <a:lnTo>
                    <a:pt x="2676" y="0"/>
                  </a:lnTo>
                  <a:lnTo>
                    <a:pt x="2676" y="0"/>
                  </a:lnTo>
                  <a:lnTo>
                    <a:pt x="2677" y="0"/>
                  </a:lnTo>
                  <a:lnTo>
                    <a:pt x="2677" y="0"/>
                  </a:lnTo>
                  <a:lnTo>
                    <a:pt x="2677" y="0"/>
                  </a:lnTo>
                  <a:lnTo>
                    <a:pt x="2677" y="0"/>
                  </a:lnTo>
                  <a:lnTo>
                    <a:pt x="2678" y="0"/>
                  </a:lnTo>
                  <a:lnTo>
                    <a:pt x="2678" y="0"/>
                  </a:lnTo>
                  <a:lnTo>
                    <a:pt x="2679" y="0"/>
                  </a:lnTo>
                  <a:lnTo>
                    <a:pt x="2679" y="0"/>
                  </a:lnTo>
                  <a:lnTo>
                    <a:pt x="2680" y="0"/>
                  </a:lnTo>
                  <a:lnTo>
                    <a:pt x="2680" y="0"/>
                  </a:lnTo>
                  <a:lnTo>
                    <a:pt x="2681" y="0"/>
                  </a:lnTo>
                  <a:lnTo>
                    <a:pt x="2681" y="0"/>
                  </a:lnTo>
                  <a:lnTo>
                    <a:pt x="2682" y="0"/>
                  </a:lnTo>
                  <a:lnTo>
                    <a:pt x="2682" y="0"/>
                  </a:lnTo>
                  <a:lnTo>
                    <a:pt x="2684" y="0"/>
                  </a:lnTo>
                  <a:lnTo>
                    <a:pt x="2684" y="0"/>
                  </a:lnTo>
                  <a:lnTo>
                    <a:pt x="2685" y="0"/>
                  </a:lnTo>
                  <a:lnTo>
                    <a:pt x="2685" y="0"/>
                  </a:lnTo>
                  <a:lnTo>
                    <a:pt x="2686" y="0"/>
                  </a:lnTo>
                  <a:lnTo>
                    <a:pt x="2686" y="0"/>
                  </a:lnTo>
                  <a:lnTo>
                    <a:pt x="2687" y="1"/>
                  </a:lnTo>
                  <a:lnTo>
                    <a:pt x="2687" y="1"/>
                  </a:lnTo>
                  <a:lnTo>
                    <a:pt x="2687" y="1"/>
                  </a:lnTo>
                  <a:lnTo>
                    <a:pt x="2687" y="1"/>
                  </a:lnTo>
                  <a:lnTo>
                    <a:pt x="2689" y="1"/>
                  </a:lnTo>
                  <a:lnTo>
                    <a:pt x="2689" y="1"/>
                  </a:lnTo>
                  <a:lnTo>
                    <a:pt x="2689" y="1"/>
                  </a:lnTo>
                  <a:lnTo>
                    <a:pt x="2689" y="1"/>
                  </a:lnTo>
                  <a:lnTo>
                    <a:pt x="2690" y="1"/>
                  </a:lnTo>
                  <a:lnTo>
                    <a:pt x="2690" y="1"/>
                  </a:lnTo>
                  <a:lnTo>
                    <a:pt x="2691" y="1"/>
                  </a:lnTo>
                  <a:lnTo>
                    <a:pt x="2691" y="1"/>
                  </a:lnTo>
                  <a:lnTo>
                    <a:pt x="2693" y="1"/>
                  </a:lnTo>
                  <a:lnTo>
                    <a:pt x="2693" y="1"/>
                  </a:lnTo>
                  <a:lnTo>
                    <a:pt x="2694" y="1"/>
                  </a:lnTo>
                  <a:lnTo>
                    <a:pt x="2694" y="1"/>
                  </a:lnTo>
                  <a:lnTo>
                    <a:pt x="2695" y="1"/>
                  </a:lnTo>
                  <a:lnTo>
                    <a:pt x="2695" y="1"/>
                  </a:lnTo>
                  <a:lnTo>
                    <a:pt x="2696" y="1"/>
                  </a:lnTo>
                  <a:lnTo>
                    <a:pt x="2696" y="1"/>
                  </a:lnTo>
                  <a:lnTo>
                    <a:pt x="2697" y="1"/>
                  </a:lnTo>
                  <a:lnTo>
                    <a:pt x="2697" y="1"/>
                  </a:lnTo>
                  <a:lnTo>
                    <a:pt x="2698" y="1"/>
                  </a:lnTo>
                  <a:lnTo>
                    <a:pt x="2698" y="1"/>
                  </a:lnTo>
                  <a:lnTo>
                    <a:pt x="2699" y="1"/>
                  </a:lnTo>
                  <a:lnTo>
                    <a:pt x="2699" y="1"/>
                  </a:lnTo>
                  <a:lnTo>
                    <a:pt x="2699" y="1"/>
                  </a:lnTo>
                  <a:lnTo>
                    <a:pt x="2699" y="1"/>
                  </a:lnTo>
                  <a:lnTo>
                    <a:pt x="2705" y="1"/>
                  </a:lnTo>
                  <a:lnTo>
                    <a:pt x="2705" y="1"/>
                  </a:lnTo>
                  <a:lnTo>
                    <a:pt x="2705" y="1"/>
                  </a:lnTo>
                  <a:lnTo>
                    <a:pt x="2705" y="1"/>
                  </a:lnTo>
                  <a:lnTo>
                    <a:pt x="2706" y="1"/>
                  </a:lnTo>
                  <a:lnTo>
                    <a:pt x="2706" y="1"/>
                  </a:lnTo>
                  <a:lnTo>
                    <a:pt x="2707" y="1"/>
                  </a:lnTo>
                  <a:lnTo>
                    <a:pt x="2707" y="1"/>
                  </a:lnTo>
                  <a:lnTo>
                    <a:pt x="2708" y="1"/>
                  </a:lnTo>
                  <a:lnTo>
                    <a:pt x="2708" y="1"/>
                  </a:lnTo>
                  <a:lnTo>
                    <a:pt x="2709" y="1"/>
                  </a:lnTo>
                  <a:lnTo>
                    <a:pt x="2709" y="1"/>
                  </a:lnTo>
                  <a:lnTo>
                    <a:pt x="2711" y="1"/>
                  </a:lnTo>
                  <a:lnTo>
                    <a:pt x="2711" y="1"/>
                  </a:lnTo>
                  <a:lnTo>
                    <a:pt x="2712" y="1"/>
                  </a:lnTo>
                  <a:lnTo>
                    <a:pt x="2712" y="1"/>
                  </a:lnTo>
                  <a:lnTo>
                    <a:pt x="2713" y="1"/>
                  </a:lnTo>
                  <a:lnTo>
                    <a:pt x="2713" y="1"/>
                  </a:lnTo>
                  <a:lnTo>
                    <a:pt x="2713" y="1"/>
                  </a:lnTo>
                  <a:lnTo>
                    <a:pt x="2713" y="1"/>
                  </a:lnTo>
                  <a:lnTo>
                    <a:pt x="2715" y="1"/>
                  </a:lnTo>
                  <a:lnTo>
                    <a:pt x="2715" y="1"/>
                  </a:lnTo>
                  <a:lnTo>
                    <a:pt x="2715" y="1"/>
                  </a:lnTo>
                  <a:lnTo>
                    <a:pt x="2715" y="1"/>
                  </a:lnTo>
                  <a:lnTo>
                    <a:pt x="2716" y="1"/>
                  </a:lnTo>
                  <a:lnTo>
                    <a:pt x="2716" y="1"/>
                  </a:lnTo>
                  <a:lnTo>
                    <a:pt x="2717" y="1"/>
                  </a:lnTo>
                  <a:lnTo>
                    <a:pt x="2717" y="1"/>
                  </a:lnTo>
                  <a:lnTo>
                    <a:pt x="2718" y="1"/>
                  </a:lnTo>
                  <a:lnTo>
                    <a:pt x="2718" y="1"/>
                  </a:lnTo>
                  <a:lnTo>
                    <a:pt x="2719" y="1"/>
                  </a:lnTo>
                  <a:lnTo>
                    <a:pt x="2719" y="1"/>
                  </a:lnTo>
                  <a:lnTo>
                    <a:pt x="2721" y="1"/>
                  </a:lnTo>
                  <a:lnTo>
                    <a:pt x="2721" y="1"/>
                  </a:lnTo>
                  <a:lnTo>
                    <a:pt x="2722" y="1"/>
                  </a:lnTo>
                  <a:lnTo>
                    <a:pt x="2722" y="1"/>
                  </a:lnTo>
                  <a:lnTo>
                    <a:pt x="2723" y="1"/>
                  </a:lnTo>
                  <a:lnTo>
                    <a:pt x="2723" y="1"/>
                  </a:lnTo>
                  <a:lnTo>
                    <a:pt x="2723" y="1"/>
                  </a:lnTo>
                  <a:lnTo>
                    <a:pt x="2723" y="1"/>
                  </a:lnTo>
                  <a:lnTo>
                    <a:pt x="2725" y="1"/>
                  </a:lnTo>
                  <a:lnTo>
                    <a:pt x="2725" y="1"/>
                  </a:lnTo>
                  <a:lnTo>
                    <a:pt x="2725" y="1"/>
                  </a:lnTo>
                  <a:lnTo>
                    <a:pt x="2725" y="1"/>
                  </a:lnTo>
                  <a:lnTo>
                    <a:pt x="2727" y="3"/>
                  </a:lnTo>
                  <a:lnTo>
                    <a:pt x="2727" y="3"/>
                  </a:lnTo>
                  <a:lnTo>
                    <a:pt x="2727" y="3"/>
                  </a:lnTo>
                  <a:lnTo>
                    <a:pt x="2727" y="3"/>
                  </a:lnTo>
                  <a:lnTo>
                    <a:pt x="2728" y="3"/>
                  </a:lnTo>
                  <a:lnTo>
                    <a:pt x="2728" y="3"/>
                  </a:lnTo>
                  <a:lnTo>
                    <a:pt x="2730" y="3"/>
                  </a:lnTo>
                  <a:lnTo>
                    <a:pt x="2730" y="3"/>
                  </a:lnTo>
                  <a:lnTo>
                    <a:pt x="2731" y="3"/>
                  </a:lnTo>
                  <a:lnTo>
                    <a:pt x="2731" y="3"/>
                  </a:lnTo>
                  <a:lnTo>
                    <a:pt x="2732" y="3"/>
                  </a:lnTo>
                  <a:lnTo>
                    <a:pt x="2732" y="3"/>
                  </a:lnTo>
                  <a:lnTo>
                    <a:pt x="2733" y="3"/>
                  </a:lnTo>
                  <a:lnTo>
                    <a:pt x="2733" y="3"/>
                  </a:lnTo>
                  <a:lnTo>
                    <a:pt x="2733" y="3"/>
                  </a:lnTo>
                  <a:lnTo>
                    <a:pt x="2733" y="3"/>
                  </a:lnTo>
                  <a:lnTo>
                    <a:pt x="2746" y="3"/>
                  </a:lnTo>
                  <a:lnTo>
                    <a:pt x="2746" y="3"/>
                  </a:lnTo>
                  <a:lnTo>
                    <a:pt x="2746" y="3"/>
                  </a:lnTo>
                  <a:lnTo>
                    <a:pt x="2749" y="3"/>
                  </a:lnTo>
                  <a:lnTo>
                    <a:pt x="2749" y="3"/>
                  </a:lnTo>
                  <a:lnTo>
                    <a:pt x="2749" y="3"/>
                  </a:lnTo>
                  <a:lnTo>
                    <a:pt x="2749" y="3"/>
                  </a:lnTo>
                  <a:lnTo>
                    <a:pt x="2751" y="3"/>
                  </a:lnTo>
                  <a:lnTo>
                    <a:pt x="2751" y="3"/>
                  </a:lnTo>
                  <a:lnTo>
                    <a:pt x="2751" y="3"/>
                  </a:lnTo>
                  <a:lnTo>
                    <a:pt x="2753" y="3"/>
                  </a:lnTo>
                  <a:lnTo>
                    <a:pt x="2753" y="3"/>
                  </a:lnTo>
                  <a:lnTo>
                    <a:pt x="2753" y="3"/>
                  </a:lnTo>
                  <a:lnTo>
                    <a:pt x="2753" y="3"/>
                  </a:lnTo>
                  <a:lnTo>
                    <a:pt x="2754" y="4"/>
                  </a:lnTo>
                  <a:lnTo>
                    <a:pt x="2754" y="4"/>
                  </a:lnTo>
                  <a:lnTo>
                    <a:pt x="2755" y="4"/>
                  </a:lnTo>
                  <a:lnTo>
                    <a:pt x="2755" y="4"/>
                  </a:lnTo>
                  <a:lnTo>
                    <a:pt x="2757" y="4"/>
                  </a:lnTo>
                  <a:lnTo>
                    <a:pt x="2757" y="4"/>
                  </a:lnTo>
                  <a:lnTo>
                    <a:pt x="2757" y="4"/>
                  </a:lnTo>
                  <a:lnTo>
                    <a:pt x="2757" y="4"/>
                  </a:lnTo>
                  <a:lnTo>
                    <a:pt x="2761" y="4"/>
                  </a:lnTo>
                  <a:lnTo>
                    <a:pt x="2761" y="4"/>
                  </a:lnTo>
                  <a:lnTo>
                    <a:pt x="2761" y="4"/>
                  </a:lnTo>
                  <a:lnTo>
                    <a:pt x="2822" y="7"/>
                  </a:lnTo>
                  <a:lnTo>
                    <a:pt x="2883" y="12"/>
                  </a:lnTo>
                  <a:lnTo>
                    <a:pt x="2944" y="18"/>
                  </a:lnTo>
                  <a:lnTo>
                    <a:pt x="3003" y="25"/>
                  </a:lnTo>
                  <a:lnTo>
                    <a:pt x="3064" y="35"/>
                  </a:lnTo>
                  <a:lnTo>
                    <a:pt x="3122" y="45"/>
                  </a:lnTo>
                  <a:lnTo>
                    <a:pt x="3182" y="57"/>
                  </a:lnTo>
                  <a:lnTo>
                    <a:pt x="3240" y="68"/>
                  </a:lnTo>
                  <a:lnTo>
                    <a:pt x="3297" y="82"/>
                  </a:lnTo>
                  <a:lnTo>
                    <a:pt x="3356" y="98"/>
                  </a:lnTo>
                  <a:lnTo>
                    <a:pt x="3412" y="114"/>
                  </a:lnTo>
                  <a:lnTo>
                    <a:pt x="3468" y="132"/>
                  </a:lnTo>
                  <a:lnTo>
                    <a:pt x="3524" y="151"/>
                  </a:lnTo>
                  <a:lnTo>
                    <a:pt x="3579" y="170"/>
                  </a:lnTo>
                  <a:lnTo>
                    <a:pt x="3634" y="192"/>
                  </a:lnTo>
                  <a:lnTo>
                    <a:pt x="3688" y="213"/>
                  </a:lnTo>
                  <a:lnTo>
                    <a:pt x="3740" y="237"/>
                  </a:lnTo>
                  <a:lnTo>
                    <a:pt x="3793" y="261"/>
                  </a:lnTo>
                  <a:lnTo>
                    <a:pt x="3846" y="287"/>
                  </a:lnTo>
                  <a:lnTo>
                    <a:pt x="3897" y="313"/>
                  </a:lnTo>
                  <a:lnTo>
                    <a:pt x="3948" y="341"/>
                  </a:lnTo>
                  <a:lnTo>
                    <a:pt x="3997" y="369"/>
                  </a:lnTo>
                  <a:lnTo>
                    <a:pt x="4047" y="399"/>
                  </a:lnTo>
                  <a:lnTo>
                    <a:pt x="4096" y="429"/>
                  </a:lnTo>
                  <a:lnTo>
                    <a:pt x="4143" y="460"/>
                  </a:lnTo>
                  <a:lnTo>
                    <a:pt x="4190" y="494"/>
                  </a:lnTo>
                  <a:lnTo>
                    <a:pt x="4236" y="527"/>
                  </a:lnTo>
                  <a:lnTo>
                    <a:pt x="4282" y="562"/>
                  </a:lnTo>
                  <a:lnTo>
                    <a:pt x="4327" y="597"/>
                  </a:lnTo>
                  <a:lnTo>
                    <a:pt x="4371" y="633"/>
                  </a:lnTo>
                  <a:lnTo>
                    <a:pt x="4413" y="671"/>
                  </a:lnTo>
                  <a:lnTo>
                    <a:pt x="4456" y="709"/>
                  </a:lnTo>
                  <a:lnTo>
                    <a:pt x="4496" y="748"/>
                  </a:lnTo>
                  <a:lnTo>
                    <a:pt x="4537" y="788"/>
                  </a:lnTo>
                  <a:lnTo>
                    <a:pt x="4576" y="829"/>
                  </a:lnTo>
                  <a:lnTo>
                    <a:pt x="4615" y="870"/>
                  </a:lnTo>
                  <a:lnTo>
                    <a:pt x="4652" y="912"/>
                  </a:lnTo>
                  <a:lnTo>
                    <a:pt x="4689" y="955"/>
                  </a:lnTo>
                  <a:lnTo>
                    <a:pt x="4725" y="999"/>
                  </a:lnTo>
                  <a:lnTo>
                    <a:pt x="4760" y="1044"/>
                  </a:lnTo>
                  <a:lnTo>
                    <a:pt x="4794" y="1089"/>
                  </a:lnTo>
                  <a:lnTo>
                    <a:pt x="4826" y="1135"/>
                  </a:lnTo>
                  <a:lnTo>
                    <a:pt x="4858" y="1182"/>
                  </a:lnTo>
                  <a:lnTo>
                    <a:pt x="4888" y="1229"/>
                  </a:lnTo>
                  <a:lnTo>
                    <a:pt x="4918" y="1278"/>
                  </a:lnTo>
                  <a:lnTo>
                    <a:pt x="4946" y="1327"/>
                  </a:lnTo>
                  <a:lnTo>
                    <a:pt x="4973" y="1376"/>
                  </a:lnTo>
                  <a:lnTo>
                    <a:pt x="5000" y="1427"/>
                  </a:lnTo>
                  <a:lnTo>
                    <a:pt x="5025" y="1478"/>
                  </a:lnTo>
                  <a:lnTo>
                    <a:pt x="5048" y="1530"/>
                  </a:lnTo>
                  <a:lnTo>
                    <a:pt x="5072" y="1581"/>
                  </a:lnTo>
                  <a:lnTo>
                    <a:pt x="5093" y="1633"/>
                  </a:lnTo>
                  <a:lnTo>
                    <a:pt x="5113" y="1687"/>
                  </a:lnTo>
                  <a:lnTo>
                    <a:pt x="5132" y="1740"/>
                  </a:lnTo>
                  <a:lnTo>
                    <a:pt x="5150" y="1795"/>
                  </a:lnTo>
                  <a:lnTo>
                    <a:pt x="5167" y="1849"/>
                  </a:lnTo>
                  <a:lnTo>
                    <a:pt x="5183" y="1905"/>
                  </a:lnTo>
                  <a:lnTo>
                    <a:pt x="5198" y="1960"/>
                  </a:lnTo>
                  <a:lnTo>
                    <a:pt x="5210" y="2017"/>
                  </a:lnTo>
                  <a:lnTo>
                    <a:pt x="5222" y="2074"/>
                  </a:lnTo>
                  <a:lnTo>
                    <a:pt x="5232" y="2131"/>
                  </a:lnTo>
                  <a:lnTo>
                    <a:pt x="5241" y="2188"/>
                  </a:lnTo>
                  <a:lnTo>
                    <a:pt x="5249" y="2247"/>
                  </a:lnTo>
                  <a:lnTo>
                    <a:pt x="5255" y="2305"/>
                  </a:lnTo>
                  <a:lnTo>
                    <a:pt x="5255" y="2305"/>
                  </a:lnTo>
                  <a:lnTo>
                    <a:pt x="5231" y="2277"/>
                  </a:lnTo>
                  <a:lnTo>
                    <a:pt x="5207" y="2250"/>
                  </a:lnTo>
                  <a:lnTo>
                    <a:pt x="5181" y="2223"/>
                  </a:lnTo>
                  <a:lnTo>
                    <a:pt x="5155" y="2197"/>
                  </a:lnTo>
                  <a:lnTo>
                    <a:pt x="5128" y="2170"/>
                  </a:lnTo>
                  <a:lnTo>
                    <a:pt x="5101" y="2144"/>
                  </a:lnTo>
                  <a:lnTo>
                    <a:pt x="5044" y="2093"/>
                  </a:lnTo>
                  <a:lnTo>
                    <a:pt x="4984" y="2044"/>
                  </a:lnTo>
                  <a:lnTo>
                    <a:pt x="4924" y="1995"/>
                  </a:lnTo>
                  <a:lnTo>
                    <a:pt x="4860" y="1947"/>
                  </a:lnTo>
                  <a:lnTo>
                    <a:pt x="4794" y="1902"/>
                  </a:lnTo>
                  <a:lnTo>
                    <a:pt x="4725" y="1858"/>
                  </a:lnTo>
                  <a:lnTo>
                    <a:pt x="4655" y="1815"/>
                  </a:lnTo>
                  <a:lnTo>
                    <a:pt x="4582" y="1774"/>
                  </a:lnTo>
                  <a:lnTo>
                    <a:pt x="4507" y="1734"/>
                  </a:lnTo>
                  <a:lnTo>
                    <a:pt x="4429" y="1695"/>
                  </a:lnTo>
                  <a:lnTo>
                    <a:pt x="4351" y="1658"/>
                  </a:lnTo>
                  <a:lnTo>
                    <a:pt x="4270" y="1623"/>
                  </a:lnTo>
                  <a:lnTo>
                    <a:pt x="4187" y="1590"/>
                  </a:lnTo>
                  <a:lnTo>
                    <a:pt x="4103" y="1559"/>
                  </a:lnTo>
                  <a:lnTo>
                    <a:pt x="4016" y="1528"/>
                  </a:lnTo>
                  <a:lnTo>
                    <a:pt x="3929" y="1500"/>
                  </a:lnTo>
                  <a:lnTo>
                    <a:pt x="3839" y="1474"/>
                  </a:lnTo>
                  <a:lnTo>
                    <a:pt x="3748" y="1450"/>
                  </a:lnTo>
                  <a:lnTo>
                    <a:pt x="3655" y="1427"/>
                  </a:lnTo>
                  <a:lnTo>
                    <a:pt x="3562" y="1406"/>
                  </a:lnTo>
                  <a:lnTo>
                    <a:pt x="3467" y="1388"/>
                  </a:lnTo>
                  <a:lnTo>
                    <a:pt x="3370" y="1372"/>
                  </a:lnTo>
                  <a:lnTo>
                    <a:pt x="3271" y="1358"/>
                  </a:lnTo>
                  <a:lnTo>
                    <a:pt x="3173" y="1345"/>
                  </a:lnTo>
                  <a:lnTo>
                    <a:pt x="3073" y="1335"/>
                  </a:lnTo>
                  <a:lnTo>
                    <a:pt x="2972" y="1328"/>
                  </a:lnTo>
                  <a:lnTo>
                    <a:pt x="2870" y="1321"/>
                  </a:lnTo>
                  <a:lnTo>
                    <a:pt x="2767" y="1318"/>
                  </a:lnTo>
                  <a:lnTo>
                    <a:pt x="2662" y="1317"/>
                  </a:lnTo>
                  <a:lnTo>
                    <a:pt x="2662" y="1317"/>
                  </a:lnTo>
                  <a:lnTo>
                    <a:pt x="2553" y="1318"/>
                  </a:lnTo>
                  <a:lnTo>
                    <a:pt x="2445" y="1322"/>
                  </a:lnTo>
                  <a:lnTo>
                    <a:pt x="2338" y="1329"/>
                  </a:lnTo>
                  <a:lnTo>
                    <a:pt x="2233" y="1337"/>
                  </a:lnTo>
                  <a:lnTo>
                    <a:pt x="2127" y="1348"/>
                  </a:lnTo>
                  <a:lnTo>
                    <a:pt x="2024" y="1361"/>
                  </a:lnTo>
                  <a:lnTo>
                    <a:pt x="1922" y="1377"/>
                  </a:lnTo>
                  <a:lnTo>
                    <a:pt x="1821" y="1396"/>
                  </a:lnTo>
                  <a:lnTo>
                    <a:pt x="1722" y="1415"/>
                  </a:lnTo>
                  <a:lnTo>
                    <a:pt x="1625" y="1438"/>
                  </a:lnTo>
                  <a:lnTo>
                    <a:pt x="1528" y="1463"/>
                  </a:lnTo>
                  <a:lnTo>
                    <a:pt x="1434" y="1489"/>
                  </a:lnTo>
                  <a:lnTo>
                    <a:pt x="1341" y="1518"/>
                  </a:lnTo>
                  <a:lnTo>
                    <a:pt x="1250" y="1548"/>
                  </a:lnTo>
                  <a:lnTo>
                    <a:pt x="1161" y="1580"/>
                  </a:lnTo>
                  <a:lnTo>
                    <a:pt x="1074" y="1615"/>
                  </a:lnTo>
                  <a:lnTo>
                    <a:pt x="989" y="1652"/>
                  </a:lnTo>
                  <a:lnTo>
                    <a:pt x="906" y="1689"/>
                  </a:lnTo>
                  <a:lnTo>
                    <a:pt x="825" y="1729"/>
                  </a:lnTo>
                  <a:lnTo>
                    <a:pt x="746" y="1771"/>
                  </a:lnTo>
                  <a:lnTo>
                    <a:pt x="670" y="1815"/>
                  </a:lnTo>
                  <a:lnTo>
                    <a:pt x="633" y="1837"/>
                  </a:lnTo>
                  <a:lnTo>
                    <a:pt x="596" y="1860"/>
                  </a:lnTo>
                  <a:lnTo>
                    <a:pt x="560" y="1883"/>
                  </a:lnTo>
                  <a:lnTo>
                    <a:pt x="524" y="1906"/>
                  </a:lnTo>
                  <a:lnTo>
                    <a:pt x="489" y="1930"/>
                  </a:lnTo>
                  <a:lnTo>
                    <a:pt x="456" y="1954"/>
                  </a:lnTo>
                  <a:lnTo>
                    <a:pt x="422" y="1979"/>
                  </a:lnTo>
                  <a:lnTo>
                    <a:pt x="388" y="2004"/>
                  </a:lnTo>
                  <a:lnTo>
                    <a:pt x="357" y="2030"/>
                  </a:lnTo>
                  <a:lnTo>
                    <a:pt x="324" y="2055"/>
                  </a:lnTo>
                  <a:lnTo>
                    <a:pt x="294" y="2081"/>
                  </a:lnTo>
                  <a:lnTo>
                    <a:pt x="264" y="2107"/>
                  </a:lnTo>
                  <a:lnTo>
                    <a:pt x="234" y="2134"/>
                  </a:lnTo>
                  <a:lnTo>
                    <a:pt x="206" y="2161"/>
                  </a:lnTo>
                  <a:lnTo>
                    <a:pt x="178" y="2189"/>
                  </a:lnTo>
                  <a:lnTo>
                    <a:pt x="149" y="2216"/>
                  </a:lnTo>
                  <a:lnTo>
                    <a:pt x="123" y="2244"/>
                  </a:lnTo>
                  <a:lnTo>
                    <a:pt x="97" y="2274"/>
                  </a:lnTo>
                  <a:lnTo>
                    <a:pt x="72" y="2302"/>
                  </a:lnTo>
                  <a:lnTo>
                    <a:pt x="47" y="2331"/>
                  </a:lnTo>
                  <a:lnTo>
                    <a:pt x="24" y="2360"/>
                  </a:lnTo>
                  <a:lnTo>
                    <a:pt x="0" y="2390"/>
                  </a:lnTo>
                  <a:lnTo>
                    <a:pt x="0" y="2390"/>
                  </a:lnTo>
                  <a:lnTo>
                    <a:pt x="5" y="2330"/>
                  </a:lnTo>
                  <a:lnTo>
                    <a:pt x="10" y="2270"/>
                  </a:lnTo>
                  <a:lnTo>
                    <a:pt x="17" y="2211"/>
                  </a:lnTo>
                  <a:lnTo>
                    <a:pt x="26" y="2153"/>
                  </a:lnTo>
                  <a:lnTo>
                    <a:pt x="36" y="2094"/>
                  </a:lnTo>
                  <a:lnTo>
                    <a:pt x="47" y="2037"/>
                  </a:lnTo>
                  <a:lnTo>
                    <a:pt x="60" y="1979"/>
                  </a:lnTo>
                  <a:lnTo>
                    <a:pt x="74" y="1923"/>
                  </a:lnTo>
                  <a:lnTo>
                    <a:pt x="90" y="1866"/>
                  </a:lnTo>
                  <a:lnTo>
                    <a:pt x="106" y="1810"/>
                  </a:lnTo>
                  <a:lnTo>
                    <a:pt x="124" y="1755"/>
                  </a:lnTo>
                  <a:lnTo>
                    <a:pt x="144" y="1700"/>
                  </a:lnTo>
                  <a:lnTo>
                    <a:pt x="164" y="1646"/>
                  </a:lnTo>
                  <a:lnTo>
                    <a:pt x="185" y="1592"/>
                  </a:lnTo>
                  <a:lnTo>
                    <a:pt x="209" y="1539"/>
                  </a:lnTo>
                  <a:lnTo>
                    <a:pt x="232" y="1486"/>
                  </a:lnTo>
                  <a:lnTo>
                    <a:pt x="258" y="1435"/>
                  </a:lnTo>
                  <a:lnTo>
                    <a:pt x="284" y="1384"/>
                  </a:lnTo>
                  <a:lnTo>
                    <a:pt x="312" y="1333"/>
                  </a:lnTo>
                  <a:lnTo>
                    <a:pt x="340" y="1283"/>
                  </a:lnTo>
                  <a:lnTo>
                    <a:pt x="370" y="1235"/>
                  </a:lnTo>
                  <a:lnTo>
                    <a:pt x="402" y="1186"/>
                  </a:lnTo>
                  <a:lnTo>
                    <a:pt x="433" y="1139"/>
                  </a:lnTo>
                  <a:lnTo>
                    <a:pt x="467" y="1091"/>
                  </a:lnTo>
                  <a:lnTo>
                    <a:pt x="501" y="1045"/>
                  </a:lnTo>
                  <a:lnTo>
                    <a:pt x="536" y="999"/>
                  </a:lnTo>
                  <a:lnTo>
                    <a:pt x="572" y="955"/>
                  </a:lnTo>
                  <a:lnTo>
                    <a:pt x="609" y="911"/>
                  </a:lnTo>
                  <a:lnTo>
                    <a:pt x="648" y="869"/>
                  </a:lnTo>
                  <a:lnTo>
                    <a:pt x="687" y="827"/>
                  </a:lnTo>
                  <a:lnTo>
                    <a:pt x="727" y="784"/>
                  </a:lnTo>
                  <a:lnTo>
                    <a:pt x="769" y="744"/>
                  </a:lnTo>
                  <a:lnTo>
                    <a:pt x="810" y="705"/>
                  </a:lnTo>
                  <a:lnTo>
                    <a:pt x="854" y="666"/>
                  </a:lnTo>
                  <a:lnTo>
                    <a:pt x="898" y="628"/>
                  </a:lnTo>
                  <a:lnTo>
                    <a:pt x="941" y="591"/>
                  </a:lnTo>
                  <a:lnTo>
                    <a:pt x="987" y="555"/>
                  </a:lnTo>
                  <a:lnTo>
                    <a:pt x="1033" y="521"/>
                  </a:lnTo>
                  <a:lnTo>
                    <a:pt x="1081" y="486"/>
                  </a:lnTo>
                  <a:lnTo>
                    <a:pt x="1129" y="454"/>
                  </a:lnTo>
                  <a:lnTo>
                    <a:pt x="1178" y="422"/>
                  </a:lnTo>
                  <a:lnTo>
                    <a:pt x="1228" y="391"/>
                  </a:lnTo>
                  <a:lnTo>
                    <a:pt x="1278" y="361"/>
                  </a:lnTo>
                  <a:lnTo>
                    <a:pt x="1328" y="332"/>
                  </a:lnTo>
                  <a:lnTo>
                    <a:pt x="1380" y="305"/>
                  </a:lnTo>
                  <a:lnTo>
                    <a:pt x="1433" y="278"/>
                  </a:lnTo>
                  <a:lnTo>
                    <a:pt x="1486" y="252"/>
                  </a:lnTo>
                  <a:lnTo>
                    <a:pt x="1539" y="228"/>
                  </a:lnTo>
                  <a:lnTo>
                    <a:pt x="1594" y="205"/>
                  </a:lnTo>
                  <a:lnTo>
                    <a:pt x="1649" y="183"/>
                  </a:lnTo>
                  <a:lnTo>
                    <a:pt x="1705" y="162"/>
                  </a:lnTo>
                  <a:lnTo>
                    <a:pt x="1761" y="142"/>
                  </a:lnTo>
                  <a:lnTo>
                    <a:pt x="1819" y="124"/>
                  </a:lnTo>
                  <a:lnTo>
                    <a:pt x="1876" y="106"/>
                  </a:lnTo>
                  <a:lnTo>
                    <a:pt x="1934" y="90"/>
                  </a:lnTo>
                  <a:lnTo>
                    <a:pt x="1993" y="76"/>
                  </a:lnTo>
                  <a:lnTo>
                    <a:pt x="2051" y="62"/>
                  </a:lnTo>
                  <a:lnTo>
                    <a:pt x="2111" y="50"/>
                  </a:lnTo>
                  <a:lnTo>
                    <a:pt x="2171" y="39"/>
                  </a:lnTo>
                  <a:lnTo>
                    <a:pt x="2232" y="30"/>
                  </a:lnTo>
                  <a:lnTo>
                    <a:pt x="2292" y="21"/>
                  </a:lnTo>
                  <a:lnTo>
                    <a:pt x="2354" y="14"/>
                  </a:lnTo>
                  <a:lnTo>
                    <a:pt x="2415" y="9"/>
                  </a:lnTo>
                  <a:lnTo>
                    <a:pt x="2478" y="5"/>
                  </a:lnTo>
                  <a:lnTo>
                    <a:pt x="2478" y="5"/>
                  </a:lnTo>
                  <a:lnTo>
                    <a:pt x="2478" y="5"/>
                  </a:lnTo>
                  <a:lnTo>
                    <a:pt x="2479" y="5"/>
                  </a:lnTo>
                  <a:lnTo>
                    <a:pt x="2481" y="5"/>
                  </a:lnTo>
                  <a:lnTo>
                    <a:pt x="2481" y="5"/>
                  </a:lnTo>
                  <a:lnTo>
                    <a:pt x="2482" y="5"/>
                  </a:lnTo>
                  <a:lnTo>
                    <a:pt x="2482" y="5"/>
                  </a:lnTo>
                  <a:lnTo>
                    <a:pt x="2482" y="5"/>
                  </a:lnTo>
                  <a:lnTo>
                    <a:pt x="2486" y="4"/>
                  </a:lnTo>
                  <a:lnTo>
                    <a:pt x="2486" y="4"/>
                  </a:lnTo>
                  <a:lnTo>
                    <a:pt x="2486" y="4"/>
                  </a:lnTo>
                  <a:lnTo>
                    <a:pt x="2488" y="4"/>
                  </a:lnTo>
                  <a:lnTo>
                    <a:pt x="2488" y="4"/>
                  </a:lnTo>
                  <a:lnTo>
                    <a:pt x="2488" y="4"/>
                  </a:lnTo>
                  <a:lnTo>
                    <a:pt x="2488" y="4"/>
                  </a:lnTo>
                  <a:lnTo>
                    <a:pt x="2490" y="4"/>
                  </a:lnTo>
                  <a:lnTo>
                    <a:pt x="2490" y="4"/>
                  </a:lnTo>
                  <a:lnTo>
                    <a:pt x="2491" y="4"/>
                  </a:lnTo>
                  <a:lnTo>
                    <a:pt x="2491" y="4"/>
                  </a:lnTo>
                  <a:lnTo>
                    <a:pt x="2492" y="4"/>
                  </a:lnTo>
                  <a:lnTo>
                    <a:pt x="2492" y="4"/>
                  </a:lnTo>
                  <a:lnTo>
                    <a:pt x="2492" y="4"/>
                  </a:lnTo>
                  <a:lnTo>
                    <a:pt x="2492" y="4"/>
                  </a:lnTo>
                  <a:lnTo>
                    <a:pt x="2494" y="4"/>
                  </a:lnTo>
                  <a:lnTo>
                    <a:pt x="2494" y="4"/>
                  </a:lnTo>
                  <a:lnTo>
                    <a:pt x="2494" y="4"/>
                  </a:lnTo>
                  <a:lnTo>
                    <a:pt x="2494" y="4"/>
                  </a:lnTo>
                  <a:lnTo>
                    <a:pt x="2496" y="4"/>
                  </a:lnTo>
                  <a:lnTo>
                    <a:pt x="2496" y="4"/>
                  </a:lnTo>
                  <a:lnTo>
                    <a:pt x="2496" y="4"/>
                  </a:lnTo>
                  <a:lnTo>
                    <a:pt x="2496" y="4"/>
                  </a:lnTo>
                  <a:lnTo>
                    <a:pt x="2499" y="4"/>
                  </a:lnTo>
                  <a:lnTo>
                    <a:pt x="2499" y="4"/>
                  </a:lnTo>
                  <a:lnTo>
                    <a:pt x="2499" y="4"/>
                  </a:lnTo>
                  <a:lnTo>
                    <a:pt x="2499" y="4"/>
                  </a:lnTo>
                  <a:lnTo>
                    <a:pt x="2502" y="4"/>
                  </a:lnTo>
                  <a:lnTo>
                    <a:pt x="2503" y="4"/>
                  </a:lnTo>
                  <a:lnTo>
                    <a:pt x="2503" y="4"/>
                  </a:lnTo>
                  <a:lnTo>
                    <a:pt x="2504" y="4"/>
                  </a:lnTo>
                  <a:lnTo>
                    <a:pt x="2504" y="4"/>
                  </a:lnTo>
                  <a:lnTo>
                    <a:pt x="2504" y="4"/>
                  </a:lnTo>
                  <a:lnTo>
                    <a:pt x="2504" y="4"/>
                  </a:lnTo>
                  <a:lnTo>
                    <a:pt x="2506" y="4"/>
                  </a:lnTo>
                  <a:lnTo>
                    <a:pt x="2506" y="4"/>
                  </a:lnTo>
                  <a:lnTo>
                    <a:pt x="2506" y="4"/>
                  </a:lnTo>
                  <a:lnTo>
                    <a:pt x="2506" y="4"/>
                  </a:lnTo>
                  <a:lnTo>
                    <a:pt x="2524" y="3"/>
                  </a:lnTo>
                  <a:lnTo>
                    <a:pt x="2524" y="3"/>
                  </a:lnTo>
                  <a:lnTo>
                    <a:pt x="2524" y="3"/>
                  </a:lnTo>
                  <a:lnTo>
                    <a:pt x="2527" y="3"/>
                  </a:lnTo>
                  <a:lnTo>
                    <a:pt x="2527" y="3"/>
                  </a:lnTo>
                  <a:lnTo>
                    <a:pt x="2527" y="3"/>
                  </a:lnTo>
                  <a:lnTo>
                    <a:pt x="2527" y="3"/>
                  </a:lnTo>
                  <a:lnTo>
                    <a:pt x="2529" y="3"/>
                  </a:lnTo>
                  <a:lnTo>
                    <a:pt x="2529" y="3"/>
                  </a:lnTo>
                  <a:lnTo>
                    <a:pt x="2529" y="3"/>
                  </a:lnTo>
                  <a:lnTo>
                    <a:pt x="2529" y="3"/>
                  </a:lnTo>
                  <a:lnTo>
                    <a:pt x="2530" y="3"/>
                  </a:lnTo>
                  <a:lnTo>
                    <a:pt x="2530" y="3"/>
                  </a:lnTo>
                  <a:lnTo>
                    <a:pt x="2531" y="3"/>
                  </a:lnTo>
                  <a:lnTo>
                    <a:pt x="2531" y="3"/>
                  </a:lnTo>
                  <a:lnTo>
                    <a:pt x="2532" y="3"/>
                  </a:lnTo>
                  <a:lnTo>
                    <a:pt x="2532" y="3"/>
                  </a:lnTo>
                  <a:lnTo>
                    <a:pt x="2533" y="3"/>
                  </a:lnTo>
                  <a:lnTo>
                    <a:pt x="2533" y="3"/>
                  </a:lnTo>
                  <a:lnTo>
                    <a:pt x="2534" y="3"/>
                  </a:lnTo>
                  <a:lnTo>
                    <a:pt x="2534" y="3"/>
                  </a:lnTo>
                  <a:lnTo>
                    <a:pt x="2536" y="3"/>
                  </a:lnTo>
                  <a:lnTo>
                    <a:pt x="2536" y="3"/>
                  </a:lnTo>
                  <a:lnTo>
                    <a:pt x="2537" y="1"/>
                  </a:lnTo>
                  <a:lnTo>
                    <a:pt x="2537" y="1"/>
                  </a:lnTo>
                  <a:lnTo>
                    <a:pt x="2537" y="1"/>
                  </a:lnTo>
                  <a:lnTo>
                    <a:pt x="2537" y="1"/>
                  </a:lnTo>
                  <a:lnTo>
                    <a:pt x="2539" y="1"/>
                  </a:lnTo>
                  <a:lnTo>
                    <a:pt x="2539" y="1"/>
                  </a:lnTo>
                  <a:lnTo>
                    <a:pt x="2539" y="1"/>
                  </a:lnTo>
                  <a:lnTo>
                    <a:pt x="2539" y="1"/>
                  </a:lnTo>
                  <a:lnTo>
                    <a:pt x="2540" y="1"/>
                  </a:lnTo>
                  <a:lnTo>
                    <a:pt x="2540" y="1"/>
                  </a:lnTo>
                  <a:lnTo>
                    <a:pt x="2541" y="1"/>
                  </a:lnTo>
                  <a:lnTo>
                    <a:pt x="2541" y="1"/>
                  </a:lnTo>
                  <a:lnTo>
                    <a:pt x="2542" y="1"/>
                  </a:lnTo>
                  <a:lnTo>
                    <a:pt x="2542" y="1"/>
                  </a:lnTo>
                  <a:lnTo>
                    <a:pt x="2543" y="1"/>
                  </a:lnTo>
                  <a:lnTo>
                    <a:pt x="2543" y="1"/>
                  </a:lnTo>
                  <a:lnTo>
                    <a:pt x="2544" y="1"/>
                  </a:lnTo>
                  <a:lnTo>
                    <a:pt x="2544" y="1"/>
                  </a:lnTo>
                  <a:lnTo>
                    <a:pt x="2546" y="1"/>
                  </a:lnTo>
                  <a:lnTo>
                    <a:pt x="2546" y="1"/>
                  </a:lnTo>
                  <a:lnTo>
                    <a:pt x="2547" y="1"/>
                  </a:lnTo>
                  <a:lnTo>
                    <a:pt x="2547" y="1"/>
                  </a:lnTo>
                  <a:lnTo>
                    <a:pt x="2548" y="1"/>
                  </a:lnTo>
                  <a:lnTo>
                    <a:pt x="2548" y="1"/>
                  </a:lnTo>
                  <a:lnTo>
                    <a:pt x="2549" y="1"/>
                  </a:lnTo>
                  <a:lnTo>
                    <a:pt x="2549" y="1"/>
                  </a:lnTo>
                  <a:lnTo>
                    <a:pt x="2549" y="1"/>
                  </a:lnTo>
                  <a:lnTo>
                    <a:pt x="2549" y="1"/>
                  </a:lnTo>
                  <a:lnTo>
                    <a:pt x="2551" y="1"/>
                  </a:lnTo>
                  <a:lnTo>
                    <a:pt x="2551" y="1"/>
                  </a:lnTo>
                  <a:lnTo>
                    <a:pt x="2551" y="1"/>
                  </a:lnTo>
                  <a:lnTo>
                    <a:pt x="2551" y="1"/>
                  </a:lnTo>
                  <a:lnTo>
                    <a:pt x="2552" y="1"/>
                  </a:lnTo>
                  <a:lnTo>
                    <a:pt x="2552" y="1"/>
                  </a:lnTo>
                  <a:lnTo>
                    <a:pt x="2553" y="1"/>
                  </a:lnTo>
                  <a:lnTo>
                    <a:pt x="2553" y="1"/>
                  </a:lnTo>
                  <a:lnTo>
                    <a:pt x="2555" y="1"/>
                  </a:lnTo>
                  <a:lnTo>
                    <a:pt x="2555" y="1"/>
                  </a:lnTo>
                  <a:lnTo>
                    <a:pt x="2556" y="1"/>
                  </a:lnTo>
                  <a:lnTo>
                    <a:pt x="2556" y="1"/>
                  </a:lnTo>
                  <a:lnTo>
                    <a:pt x="2557" y="1"/>
                  </a:lnTo>
                  <a:lnTo>
                    <a:pt x="2557" y="1"/>
                  </a:lnTo>
                  <a:lnTo>
                    <a:pt x="2558" y="1"/>
                  </a:lnTo>
                  <a:lnTo>
                    <a:pt x="2558" y="1"/>
                  </a:lnTo>
                  <a:lnTo>
                    <a:pt x="2559" y="1"/>
                  </a:lnTo>
                  <a:lnTo>
                    <a:pt x="2559" y="1"/>
                  </a:lnTo>
                  <a:lnTo>
                    <a:pt x="2560" y="1"/>
                  </a:lnTo>
                  <a:lnTo>
                    <a:pt x="2560" y="1"/>
                  </a:lnTo>
                  <a:lnTo>
                    <a:pt x="2561" y="1"/>
                  </a:lnTo>
                  <a:lnTo>
                    <a:pt x="2561" y="1"/>
                  </a:lnTo>
                  <a:lnTo>
                    <a:pt x="2562" y="1"/>
                  </a:lnTo>
                  <a:lnTo>
                    <a:pt x="2562" y="1"/>
                  </a:lnTo>
                  <a:lnTo>
                    <a:pt x="2564" y="1"/>
                  </a:lnTo>
                  <a:lnTo>
                    <a:pt x="2564" y="1"/>
                  </a:lnTo>
                  <a:lnTo>
                    <a:pt x="2565" y="1"/>
                  </a:lnTo>
                  <a:lnTo>
                    <a:pt x="2565" y="1"/>
                  </a:lnTo>
                  <a:lnTo>
                    <a:pt x="2566" y="1"/>
                  </a:lnTo>
                  <a:lnTo>
                    <a:pt x="2566" y="1"/>
                  </a:lnTo>
                  <a:lnTo>
                    <a:pt x="2566" y="1"/>
                  </a:lnTo>
                  <a:lnTo>
                    <a:pt x="2566" y="1"/>
                  </a:lnTo>
                  <a:lnTo>
                    <a:pt x="2567" y="1"/>
                  </a:lnTo>
                  <a:lnTo>
                    <a:pt x="2567" y="1"/>
                  </a:lnTo>
                  <a:lnTo>
                    <a:pt x="2568" y="1"/>
                  </a:lnTo>
                  <a:lnTo>
                    <a:pt x="2568" y="1"/>
                  </a:lnTo>
                  <a:lnTo>
                    <a:pt x="2569" y="1"/>
                  </a:lnTo>
                  <a:lnTo>
                    <a:pt x="2569" y="1"/>
                  </a:lnTo>
                  <a:lnTo>
                    <a:pt x="2571" y="1"/>
                  </a:lnTo>
                  <a:lnTo>
                    <a:pt x="2571" y="1"/>
                  </a:lnTo>
                  <a:lnTo>
                    <a:pt x="2571" y="1"/>
                  </a:lnTo>
                  <a:lnTo>
                    <a:pt x="2571" y="1"/>
                  </a:lnTo>
                  <a:lnTo>
                    <a:pt x="2573" y="1"/>
                  </a:lnTo>
                  <a:lnTo>
                    <a:pt x="2573" y="1"/>
                  </a:lnTo>
                  <a:lnTo>
                    <a:pt x="2575" y="1"/>
                  </a:lnTo>
                  <a:lnTo>
                    <a:pt x="2575" y="1"/>
                  </a:lnTo>
                  <a:lnTo>
                    <a:pt x="2576" y="1"/>
                  </a:lnTo>
                  <a:lnTo>
                    <a:pt x="2576" y="1"/>
                  </a:lnTo>
                  <a:lnTo>
                    <a:pt x="2577" y="0"/>
                  </a:lnTo>
                  <a:lnTo>
                    <a:pt x="2577" y="0"/>
                  </a:lnTo>
                  <a:lnTo>
                    <a:pt x="2578" y="0"/>
                  </a:lnTo>
                  <a:lnTo>
                    <a:pt x="2578" y="0"/>
                  </a:lnTo>
                  <a:lnTo>
                    <a:pt x="2578" y="0"/>
                  </a:lnTo>
                  <a:lnTo>
                    <a:pt x="2578" y="0"/>
                  </a:lnTo>
                  <a:lnTo>
                    <a:pt x="2579" y="0"/>
                  </a:lnTo>
                  <a:lnTo>
                    <a:pt x="2579" y="0"/>
                  </a:lnTo>
                  <a:lnTo>
                    <a:pt x="2580" y="0"/>
                  </a:lnTo>
                  <a:lnTo>
                    <a:pt x="2580" y="0"/>
                  </a:lnTo>
                  <a:lnTo>
                    <a:pt x="2582" y="0"/>
                  </a:lnTo>
                  <a:lnTo>
                    <a:pt x="2582" y="0"/>
                  </a:lnTo>
                  <a:lnTo>
                    <a:pt x="2583" y="0"/>
                  </a:lnTo>
                  <a:lnTo>
                    <a:pt x="2583" y="0"/>
                  </a:lnTo>
                  <a:lnTo>
                    <a:pt x="2584" y="0"/>
                  </a:lnTo>
                  <a:lnTo>
                    <a:pt x="2584" y="0"/>
                  </a:lnTo>
                  <a:lnTo>
                    <a:pt x="2585" y="0"/>
                  </a:lnTo>
                  <a:lnTo>
                    <a:pt x="2585" y="0"/>
                  </a:lnTo>
                  <a:lnTo>
                    <a:pt x="2586" y="0"/>
                  </a:lnTo>
                  <a:lnTo>
                    <a:pt x="2586" y="0"/>
                  </a:lnTo>
                  <a:lnTo>
                    <a:pt x="2587" y="0"/>
                  </a:lnTo>
                  <a:lnTo>
                    <a:pt x="2587" y="0"/>
                  </a:lnTo>
                  <a:lnTo>
                    <a:pt x="2588" y="0"/>
                  </a:lnTo>
                  <a:lnTo>
                    <a:pt x="2588" y="0"/>
                  </a:lnTo>
                  <a:lnTo>
                    <a:pt x="2589" y="0"/>
                  </a:lnTo>
                  <a:lnTo>
                    <a:pt x="2589" y="0"/>
                  </a:lnTo>
                  <a:lnTo>
                    <a:pt x="2590" y="0"/>
                  </a:lnTo>
                  <a:lnTo>
                    <a:pt x="2590" y="0"/>
                  </a:lnTo>
                  <a:lnTo>
                    <a:pt x="2592" y="0"/>
                  </a:lnTo>
                  <a:lnTo>
                    <a:pt x="2592" y="0"/>
                  </a:lnTo>
                  <a:lnTo>
                    <a:pt x="2593" y="0"/>
                  </a:lnTo>
                  <a:lnTo>
                    <a:pt x="2593" y="0"/>
                  </a:lnTo>
                  <a:lnTo>
                    <a:pt x="2594" y="0"/>
                  </a:lnTo>
                  <a:lnTo>
                    <a:pt x="2594" y="0"/>
                  </a:lnTo>
                  <a:lnTo>
                    <a:pt x="2594" y="0"/>
                  </a:lnTo>
                  <a:lnTo>
                    <a:pt x="2594" y="0"/>
                  </a:lnTo>
                  <a:lnTo>
                    <a:pt x="2595" y="0"/>
                  </a:lnTo>
                  <a:lnTo>
                    <a:pt x="2595" y="0"/>
                  </a:lnTo>
                  <a:lnTo>
                    <a:pt x="2596" y="0"/>
                  </a:lnTo>
                  <a:lnTo>
                    <a:pt x="2596" y="0"/>
                  </a:lnTo>
                  <a:lnTo>
                    <a:pt x="2597" y="0"/>
                  </a:lnTo>
                  <a:lnTo>
                    <a:pt x="2597" y="0"/>
                  </a:lnTo>
                  <a:lnTo>
                    <a:pt x="2598" y="0"/>
                  </a:lnTo>
                  <a:lnTo>
                    <a:pt x="2598" y="0"/>
                  </a:lnTo>
                  <a:lnTo>
                    <a:pt x="2599" y="0"/>
                  </a:lnTo>
                  <a:lnTo>
                    <a:pt x="2599" y="0"/>
                  </a:lnTo>
                  <a:lnTo>
                    <a:pt x="2601" y="0"/>
                  </a:lnTo>
                  <a:lnTo>
                    <a:pt x="2601" y="0"/>
                  </a:lnTo>
                  <a:lnTo>
                    <a:pt x="2602" y="0"/>
                  </a:lnTo>
                  <a:lnTo>
                    <a:pt x="2602" y="0"/>
                  </a:lnTo>
                  <a:lnTo>
                    <a:pt x="2603" y="0"/>
                  </a:lnTo>
                  <a:lnTo>
                    <a:pt x="2603" y="0"/>
                  </a:lnTo>
                  <a:lnTo>
                    <a:pt x="2604" y="0"/>
                  </a:lnTo>
                  <a:lnTo>
                    <a:pt x="2604" y="0"/>
                  </a:lnTo>
                  <a:lnTo>
                    <a:pt x="2605" y="0"/>
                  </a:lnTo>
                  <a:lnTo>
                    <a:pt x="2605" y="0"/>
                  </a:lnTo>
                  <a:lnTo>
                    <a:pt x="2606" y="0"/>
                  </a:lnTo>
                  <a:lnTo>
                    <a:pt x="2606" y="0"/>
                  </a:lnTo>
                  <a:lnTo>
                    <a:pt x="2607" y="0"/>
                  </a:lnTo>
                  <a:lnTo>
                    <a:pt x="2607" y="0"/>
                  </a:lnTo>
                  <a:lnTo>
                    <a:pt x="2608" y="0"/>
                  </a:lnTo>
                  <a:lnTo>
                    <a:pt x="2608" y="0"/>
                  </a:lnTo>
                  <a:lnTo>
                    <a:pt x="2608" y="0"/>
                  </a:lnTo>
                  <a:lnTo>
                    <a:pt x="2608" y="0"/>
                  </a:lnTo>
                  <a:lnTo>
                    <a:pt x="2610" y="0"/>
                  </a:lnTo>
                  <a:lnTo>
                    <a:pt x="2610" y="0"/>
                  </a:lnTo>
                  <a:lnTo>
                    <a:pt x="2611" y="0"/>
                  </a:lnTo>
                  <a:lnTo>
                    <a:pt x="2611" y="0"/>
                  </a:lnTo>
                  <a:lnTo>
                    <a:pt x="2612" y="0"/>
                  </a:lnTo>
                  <a:lnTo>
                    <a:pt x="2612" y="0"/>
                  </a:lnTo>
                  <a:lnTo>
                    <a:pt x="2613" y="0"/>
                  </a:lnTo>
                  <a:lnTo>
                    <a:pt x="2613" y="0"/>
                  </a:lnTo>
                  <a:lnTo>
                    <a:pt x="2614" y="0"/>
                  </a:lnTo>
                  <a:lnTo>
                    <a:pt x="2614" y="0"/>
                  </a:lnTo>
                  <a:lnTo>
                    <a:pt x="2615" y="0"/>
                  </a:lnTo>
                  <a:lnTo>
                    <a:pt x="2615" y="0"/>
                  </a:lnTo>
                  <a:lnTo>
                    <a:pt x="2616" y="0"/>
                  </a:lnTo>
                  <a:lnTo>
                    <a:pt x="2616" y="0"/>
                  </a:lnTo>
                  <a:lnTo>
                    <a:pt x="2617" y="0"/>
                  </a:lnTo>
                  <a:lnTo>
                    <a:pt x="2617" y="0"/>
                  </a:lnTo>
                  <a:lnTo>
                    <a:pt x="2619" y="0"/>
                  </a:lnTo>
                  <a:lnTo>
                    <a:pt x="2619" y="0"/>
                  </a:lnTo>
                  <a:lnTo>
                    <a:pt x="2620" y="0"/>
                  </a:lnTo>
                  <a:lnTo>
                    <a:pt x="2620" y="0"/>
                  </a:lnTo>
                  <a:lnTo>
                    <a:pt x="2621" y="0"/>
                  </a:lnTo>
                  <a:lnTo>
                    <a:pt x="2621" y="0"/>
                  </a:lnTo>
                  <a:lnTo>
                    <a:pt x="2622" y="0"/>
                  </a:lnTo>
                  <a:lnTo>
                    <a:pt x="2622" y="0"/>
                  </a:lnTo>
                  <a:lnTo>
                    <a:pt x="2623" y="0"/>
                  </a:lnTo>
                  <a:lnTo>
                    <a:pt x="2623" y="0"/>
                  </a:lnTo>
                  <a:lnTo>
                    <a:pt x="2624" y="0"/>
                  </a:lnTo>
                  <a:lnTo>
                    <a:pt x="2624" y="0"/>
                  </a:lnTo>
                  <a:lnTo>
                    <a:pt x="2624" y="0"/>
                  </a:lnTo>
                  <a:lnTo>
                    <a:pt x="2624" y="0"/>
                  </a:lnTo>
                  <a:lnTo>
                    <a:pt x="2626" y="0"/>
                  </a:lnTo>
                  <a:lnTo>
                    <a:pt x="2626" y="0"/>
                  </a:lnTo>
                  <a:lnTo>
                    <a:pt x="2626" y="0"/>
                  </a:lnTo>
                  <a:lnTo>
                    <a:pt x="2626" y="0"/>
                  </a:lnTo>
                  <a:lnTo>
                    <a:pt x="2629" y="0"/>
                  </a:lnTo>
                  <a:lnTo>
                    <a:pt x="2629" y="0"/>
                  </a:lnTo>
                  <a:lnTo>
                    <a:pt x="2629" y="0"/>
                  </a:lnTo>
                  <a:lnTo>
                    <a:pt x="2629" y="0"/>
                  </a:lnTo>
                  <a:lnTo>
                    <a:pt x="2631"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3" name="Freeform 293">
              <a:extLst>
                <a:ext uri="{FF2B5EF4-FFF2-40B4-BE49-F238E27FC236}">
                  <a16:creationId xmlns:a16="http://schemas.microsoft.com/office/drawing/2014/main" xmlns="" id="{D2F524A6-A3E2-524A-820A-6621F867E6C0}"/>
                </a:ext>
              </a:extLst>
            </p:cNvPr>
            <p:cNvSpPr>
              <a:spLocks/>
            </p:cNvSpPr>
            <p:nvPr/>
          </p:nvSpPr>
          <p:spPr bwMode="auto">
            <a:xfrm flipH="1">
              <a:off x="9078145" y="2810383"/>
              <a:ext cx="189007" cy="1939485"/>
            </a:xfrm>
            <a:custGeom>
              <a:avLst/>
              <a:gdLst>
                <a:gd name="T0" fmla="*/ 214 w 214"/>
                <a:gd name="T1" fmla="*/ 2 h 2132"/>
                <a:gd name="T2" fmla="*/ 0 w 214"/>
                <a:gd name="T3" fmla="*/ 0 h 2132"/>
                <a:gd name="T4" fmla="*/ 84 w 214"/>
                <a:gd name="T5" fmla="*/ 2132 h 2132"/>
                <a:gd name="T6" fmla="*/ 132 w 214"/>
                <a:gd name="T7" fmla="*/ 2132 h 2132"/>
                <a:gd name="T8" fmla="*/ 214 w 214"/>
                <a:gd name="T9" fmla="*/ 2 h 2132"/>
              </a:gdLst>
              <a:ahLst/>
              <a:cxnLst>
                <a:cxn ang="0">
                  <a:pos x="T0" y="T1"/>
                </a:cxn>
                <a:cxn ang="0">
                  <a:pos x="T2" y="T3"/>
                </a:cxn>
                <a:cxn ang="0">
                  <a:pos x="T4" y="T5"/>
                </a:cxn>
                <a:cxn ang="0">
                  <a:pos x="T6" y="T7"/>
                </a:cxn>
                <a:cxn ang="0">
                  <a:pos x="T8" y="T9"/>
                </a:cxn>
              </a:cxnLst>
              <a:rect l="0" t="0" r="r" b="b"/>
              <a:pathLst>
                <a:path w="214" h="2132">
                  <a:moveTo>
                    <a:pt x="214" y="2"/>
                  </a:moveTo>
                  <a:lnTo>
                    <a:pt x="0" y="0"/>
                  </a:lnTo>
                  <a:lnTo>
                    <a:pt x="84" y="2132"/>
                  </a:lnTo>
                  <a:lnTo>
                    <a:pt x="132" y="2132"/>
                  </a:lnTo>
                  <a:lnTo>
                    <a:pt x="214" y="2"/>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4" name="Freeform 294">
              <a:extLst>
                <a:ext uri="{FF2B5EF4-FFF2-40B4-BE49-F238E27FC236}">
                  <a16:creationId xmlns:a16="http://schemas.microsoft.com/office/drawing/2014/main" xmlns="" id="{2743D639-57F2-7B45-B5A4-49BD89CD5E8C}"/>
                </a:ext>
              </a:extLst>
            </p:cNvPr>
            <p:cNvSpPr>
              <a:spLocks/>
            </p:cNvSpPr>
            <p:nvPr/>
          </p:nvSpPr>
          <p:spPr bwMode="auto">
            <a:xfrm flipH="1">
              <a:off x="8658130" y="2727443"/>
              <a:ext cx="2278582" cy="829385"/>
            </a:xfrm>
            <a:custGeom>
              <a:avLst/>
              <a:gdLst>
                <a:gd name="T0" fmla="*/ 2556 w 2609"/>
                <a:gd name="T1" fmla="*/ 913 h 913"/>
                <a:gd name="T2" fmla="*/ 2609 w 2609"/>
                <a:gd name="T3" fmla="*/ 764 h 913"/>
                <a:gd name="T4" fmla="*/ 11 w 2609"/>
                <a:gd name="T5" fmla="*/ 0 h 913"/>
                <a:gd name="T6" fmla="*/ 0 w 2609"/>
                <a:gd name="T7" fmla="*/ 32 h 913"/>
                <a:gd name="T8" fmla="*/ 2556 w 2609"/>
                <a:gd name="T9" fmla="*/ 913 h 913"/>
              </a:gdLst>
              <a:ahLst/>
              <a:cxnLst>
                <a:cxn ang="0">
                  <a:pos x="T0" y="T1"/>
                </a:cxn>
                <a:cxn ang="0">
                  <a:pos x="T2" y="T3"/>
                </a:cxn>
                <a:cxn ang="0">
                  <a:pos x="T4" y="T5"/>
                </a:cxn>
                <a:cxn ang="0">
                  <a:pos x="T6" y="T7"/>
                </a:cxn>
                <a:cxn ang="0">
                  <a:pos x="T8" y="T9"/>
                </a:cxn>
              </a:cxnLst>
              <a:rect l="0" t="0" r="r" b="b"/>
              <a:pathLst>
                <a:path w="2609" h="913">
                  <a:moveTo>
                    <a:pt x="2556" y="913"/>
                  </a:moveTo>
                  <a:lnTo>
                    <a:pt x="2609" y="764"/>
                  </a:lnTo>
                  <a:lnTo>
                    <a:pt x="11" y="0"/>
                  </a:lnTo>
                  <a:lnTo>
                    <a:pt x="0" y="32"/>
                  </a:lnTo>
                  <a:lnTo>
                    <a:pt x="2556" y="913"/>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5" name="Freeform 295">
              <a:extLst>
                <a:ext uri="{FF2B5EF4-FFF2-40B4-BE49-F238E27FC236}">
                  <a16:creationId xmlns:a16="http://schemas.microsoft.com/office/drawing/2014/main" xmlns="" id="{CB534DA2-28F5-BD48-A29E-1BA9950A6EB1}"/>
                </a:ext>
              </a:extLst>
            </p:cNvPr>
            <p:cNvSpPr>
              <a:spLocks/>
            </p:cNvSpPr>
            <p:nvPr/>
          </p:nvSpPr>
          <p:spPr bwMode="auto">
            <a:xfrm flipH="1">
              <a:off x="7886352" y="1987376"/>
              <a:ext cx="1585557" cy="1677909"/>
            </a:xfrm>
            <a:custGeom>
              <a:avLst/>
              <a:gdLst>
                <a:gd name="T0" fmla="*/ 51 w 1813"/>
                <a:gd name="T1" fmla="*/ 1843 h 1843"/>
                <a:gd name="T2" fmla="*/ 1813 w 1813"/>
                <a:gd name="T3" fmla="*/ 0 h 1843"/>
                <a:gd name="T4" fmla="*/ 0 w 1813"/>
                <a:gd name="T5" fmla="*/ 1797 h 1843"/>
                <a:gd name="T6" fmla="*/ 51 w 1813"/>
                <a:gd name="T7" fmla="*/ 1843 h 1843"/>
              </a:gdLst>
              <a:ahLst/>
              <a:cxnLst>
                <a:cxn ang="0">
                  <a:pos x="T0" y="T1"/>
                </a:cxn>
                <a:cxn ang="0">
                  <a:pos x="T2" y="T3"/>
                </a:cxn>
                <a:cxn ang="0">
                  <a:pos x="T4" y="T5"/>
                </a:cxn>
                <a:cxn ang="0">
                  <a:pos x="T6" y="T7"/>
                </a:cxn>
              </a:cxnLst>
              <a:rect l="0" t="0" r="r" b="b"/>
              <a:pathLst>
                <a:path w="1813" h="1843">
                  <a:moveTo>
                    <a:pt x="51" y="1843"/>
                  </a:moveTo>
                  <a:lnTo>
                    <a:pt x="1813" y="0"/>
                  </a:lnTo>
                  <a:lnTo>
                    <a:pt x="0" y="1797"/>
                  </a:lnTo>
                  <a:lnTo>
                    <a:pt x="51" y="1843"/>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6" name="Freeform 296">
              <a:extLst>
                <a:ext uri="{FF2B5EF4-FFF2-40B4-BE49-F238E27FC236}">
                  <a16:creationId xmlns:a16="http://schemas.microsoft.com/office/drawing/2014/main" xmlns="" id="{F23EBCF1-17D8-024C-A164-7296DFF4C265}"/>
                </a:ext>
              </a:extLst>
            </p:cNvPr>
            <p:cNvSpPr>
              <a:spLocks/>
            </p:cNvSpPr>
            <p:nvPr/>
          </p:nvSpPr>
          <p:spPr bwMode="auto">
            <a:xfrm flipH="1">
              <a:off x="8983641" y="3116615"/>
              <a:ext cx="378014" cy="376412"/>
            </a:xfrm>
            <a:custGeom>
              <a:avLst/>
              <a:gdLst>
                <a:gd name="T0" fmla="*/ 0 w 432"/>
                <a:gd name="T1" fmla="*/ 208 h 416"/>
                <a:gd name="T2" fmla="*/ 5 w 432"/>
                <a:gd name="T3" fmla="*/ 249 h 416"/>
                <a:gd name="T4" fmla="*/ 17 w 432"/>
                <a:gd name="T5" fmla="*/ 289 h 416"/>
                <a:gd name="T6" fmla="*/ 37 w 432"/>
                <a:gd name="T7" fmla="*/ 324 h 416"/>
                <a:gd name="T8" fmla="*/ 63 w 432"/>
                <a:gd name="T9" fmla="*/ 355 h 416"/>
                <a:gd name="T10" fmla="*/ 96 w 432"/>
                <a:gd name="T11" fmla="*/ 380 h 416"/>
                <a:gd name="T12" fmla="*/ 131 w 432"/>
                <a:gd name="T13" fmla="*/ 399 h 416"/>
                <a:gd name="T14" fmla="*/ 173 w 432"/>
                <a:gd name="T15" fmla="*/ 411 h 416"/>
                <a:gd name="T16" fmla="*/ 216 w 432"/>
                <a:gd name="T17" fmla="*/ 416 h 416"/>
                <a:gd name="T18" fmla="*/ 238 w 432"/>
                <a:gd name="T19" fmla="*/ 414 h 416"/>
                <a:gd name="T20" fmla="*/ 279 w 432"/>
                <a:gd name="T21" fmla="*/ 406 h 416"/>
                <a:gd name="T22" fmla="*/ 319 w 432"/>
                <a:gd name="T23" fmla="*/ 391 h 416"/>
                <a:gd name="T24" fmla="*/ 354 w 432"/>
                <a:gd name="T25" fmla="*/ 368 h 416"/>
                <a:gd name="T26" fmla="*/ 383 w 432"/>
                <a:gd name="T27" fmla="*/ 340 h 416"/>
                <a:gd name="T28" fmla="*/ 405 w 432"/>
                <a:gd name="T29" fmla="*/ 306 h 416"/>
                <a:gd name="T30" fmla="*/ 422 w 432"/>
                <a:gd name="T31" fmla="*/ 270 h 416"/>
                <a:gd name="T32" fmla="*/ 431 w 432"/>
                <a:gd name="T33" fmla="*/ 229 h 416"/>
                <a:gd name="T34" fmla="*/ 432 w 432"/>
                <a:gd name="T35" fmla="*/ 208 h 416"/>
                <a:gd name="T36" fmla="*/ 428 w 432"/>
                <a:gd name="T37" fmla="*/ 166 h 416"/>
                <a:gd name="T38" fmla="*/ 414 w 432"/>
                <a:gd name="T39" fmla="*/ 127 h 416"/>
                <a:gd name="T40" fmla="*/ 395 w 432"/>
                <a:gd name="T41" fmla="*/ 92 h 416"/>
                <a:gd name="T42" fmla="*/ 368 w 432"/>
                <a:gd name="T43" fmla="*/ 61 h 416"/>
                <a:gd name="T44" fmla="*/ 337 w 432"/>
                <a:gd name="T45" fmla="*/ 35 h 416"/>
                <a:gd name="T46" fmla="*/ 300 w 432"/>
                <a:gd name="T47" fmla="*/ 17 h 416"/>
                <a:gd name="T48" fmla="*/ 259 w 432"/>
                <a:gd name="T49" fmla="*/ 4 h 416"/>
                <a:gd name="T50" fmla="*/ 216 w 432"/>
                <a:gd name="T51" fmla="*/ 0 h 416"/>
                <a:gd name="T52" fmla="*/ 194 w 432"/>
                <a:gd name="T53" fmla="*/ 1 h 416"/>
                <a:gd name="T54" fmla="*/ 152 w 432"/>
                <a:gd name="T55" fmla="*/ 9 h 416"/>
                <a:gd name="T56" fmla="*/ 113 w 432"/>
                <a:gd name="T57" fmla="*/ 26 h 416"/>
                <a:gd name="T58" fmla="*/ 79 w 432"/>
                <a:gd name="T59" fmla="*/ 47 h 416"/>
                <a:gd name="T60" fmla="*/ 50 w 432"/>
                <a:gd name="T61" fmla="*/ 75 h 416"/>
                <a:gd name="T62" fmla="*/ 26 w 432"/>
                <a:gd name="T63" fmla="*/ 109 h 416"/>
                <a:gd name="T64" fmla="*/ 10 w 432"/>
                <a:gd name="T65" fmla="*/ 147 h 416"/>
                <a:gd name="T66" fmla="*/ 1 w 432"/>
                <a:gd name="T67" fmla="*/ 187 h 416"/>
                <a:gd name="T68" fmla="*/ 0 w 432"/>
                <a:gd name="T69" fmla="*/ 208 h 4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32" h="416">
                  <a:moveTo>
                    <a:pt x="0" y="208"/>
                  </a:moveTo>
                  <a:lnTo>
                    <a:pt x="0" y="208"/>
                  </a:lnTo>
                  <a:lnTo>
                    <a:pt x="1" y="229"/>
                  </a:lnTo>
                  <a:lnTo>
                    <a:pt x="5" y="249"/>
                  </a:lnTo>
                  <a:lnTo>
                    <a:pt x="10" y="270"/>
                  </a:lnTo>
                  <a:lnTo>
                    <a:pt x="17" y="289"/>
                  </a:lnTo>
                  <a:lnTo>
                    <a:pt x="26" y="306"/>
                  </a:lnTo>
                  <a:lnTo>
                    <a:pt x="37" y="324"/>
                  </a:lnTo>
                  <a:lnTo>
                    <a:pt x="50" y="340"/>
                  </a:lnTo>
                  <a:lnTo>
                    <a:pt x="63" y="355"/>
                  </a:lnTo>
                  <a:lnTo>
                    <a:pt x="79" y="368"/>
                  </a:lnTo>
                  <a:lnTo>
                    <a:pt x="96" y="380"/>
                  </a:lnTo>
                  <a:lnTo>
                    <a:pt x="113" y="391"/>
                  </a:lnTo>
                  <a:lnTo>
                    <a:pt x="131" y="399"/>
                  </a:lnTo>
                  <a:lnTo>
                    <a:pt x="152" y="406"/>
                  </a:lnTo>
                  <a:lnTo>
                    <a:pt x="173" y="411"/>
                  </a:lnTo>
                  <a:lnTo>
                    <a:pt x="194" y="414"/>
                  </a:lnTo>
                  <a:lnTo>
                    <a:pt x="216" y="416"/>
                  </a:lnTo>
                  <a:lnTo>
                    <a:pt x="216" y="416"/>
                  </a:lnTo>
                  <a:lnTo>
                    <a:pt x="238" y="414"/>
                  </a:lnTo>
                  <a:lnTo>
                    <a:pt x="259" y="411"/>
                  </a:lnTo>
                  <a:lnTo>
                    <a:pt x="279" y="406"/>
                  </a:lnTo>
                  <a:lnTo>
                    <a:pt x="300" y="399"/>
                  </a:lnTo>
                  <a:lnTo>
                    <a:pt x="319" y="391"/>
                  </a:lnTo>
                  <a:lnTo>
                    <a:pt x="337" y="380"/>
                  </a:lnTo>
                  <a:lnTo>
                    <a:pt x="354" y="368"/>
                  </a:lnTo>
                  <a:lnTo>
                    <a:pt x="368" y="355"/>
                  </a:lnTo>
                  <a:lnTo>
                    <a:pt x="383" y="340"/>
                  </a:lnTo>
                  <a:lnTo>
                    <a:pt x="395" y="324"/>
                  </a:lnTo>
                  <a:lnTo>
                    <a:pt x="405" y="306"/>
                  </a:lnTo>
                  <a:lnTo>
                    <a:pt x="414" y="289"/>
                  </a:lnTo>
                  <a:lnTo>
                    <a:pt x="422" y="270"/>
                  </a:lnTo>
                  <a:lnTo>
                    <a:pt x="428" y="249"/>
                  </a:lnTo>
                  <a:lnTo>
                    <a:pt x="431" y="229"/>
                  </a:lnTo>
                  <a:lnTo>
                    <a:pt x="432" y="208"/>
                  </a:lnTo>
                  <a:lnTo>
                    <a:pt x="432" y="208"/>
                  </a:lnTo>
                  <a:lnTo>
                    <a:pt x="431" y="187"/>
                  </a:lnTo>
                  <a:lnTo>
                    <a:pt x="428" y="166"/>
                  </a:lnTo>
                  <a:lnTo>
                    <a:pt x="422" y="147"/>
                  </a:lnTo>
                  <a:lnTo>
                    <a:pt x="414" y="127"/>
                  </a:lnTo>
                  <a:lnTo>
                    <a:pt x="405" y="109"/>
                  </a:lnTo>
                  <a:lnTo>
                    <a:pt x="395" y="92"/>
                  </a:lnTo>
                  <a:lnTo>
                    <a:pt x="383" y="75"/>
                  </a:lnTo>
                  <a:lnTo>
                    <a:pt x="368" y="61"/>
                  </a:lnTo>
                  <a:lnTo>
                    <a:pt x="354" y="47"/>
                  </a:lnTo>
                  <a:lnTo>
                    <a:pt x="337" y="35"/>
                  </a:lnTo>
                  <a:lnTo>
                    <a:pt x="319" y="26"/>
                  </a:lnTo>
                  <a:lnTo>
                    <a:pt x="300" y="17"/>
                  </a:lnTo>
                  <a:lnTo>
                    <a:pt x="279" y="9"/>
                  </a:lnTo>
                  <a:lnTo>
                    <a:pt x="259" y="4"/>
                  </a:lnTo>
                  <a:lnTo>
                    <a:pt x="238" y="1"/>
                  </a:lnTo>
                  <a:lnTo>
                    <a:pt x="216" y="0"/>
                  </a:lnTo>
                  <a:lnTo>
                    <a:pt x="216" y="0"/>
                  </a:lnTo>
                  <a:lnTo>
                    <a:pt x="194" y="1"/>
                  </a:lnTo>
                  <a:lnTo>
                    <a:pt x="173" y="4"/>
                  </a:lnTo>
                  <a:lnTo>
                    <a:pt x="152" y="9"/>
                  </a:lnTo>
                  <a:lnTo>
                    <a:pt x="131" y="17"/>
                  </a:lnTo>
                  <a:lnTo>
                    <a:pt x="113" y="26"/>
                  </a:lnTo>
                  <a:lnTo>
                    <a:pt x="96" y="35"/>
                  </a:lnTo>
                  <a:lnTo>
                    <a:pt x="79" y="47"/>
                  </a:lnTo>
                  <a:lnTo>
                    <a:pt x="63" y="61"/>
                  </a:lnTo>
                  <a:lnTo>
                    <a:pt x="50" y="75"/>
                  </a:lnTo>
                  <a:lnTo>
                    <a:pt x="37" y="92"/>
                  </a:lnTo>
                  <a:lnTo>
                    <a:pt x="26" y="109"/>
                  </a:lnTo>
                  <a:lnTo>
                    <a:pt x="17" y="127"/>
                  </a:lnTo>
                  <a:lnTo>
                    <a:pt x="10" y="147"/>
                  </a:lnTo>
                  <a:lnTo>
                    <a:pt x="5" y="166"/>
                  </a:lnTo>
                  <a:lnTo>
                    <a:pt x="1" y="187"/>
                  </a:lnTo>
                  <a:lnTo>
                    <a:pt x="0" y="208"/>
                  </a:lnTo>
                  <a:lnTo>
                    <a:pt x="0" y="208"/>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7" name="Freeform 297">
              <a:extLst>
                <a:ext uri="{FF2B5EF4-FFF2-40B4-BE49-F238E27FC236}">
                  <a16:creationId xmlns:a16="http://schemas.microsoft.com/office/drawing/2014/main" xmlns="" id="{2717FF25-0E37-5D49-92A0-5E2138E9EFA1}"/>
                </a:ext>
              </a:extLst>
            </p:cNvPr>
            <p:cNvSpPr>
              <a:spLocks/>
            </p:cNvSpPr>
            <p:nvPr/>
          </p:nvSpPr>
          <p:spPr bwMode="auto">
            <a:xfrm flipH="1">
              <a:off x="9030893" y="3161274"/>
              <a:ext cx="283510" cy="287093"/>
            </a:xfrm>
            <a:custGeom>
              <a:avLst/>
              <a:gdLst>
                <a:gd name="T0" fmla="*/ 163 w 326"/>
                <a:gd name="T1" fmla="*/ 314 h 314"/>
                <a:gd name="T2" fmla="*/ 196 w 326"/>
                <a:gd name="T3" fmla="*/ 311 h 314"/>
                <a:gd name="T4" fmla="*/ 226 w 326"/>
                <a:gd name="T5" fmla="*/ 302 h 314"/>
                <a:gd name="T6" fmla="*/ 255 w 326"/>
                <a:gd name="T7" fmla="*/ 287 h 314"/>
                <a:gd name="T8" fmla="*/ 278 w 326"/>
                <a:gd name="T9" fmla="*/ 268 h 314"/>
                <a:gd name="T10" fmla="*/ 298 w 326"/>
                <a:gd name="T11" fmla="*/ 245 h 314"/>
                <a:gd name="T12" fmla="*/ 313 w 326"/>
                <a:gd name="T13" fmla="*/ 218 h 314"/>
                <a:gd name="T14" fmla="*/ 323 w 326"/>
                <a:gd name="T15" fmla="*/ 189 h 314"/>
                <a:gd name="T16" fmla="*/ 326 w 326"/>
                <a:gd name="T17" fmla="*/ 157 h 314"/>
                <a:gd name="T18" fmla="*/ 325 w 326"/>
                <a:gd name="T19" fmla="*/ 141 h 314"/>
                <a:gd name="T20" fmla="*/ 318 w 326"/>
                <a:gd name="T21" fmla="*/ 111 h 314"/>
                <a:gd name="T22" fmla="*/ 306 w 326"/>
                <a:gd name="T23" fmla="*/ 82 h 314"/>
                <a:gd name="T24" fmla="*/ 288 w 326"/>
                <a:gd name="T25" fmla="*/ 57 h 314"/>
                <a:gd name="T26" fmla="*/ 267 w 326"/>
                <a:gd name="T27" fmla="*/ 36 h 314"/>
                <a:gd name="T28" fmla="*/ 241 w 326"/>
                <a:gd name="T29" fmla="*/ 19 h 314"/>
                <a:gd name="T30" fmla="*/ 211 w 326"/>
                <a:gd name="T31" fmla="*/ 7 h 314"/>
                <a:gd name="T32" fmla="*/ 179 w 326"/>
                <a:gd name="T33" fmla="*/ 1 h 314"/>
                <a:gd name="T34" fmla="*/ 163 w 326"/>
                <a:gd name="T35" fmla="*/ 0 h 314"/>
                <a:gd name="T36" fmla="*/ 130 w 326"/>
                <a:gd name="T37" fmla="*/ 3 h 314"/>
                <a:gd name="T38" fmla="*/ 100 w 326"/>
                <a:gd name="T39" fmla="*/ 12 h 314"/>
                <a:gd name="T40" fmla="*/ 72 w 326"/>
                <a:gd name="T41" fmla="*/ 27 h 314"/>
                <a:gd name="T42" fmla="*/ 47 w 326"/>
                <a:gd name="T43" fmla="*/ 46 h 314"/>
                <a:gd name="T44" fmla="*/ 28 w 326"/>
                <a:gd name="T45" fmla="*/ 69 h 314"/>
                <a:gd name="T46" fmla="*/ 12 w 326"/>
                <a:gd name="T47" fmla="*/ 96 h 314"/>
                <a:gd name="T48" fmla="*/ 3 w 326"/>
                <a:gd name="T49" fmla="*/ 125 h 314"/>
                <a:gd name="T50" fmla="*/ 0 w 326"/>
                <a:gd name="T51" fmla="*/ 157 h 314"/>
                <a:gd name="T52" fmla="*/ 1 w 326"/>
                <a:gd name="T53" fmla="*/ 173 h 314"/>
                <a:gd name="T54" fmla="*/ 7 w 326"/>
                <a:gd name="T55" fmla="*/ 204 h 314"/>
                <a:gd name="T56" fmla="*/ 19 w 326"/>
                <a:gd name="T57" fmla="*/ 232 h 314"/>
                <a:gd name="T58" fmla="*/ 37 w 326"/>
                <a:gd name="T59" fmla="*/ 257 h 314"/>
                <a:gd name="T60" fmla="*/ 59 w 326"/>
                <a:gd name="T61" fmla="*/ 278 h 314"/>
                <a:gd name="T62" fmla="*/ 85 w 326"/>
                <a:gd name="T63" fmla="*/ 295 h 314"/>
                <a:gd name="T64" fmla="*/ 114 w 326"/>
                <a:gd name="T65" fmla="*/ 307 h 314"/>
                <a:gd name="T66" fmla="*/ 146 w 326"/>
                <a:gd name="T67" fmla="*/ 313 h 314"/>
                <a:gd name="T68" fmla="*/ 163 w 326"/>
                <a:gd name="T69" fmla="*/ 314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6" h="314">
                  <a:moveTo>
                    <a:pt x="163" y="314"/>
                  </a:moveTo>
                  <a:lnTo>
                    <a:pt x="163" y="314"/>
                  </a:lnTo>
                  <a:lnTo>
                    <a:pt x="179" y="313"/>
                  </a:lnTo>
                  <a:lnTo>
                    <a:pt x="196" y="311"/>
                  </a:lnTo>
                  <a:lnTo>
                    <a:pt x="211" y="307"/>
                  </a:lnTo>
                  <a:lnTo>
                    <a:pt x="226" y="302"/>
                  </a:lnTo>
                  <a:lnTo>
                    <a:pt x="241" y="295"/>
                  </a:lnTo>
                  <a:lnTo>
                    <a:pt x="255" y="287"/>
                  </a:lnTo>
                  <a:lnTo>
                    <a:pt x="267" y="278"/>
                  </a:lnTo>
                  <a:lnTo>
                    <a:pt x="278" y="268"/>
                  </a:lnTo>
                  <a:lnTo>
                    <a:pt x="288" y="257"/>
                  </a:lnTo>
                  <a:lnTo>
                    <a:pt x="298" y="245"/>
                  </a:lnTo>
                  <a:lnTo>
                    <a:pt x="306" y="232"/>
                  </a:lnTo>
                  <a:lnTo>
                    <a:pt x="313" y="218"/>
                  </a:lnTo>
                  <a:lnTo>
                    <a:pt x="318" y="204"/>
                  </a:lnTo>
                  <a:lnTo>
                    <a:pt x="323" y="189"/>
                  </a:lnTo>
                  <a:lnTo>
                    <a:pt x="325" y="173"/>
                  </a:lnTo>
                  <a:lnTo>
                    <a:pt x="326" y="157"/>
                  </a:lnTo>
                  <a:lnTo>
                    <a:pt x="326" y="157"/>
                  </a:lnTo>
                  <a:lnTo>
                    <a:pt x="325" y="141"/>
                  </a:lnTo>
                  <a:lnTo>
                    <a:pt x="323" y="125"/>
                  </a:lnTo>
                  <a:lnTo>
                    <a:pt x="318" y="111"/>
                  </a:lnTo>
                  <a:lnTo>
                    <a:pt x="313" y="96"/>
                  </a:lnTo>
                  <a:lnTo>
                    <a:pt x="306" y="82"/>
                  </a:lnTo>
                  <a:lnTo>
                    <a:pt x="298" y="69"/>
                  </a:lnTo>
                  <a:lnTo>
                    <a:pt x="288" y="57"/>
                  </a:lnTo>
                  <a:lnTo>
                    <a:pt x="278" y="46"/>
                  </a:lnTo>
                  <a:lnTo>
                    <a:pt x="267" y="36"/>
                  </a:lnTo>
                  <a:lnTo>
                    <a:pt x="255" y="27"/>
                  </a:lnTo>
                  <a:lnTo>
                    <a:pt x="241" y="19"/>
                  </a:lnTo>
                  <a:lnTo>
                    <a:pt x="226" y="12"/>
                  </a:lnTo>
                  <a:lnTo>
                    <a:pt x="211" y="7"/>
                  </a:lnTo>
                  <a:lnTo>
                    <a:pt x="196" y="3"/>
                  </a:lnTo>
                  <a:lnTo>
                    <a:pt x="179" y="1"/>
                  </a:lnTo>
                  <a:lnTo>
                    <a:pt x="163" y="0"/>
                  </a:lnTo>
                  <a:lnTo>
                    <a:pt x="163" y="0"/>
                  </a:lnTo>
                  <a:lnTo>
                    <a:pt x="146" y="1"/>
                  </a:lnTo>
                  <a:lnTo>
                    <a:pt x="130" y="3"/>
                  </a:lnTo>
                  <a:lnTo>
                    <a:pt x="114" y="7"/>
                  </a:lnTo>
                  <a:lnTo>
                    <a:pt x="100" y="12"/>
                  </a:lnTo>
                  <a:lnTo>
                    <a:pt x="85" y="19"/>
                  </a:lnTo>
                  <a:lnTo>
                    <a:pt x="72" y="27"/>
                  </a:lnTo>
                  <a:lnTo>
                    <a:pt x="59" y="36"/>
                  </a:lnTo>
                  <a:lnTo>
                    <a:pt x="47" y="46"/>
                  </a:lnTo>
                  <a:lnTo>
                    <a:pt x="37" y="57"/>
                  </a:lnTo>
                  <a:lnTo>
                    <a:pt x="28" y="69"/>
                  </a:lnTo>
                  <a:lnTo>
                    <a:pt x="19" y="82"/>
                  </a:lnTo>
                  <a:lnTo>
                    <a:pt x="12" y="96"/>
                  </a:lnTo>
                  <a:lnTo>
                    <a:pt x="7" y="111"/>
                  </a:lnTo>
                  <a:lnTo>
                    <a:pt x="3" y="125"/>
                  </a:lnTo>
                  <a:lnTo>
                    <a:pt x="1" y="141"/>
                  </a:lnTo>
                  <a:lnTo>
                    <a:pt x="0" y="157"/>
                  </a:lnTo>
                  <a:lnTo>
                    <a:pt x="0" y="157"/>
                  </a:lnTo>
                  <a:lnTo>
                    <a:pt x="1" y="173"/>
                  </a:lnTo>
                  <a:lnTo>
                    <a:pt x="3" y="189"/>
                  </a:lnTo>
                  <a:lnTo>
                    <a:pt x="7" y="204"/>
                  </a:lnTo>
                  <a:lnTo>
                    <a:pt x="12" y="218"/>
                  </a:lnTo>
                  <a:lnTo>
                    <a:pt x="19" y="232"/>
                  </a:lnTo>
                  <a:lnTo>
                    <a:pt x="28" y="245"/>
                  </a:lnTo>
                  <a:lnTo>
                    <a:pt x="37" y="257"/>
                  </a:lnTo>
                  <a:lnTo>
                    <a:pt x="47" y="268"/>
                  </a:lnTo>
                  <a:lnTo>
                    <a:pt x="59" y="278"/>
                  </a:lnTo>
                  <a:lnTo>
                    <a:pt x="72" y="287"/>
                  </a:lnTo>
                  <a:lnTo>
                    <a:pt x="85" y="295"/>
                  </a:lnTo>
                  <a:lnTo>
                    <a:pt x="100" y="302"/>
                  </a:lnTo>
                  <a:lnTo>
                    <a:pt x="114" y="307"/>
                  </a:lnTo>
                  <a:lnTo>
                    <a:pt x="130" y="311"/>
                  </a:lnTo>
                  <a:lnTo>
                    <a:pt x="146" y="313"/>
                  </a:lnTo>
                  <a:lnTo>
                    <a:pt x="163" y="314"/>
                  </a:lnTo>
                  <a:lnTo>
                    <a:pt x="163" y="314"/>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8" name="Freeform 298">
              <a:extLst>
                <a:ext uri="{FF2B5EF4-FFF2-40B4-BE49-F238E27FC236}">
                  <a16:creationId xmlns:a16="http://schemas.microsoft.com/office/drawing/2014/main" xmlns="" id="{517117D1-105F-744E-BAF7-032B4674402B}"/>
                </a:ext>
              </a:extLst>
            </p:cNvPr>
            <p:cNvSpPr>
              <a:spLocks/>
            </p:cNvSpPr>
            <p:nvPr/>
          </p:nvSpPr>
          <p:spPr bwMode="auto">
            <a:xfrm flipH="1">
              <a:off x="9114896" y="3244214"/>
              <a:ext cx="120754" cy="121217"/>
            </a:xfrm>
            <a:custGeom>
              <a:avLst/>
              <a:gdLst>
                <a:gd name="T0" fmla="*/ 70 w 139"/>
                <a:gd name="T1" fmla="*/ 134 h 134"/>
                <a:gd name="T2" fmla="*/ 70 w 139"/>
                <a:gd name="T3" fmla="*/ 134 h 134"/>
                <a:gd name="T4" fmla="*/ 77 w 139"/>
                <a:gd name="T5" fmla="*/ 134 h 134"/>
                <a:gd name="T6" fmla="*/ 84 w 139"/>
                <a:gd name="T7" fmla="*/ 133 h 134"/>
                <a:gd name="T8" fmla="*/ 91 w 139"/>
                <a:gd name="T9" fmla="*/ 131 h 134"/>
                <a:gd name="T10" fmla="*/ 96 w 139"/>
                <a:gd name="T11" fmla="*/ 129 h 134"/>
                <a:gd name="T12" fmla="*/ 109 w 139"/>
                <a:gd name="T13" fmla="*/ 122 h 134"/>
                <a:gd name="T14" fmla="*/ 119 w 139"/>
                <a:gd name="T15" fmla="*/ 115 h 134"/>
                <a:gd name="T16" fmla="*/ 128 w 139"/>
                <a:gd name="T17" fmla="*/ 104 h 134"/>
                <a:gd name="T18" fmla="*/ 135 w 139"/>
                <a:gd name="T19" fmla="*/ 93 h 134"/>
                <a:gd name="T20" fmla="*/ 137 w 139"/>
                <a:gd name="T21" fmla="*/ 87 h 134"/>
                <a:gd name="T22" fmla="*/ 138 w 139"/>
                <a:gd name="T23" fmla="*/ 80 h 134"/>
                <a:gd name="T24" fmla="*/ 139 w 139"/>
                <a:gd name="T25" fmla="*/ 74 h 134"/>
                <a:gd name="T26" fmla="*/ 139 w 139"/>
                <a:gd name="T27" fmla="*/ 67 h 134"/>
                <a:gd name="T28" fmla="*/ 139 w 139"/>
                <a:gd name="T29" fmla="*/ 67 h 134"/>
                <a:gd name="T30" fmla="*/ 139 w 139"/>
                <a:gd name="T31" fmla="*/ 60 h 134"/>
                <a:gd name="T32" fmla="*/ 138 w 139"/>
                <a:gd name="T33" fmla="*/ 53 h 134"/>
                <a:gd name="T34" fmla="*/ 137 w 139"/>
                <a:gd name="T35" fmla="*/ 47 h 134"/>
                <a:gd name="T36" fmla="*/ 135 w 139"/>
                <a:gd name="T37" fmla="*/ 41 h 134"/>
                <a:gd name="T38" fmla="*/ 128 w 139"/>
                <a:gd name="T39" fmla="*/ 29 h 134"/>
                <a:gd name="T40" fmla="*/ 119 w 139"/>
                <a:gd name="T41" fmla="*/ 20 h 134"/>
                <a:gd name="T42" fmla="*/ 109 w 139"/>
                <a:gd name="T43" fmla="*/ 11 h 134"/>
                <a:gd name="T44" fmla="*/ 96 w 139"/>
                <a:gd name="T45" fmla="*/ 5 h 134"/>
                <a:gd name="T46" fmla="*/ 91 w 139"/>
                <a:gd name="T47" fmla="*/ 2 h 134"/>
                <a:gd name="T48" fmla="*/ 84 w 139"/>
                <a:gd name="T49" fmla="*/ 1 h 134"/>
                <a:gd name="T50" fmla="*/ 77 w 139"/>
                <a:gd name="T51" fmla="*/ 0 h 134"/>
                <a:gd name="T52" fmla="*/ 70 w 139"/>
                <a:gd name="T53" fmla="*/ 0 h 134"/>
                <a:gd name="T54" fmla="*/ 70 w 139"/>
                <a:gd name="T55" fmla="*/ 0 h 134"/>
                <a:gd name="T56" fmla="*/ 63 w 139"/>
                <a:gd name="T57" fmla="*/ 0 h 134"/>
                <a:gd name="T58" fmla="*/ 56 w 139"/>
                <a:gd name="T59" fmla="*/ 1 h 134"/>
                <a:gd name="T60" fmla="*/ 49 w 139"/>
                <a:gd name="T61" fmla="*/ 2 h 134"/>
                <a:gd name="T62" fmla="*/ 43 w 139"/>
                <a:gd name="T63" fmla="*/ 5 h 134"/>
                <a:gd name="T64" fmla="*/ 31 w 139"/>
                <a:gd name="T65" fmla="*/ 11 h 134"/>
                <a:gd name="T66" fmla="*/ 20 w 139"/>
                <a:gd name="T67" fmla="*/ 20 h 134"/>
                <a:gd name="T68" fmla="*/ 12 w 139"/>
                <a:gd name="T69" fmla="*/ 29 h 134"/>
                <a:gd name="T70" fmla="*/ 6 w 139"/>
                <a:gd name="T71" fmla="*/ 41 h 134"/>
                <a:gd name="T72" fmla="*/ 3 w 139"/>
                <a:gd name="T73" fmla="*/ 47 h 134"/>
                <a:gd name="T74" fmla="*/ 1 w 139"/>
                <a:gd name="T75" fmla="*/ 53 h 134"/>
                <a:gd name="T76" fmla="*/ 0 w 139"/>
                <a:gd name="T77" fmla="*/ 60 h 134"/>
                <a:gd name="T78" fmla="*/ 0 w 139"/>
                <a:gd name="T79" fmla="*/ 67 h 134"/>
                <a:gd name="T80" fmla="*/ 0 w 139"/>
                <a:gd name="T81" fmla="*/ 67 h 134"/>
                <a:gd name="T82" fmla="*/ 0 w 139"/>
                <a:gd name="T83" fmla="*/ 74 h 134"/>
                <a:gd name="T84" fmla="*/ 1 w 139"/>
                <a:gd name="T85" fmla="*/ 80 h 134"/>
                <a:gd name="T86" fmla="*/ 3 w 139"/>
                <a:gd name="T87" fmla="*/ 87 h 134"/>
                <a:gd name="T88" fmla="*/ 6 w 139"/>
                <a:gd name="T89" fmla="*/ 93 h 134"/>
                <a:gd name="T90" fmla="*/ 12 w 139"/>
                <a:gd name="T91" fmla="*/ 104 h 134"/>
                <a:gd name="T92" fmla="*/ 20 w 139"/>
                <a:gd name="T93" fmla="*/ 115 h 134"/>
                <a:gd name="T94" fmla="*/ 31 w 139"/>
                <a:gd name="T95" fmla="*/ 122 h 134"/>
                <a:gd name="T96" fmla="*/ 43 w 139"/>
                <a:gd name="T97" fmla="*/ 129 h 134"/>
                <a:gd name="T98" fmla="*/ 49 w 139"/>
                <a:gd name="T99" fmla="*/ 131 h 134"/>
                <a:gd name="T100" fmla="*/ 56 w 139"/>
                <a:gd name="T101" fmla="*/ 133 h 134"/>
                <a:gd name="T102" fmla="*/ 63 w 139"/>
                <a:gd name="T103" fmla="*/ 134 h 134"/>
                <a:gd name="T104" fmla="*/ 70 w 139"/>
                <a:gd name="T105" fmla="*/ 134 h 134"/>
                <a:gd name="T106" fmla="*/ 70 w 139"/>
                <a:gd name="T107" fmla="*/ 134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9" h="134">
                  <a:moveTo>
                    <a:pt x="70" y="134"/>
                  </a:moveTo>
                  <a:lnTo>
                    <a:pt x="70" y="134"/>
                  </a:lnTo>
                  <a:lnTo>
                    <a:pt x="77" y="134"/>
                  </a:lnTo>
                  <a:lnTo>
                    <a:pt x="84" y="133"/>
                  </a:lnTo>
                  <a:lnTo>
                    <a:pt x="91" y="131"/>
                  </a:lnTo>
                  <a:lnTo>
                    <a:pt x="96" y="129"/>
                  </a:lnTo>
                  <a:lnTo>
                    <a:pt x="109" y="122"/>
                  </a:lnTo>
                  <a:lnTo>
                    <a:pt x="119" y="115"/>
                  </a:lnTo>
                  <a:lnTo>
                    <a:pt x="128" y="104"/>
                  </a:lnTo>
                  <a:lnTo>
                    <a:pt x="135" y="93"/>
                  </a:lnTo>
                  <a:lnTo>
                    <a:pt x="137" y="87"/>
                  </a:lnTo>
                  <a:lnTo>
                    <a:pt x="138" y="80"/>
                  </a:lnTo>
                  <a:lnTo>
                    <a:pt x="139" y="74"/>
                  </a:lnTo>
                  <a:lnTo>
                    <a:pt x="139" y="67"/>
                  </a:lnTo>
                  <a:lnTo>
                    <a:pt x="139" y="67"/>
                  </a:lnTo>
                  <a:lnTo>
                    <a:pt x="139" y="60"/>
                  </a:lnTo>
                  <a:lnTo>
                    <a:pt x="138" y="53"/>
                  </a:lnTo>
                  <a:lnTo>
                    <a:pt x="137" y="47"/>
                  </a:lnTo>
                  <a:lnTo>
                    <a:pt x="135" y="41"/>
                  </a:lnTo>
                  <a:lnTo>
                    <a:pt x="128" y="29"/>
                  </a:lnTo>
                  <a:lnTo>
                    <a:pt x="119" y="20"/>
                  </a:lnTo>
                  <a:lnTo>
                    <a:pt x="109" y="11"/>
                  </a:lnTo>
                  <a:lnTo>
                    <a:pt x="96" y="5"/>
                  </a:lnTo>
                  <a:lnTo>
                    <a:pt x="91" y="2"/>
                  </a:lnTo>
                  <a:lnTo>
                    <a:pt x="84" y="1"/>
                  </a:lnTo>
                  <a:lnTo>
                    <a:pt x="77" y="0"/>
                  </a:lnTo>
                  <a:lnTo>
                    <a:pt x="70" y="0"/>
                  </a:lnTo>
                  <a:lnTo>
                    <a:pt x="70" y="0"/>
                  </a:lnTo>
                  <a:lnTo>
                    <a:pt x="63" y="0"/>
                  </a:lnTo>
                  <a:lnTo>
                    <a:pt x="56" y="1"/>
                  </a:lnTo>
                  <a:lnTo>
                    <a:pt x="49" y="2"/>
                  </a:lnTo>
                  <a:lnTo>
                    <a:pt x="43" y="5"/>
                  </a:lnTo>
                  <a:lnTo>
                    <a:pt x="31" y="11"/>
                  </a:lnTo>
                  <a:lnTo>
                    <a:pt x="20" y="20"/>
                  </a:lnTo>
                  <a:lnTo>
                    <a:pt x="12" y="29"/>
                  </a:lnTo>
                  <a:lnTo>
                    <a:pt x="6" y="41"/>
                  </a:lnTo>
                  <a:lnTo>
                    <a:pt x="3" y="47"/>
                  </a:lnTo>
                  <a:lnTo>
                    <a:pt x="1" y="53"/>
                  </a:lnTo>
                  <a:lnTo>
                    <a:pt x="0" y="60"/>
                  </a:lnTo>
                  <a:lnTo>
                    <a:pt x="0" y="67"/>
                  </a:lnTo>
                  <a:lnTo>
                    <a:pt x="0" y="67"/>
                  </a:lnTo>
                  <a:lnTo>
                    <a:pt x="0" y="74"/>
                  </a:lnTo>
                  <a:lnTo>
                    <a:pt x="1" y="80"/>
                  </a:lnTo>
                  <a:lnTo>
                    <a:pt x="3" y="87"/>
                  </a:lnTo>
                  <a:lnTo>
                    <a:pt x="6" y="93"/>
                  </a:lnTo>
                  <a:lnTo>
                    <a:pt x="12" y="104"/>
                  </a:lnTo>
                  <a:lnTo>
                    <a:pt x="20" y="115"/>
                  </a:lnTo>
                  <a:lnTo>
                    <a:pt x="31" y="122"/>
                  </a:lnTo>
                  <a:lnTo>
                    <a:pt x="43" y="129"/>
                  </a:lnTo>
                  <a:lnTo>
                    <a:pt x="49" y="131"/>
                  </a:lnTo>
                  <a:lnTo>
                    <a:pt x="56" y="133"/>
                  </a:lnTo>
                  <a:lnTo>
                    <a:pt x="63" y="134"/>
                  </a:lnTo>
                  <a:lnTo>
                    <a:pt x="70" y="134"/>
                  </a:lnTo>
                  <a:lnTo>
                    <a:pt x="70" y="134"/>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9" name="Freeform 299">
              <a:extLst>
                <a:ext uri="{FF2B5EF4-FFF2-40B4-BE49-F238E27FC236}">
                  <a16:creationId xmlns:a16="http://schemas.microsoft.com/office/drawing/2014/main" xmlns="" id="{8F26E5B2-8BCB-8249-906A-39D32B08DF62}"/>
                </a:ext>
              </a:extLst>
            </p:cNvPr>
            <p:cNvSpPr>
              <a:spLocks/>
            </p:cNvSpPr>
            <p:nvPr/>
          </p:nvSpPr>
          <p:spPr bwMode="auto">
            <a:xfrm flipH="1">
              <a:off x="9120146" y="2778484"/>
              <a:ext cx="183757" cy="1945864"/>
            </a:xfrm>
            <a:custGeom>
              <a:avLst/>
              <a:gdLst>
                <a:gd name="T0" fmla="*/ 214 w 214"/>
                <a:gd name="T1" fmla="*/ 2 h 2132"/>
                <a:gd name="T2" fmla="*/ 0 w 214"/>
                <a:gd name="T3" fmla="*/ 0 h 2132"/>
                <a:gd name="T4" fmla="*/ 84 w 214"/>
                <a:gd name="T5" fmla="*/ 2132 h 2132"/>
                <a:gd name="T6" fmla="*/ 132 w 214"/>
                <a:gd name="T7" fmla="*/ 2132 h 2132"/>
                <a:gd name="T8" fmla="*/ 214 w 214"/>
                <a:gd name="T9" fmla="*/ 2 h 2132"/>
              </a:gdLst>
              <a:ahLst/>
              <a:cxnLst>
                <a:cxn ang="0">
                  <a:pos x="T0" y="T1"/>
                </a:cxn>
                <a:cxn ang="0">
                  <a:pos x="T2" y="T3"/>
                </a:cxn>
                <a:cxn ang="0">
                  <a:pos x="T4" y="T5"/>
                </a:cxn>
                <a:cxn ang="0">
                  <a:pos x="T6" y="T7"/>
                </a:cxn>
                <a:cxn ang="0">
                  <a:pos x="T8" y="T9"/>
                </a:cxn>
              </a:cxnLst>
              <a:rect l="0" t="0" r="r" b="b"/>
              <a:pathLst>
                <a:path w="214" h="2132">
                  <a:moveTo>
                    <a:pt x="214" y="2"/>
                  </a:moveTo>
                  <a:lnTo>
                    <a:pt x="0" y="0"/>
                  </a:lnTo>
                  <a:lnTo>
                    <a:pt x="84" y="2132"/>
                  </a:lnTo>
                  <a:lnTo>
                    <a:pt x="132" y="2132"/>
                  </a:lnTo>
                  <a:lnTo>
                    <a:pt x="214" y="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0" name="Freeform 300">
              <a:extLst>
                <a:ext uri="{FF2B5EF4-FFF2-40B4-BE49-F238E27FC236}">
                  <a16:creationId xmlns:a16="http://schemas.microsoft.com/office/drawing/2014/main" xmlns="" id="{B167E4E2-C877-2548-8787-F759B14C8E20}"/>
                </a:ext>
              </a:extLst>
            </p:cNvPr>
            <p:cNvSpPr>
              <a:spLocks/>
            </p:cNvSpPr>
            <p:nvPr/>
          </p:nvSpPr>
          <p:spPr bwMode="auto">
            <a:xfrm flipH="1">
              <a:off x="8694881" y="2676406"/>
              <a:ext cx="2283832" cy="829385"/>
            </a:xfrm>
            <a:custGeom>
              <a:avLst/>
              <a:gdLst>
                <a:gd name="T0" fmla="*/ 2556 w 2609"/>
                <a:gd name="T1" fmla="*/ 912 h 912"/>
                <a:gd name="T2" fmla="*/ 2609 w 2609"/>
                <a:gd name="T3" fmla="*/ 763 h 912"/>
                <a:gd name="T4" fmla="*/ 11 w 2609"/>
                <a:gd name="T5" fmla="*/ 0 h 912"/>
                <a:gd name="T6" fmla="*/ 0 w 2609"/>
                <a:gd name="T7" fmla="*/ 32 h 912"/>
                <a:gd name="T8" fmla="*/ 2556 w 2609"/>
                <a:gd name="T9" fmla="*/ 912 h 912"/>
              </a:gdLst>
              <a:ahLst/>
              <a:cxnLst>
                <a:cxn ang="0">
                  <a:pos x="T0" y="T1"/>
                </a:cxn>
                <a:cxn ang="0">
                  <a:pos x="T2" y="T3"/>
                </a:cxn>
                <a:cxn ang="0">
                  <a:pos x="T4" y="T5"/>
                </a:cxn>
                <a:cxn ang="0">
                  <a:pos x="T6" y="T7"/>
                </a:cxn>
                <a:cxn ang="0">
                  <a:pos x="T8" y="T9"/>
                </a:cxn>
              </a:cxnLst>
              <a:rect l="0" t="0" r="r" b="b"/>
              <a:pathLst>
                <a:path w="2609" h="912">
                  <a:moveTo>
                    <a:pt x="2556" y="912"/>
                  </a:moveTo>
                  <a:lnTo>
                    <a:pt x="2609" y="763"/>
                  </a:lnTo>
                  <a:lnTo>
                    <a:pt x="11" y="0"/>
                  </a:lnTo>
                  <a:lnTo>
                    <a:pt x="0" y="32"/>
                  </a:lnTo>
                  <a:lnTo>
                    <a:pt x="2556" y="91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1" name="Freeform 301">
              <a:extLst>
                <a:ext uri="{FF2B5EF4-FFF2-40B4-BE49-F238E27FC236}">
                  <a16:creationId xmlns:a16="http://schemas.microsoft.com/office/drawing/2014/main" xmlns="" id="{ADFD6F59-3FB8-1B49-ABAC-4EA409E282C2}"/>
                </a:ext>
              </a:extLst>
            </p:cNvPr>
            <p:cNvSpPr>
              <a:spLocks/>
            </p:cNvSpPr>
            <p:nvPr/>
          </p:nvSpPr>
          <p:spPr bwMode="auto">
            <a:xfrm flipH="1">
              <a:off x="7923103" y="1955477"/>
              <a:ext cx="1585557" cy="1684291"/>
            </a:xfrm>
            <a:custGeom>
              <a:avLst/>
              <a:gdLst>
                <a:gd name="T0" fmla="*/ 52 w 1812"/>
                <a:gd name="T1" fmla="*/ 1845 h 1845"/>
                <a:gd name="T2" fmla="*/ 1812 w 1812"/>
                <a:gd name="T3" fmla="*/ 0 h 1845"/>
                <a:gd name="T4" fmla="*/ 0 w 1812"/>
                <a:gd name="T5" fmla="*/ 1798 h 1845"/>
                <a:gd name="T6" fmla="*/ 52 w 1812"/>
                <a:gd name="T7" fmla="*/ 1845 h 1845"/>
              </a:gdLst>
              <a:ahLst/>
              <a:cxnLst>
                <a:cxn ang="0">
                  <a:pos x="T0" y="T1"/>
                </a:cxn>
                <a:cxn ang="0">
                  <a:pos x="T2" y="T3"/>
                </a:cxn>
                <a:cxn ang="0">
                  <a:pos x="T4" y="T5"/>
                </a:cxn>
                <a:cxn ang="0">
                  <a:pos x="T6" y="T7"/>
                </a:cxn>
              </a:cxnLst>
              <a:rect l="0" t="0" r="r" b="b"/>
              <a:pathLst>
                <a:path w="1812" h="1845">
                  <a:moveTo>
                    <a:pt x="52" y="1845"/>
                  </a:moveTo>
                  <a:lnTo>
                    <a:pt x="1812" y="0"/>
                  </a:lnTo>
                  <a:lnTo>
                    <a:pt x="0" y="1798"/>
                  </a:lnTo>
                  <a:lnTo>
                    <a:pt x="52" y="1845"/>
                  </a:lnTo>
                  <a:close/>
                </a:path>
              </a:pathLst>
            </a:custGeom>
            <a:solidFill>
              <a:srgbClr val="C320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2" name="Freeform 302">
              <a:extLst>
                <a:ext uri="{FF2B5EF4-FFF2-40B4-BE49-F238E27FC236}">
                  <a16:creationId xmlns:a16="http://schemas.microsoft.com/office/drawing/2014/main" xmlns="" id="{C64DEC43-B21F-E448-8861-17123902BB0E}"/>
                </a:ext>
              </a:extLst>
            </p:cNvPr>
            <p:cNvSpPr>
              <a:spLocks/>
            </p:cNvSpPr>
            <p:nvPr/>
          </p:nvSpPr>
          <p:spPr bwMode="auto">
            <a:xfrm flipH="1">
              <a:off x="9025643" y="3091098"/>
              <a:ext cx="378014" cy="376412"/>
            </a:xfrm>
            <a:custGeom>
              <a:avLst/>
              <a:gdLst>
                <a:gd name="T0" fmla="*/ 0 w 432"/>
                <a:gd name="T1" fmla="*/ 207 h 414"/>
                <a:gd name="T2" fmla="*/ 5 w 432"/>
                <a:gd name="T3" fmla="*/ 249 h 414"/>
                <a:gd name="T4" fmla="*/ 17 w 432"/>
                <a:gd name="T5" fmla="*/ 288 h 414"/>
                <a:gd name="T6" fmla="*/ 37 w 432"/>
                <a:gd name="T7" fmla="*/ 324 h 414"/>
                <a:gd name="T8" fmla="*/ 63 w 432"/>
                <a:gd name="T9" fmla="*/ 354 h 414"/>
                <a:gd name="T10" fmla="*/ 96 w 432"/>
                <a:gd name="T11" fmla="*/ 380 h 414"/>
                <a:gd name="T12" fmla="*/ 132 w 432"/>
                <a:gd name="T13" fmla="*/ 398 h 414"/>
                <a:gd name="T14" fmla="*/ 173 w 432"/>
                <a:gd name="T15" fmla="*/ 410 h 414"/>
                <a:gd name="T16" fmla="*/ 216 w 432"/>
                <a:gd name="T17" fmla="*/ 414 h 414"/>
                <a:gd name="T18" fmla="*/ 238 w 432"/>
                <a:gd name="T19" fmla="*/ 413 h 414"/>
                <a:gd name="T20" fmla="*/ 280 w 432"/>
                <a:gd name="T21" fmla="*/ 406 h 414"/>
                <a:gd name="T22" fmla="*/ 319 w 432"/>
                <a:gd name="T23" fmla="*/ 390 h 414"/>
                <a:gd name="T24" fmla="*/ 354 w 432"/>
                <a:gd name="T25" fmla="*/ 367 h 414"/>
                <a:gd name="T26" fmla="*/ 383 w 432"/>
                <a:gd name="T27" fmla="*/ 339 h 414"/>
                <a:gd name="T28" fmla="*/ 405 w 432"/>
                <a:gd name="T29" fmla="*/ 306 h 414"/>
                <a:gd name="T30" fmla="*/ 422 w 432"/>
                <a:gd name="T31" fmla="*/ 269 h 414"/>
                <a:gd name="T32" fmla="*/ 431 w 432"/>
                <a:gd name="T33" fmla="*/ 229 h 414"/>
                <a:gd name="T34" fmla="*/ 432 w 432"/>
                <a:gd name="T35" fmla="*/ 207 h 414"/>
                <a:gd name="T36" fmla="*/ 428 w 432"/>
                <a:gd name="T37" fmla="*/ 165 h 414"/>
                <a:gd name="T38" fmla="*/ 414 w 432"/>
                <a:gd name="T39" fmla="*/ 126 h 414"/>
                <a:gd name="T40" fmla="*/ 395 w 432"/>
                <a:gd name="T41" fmla="*/ 91 h 414"/>
                <a:gd name="T42" fmla="*/ 368 w 432"/>
                <a:gd name="T43" fmla="*/ 60 h 414"/>
                <a:gd name="T44" fmla="*/ 337 w 432"/>
                <a:gd name="T45" fmla="*/ 35 h 414"/>
                <a:gd name="T46" fmla="*/ 300 w 432"/>
                <a:gd name="T47" fmla="*/ 16 h 414"/>
                <a:gd name="T48" fmla="*/ 259 w 432"/>
                <a:gd name="T49" fmla="*/ 4 h 414"/>
                <a:gd name="T50" fmla="*/ 216 w 432"/>
                <a:gd name="T51" fmla="*/ 0 h 414"/>
                <a:gd name="T52" fmla="*/ 194 w 432"/>
                <a:gd name="T53" fmla="*/ 1 h 414"/>
                <a:gd name="T54" fmla="*/ 152 w 432"/>
                <a:gd name="T55" fmla="*/ 8 h 414"/>
                <a:gd name="T56" fmla="*/ 114 w 432"/>
                <a:gd name="T57" fmla="*/ 25 h 414"/>
                <a:gd name="T58" fmla="*/ 79 w 432"/>
                <a:gd name="T59" fmla="*/ 47 h 414"/>
                <a:gd name="T60" fmla="*/ 50 w 432"/>
                <a:gd name="T61" fmla="*/ 75 h 414"/>
                <a:gd name="T62" fmla="*/ 26 w 432"/>
                <a:gd name="T63" fmla="*/ 108 h 414"/>
                <a:gd name="T64" fmla="*/ 10 w 432"/>
                <a:gd name="T65" fmla="*/ 145 h 414"/>
                <a:gd name="T66" fmla="*/ 1 w 432"/>
                <a:gd name="T67" fmla="*/ 185 h 414"/>
                <a:gd name="T68" fmla="*/ 0 w 432"/>
                <a:gd name="T69" fmla="*/ 207 h 4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32" h="414">
                  <a:moveTo>
                    <a:pt x="0" y="207"/>
                  </a:moveTo>
                  <a:lnTo>
                    <a:pt x="0" y="207"/>
                  </a:lnTo>
                  <a:lnTo>
                    <a:pt x="1" y="229"/>
                  </a:lnTo>
                  <a:lnTo>
                    <a:pt x="5" y="249"/>
                  </a:lnTo>
                  <a:lnTo>
                    <a:pt x="10" y="269"/>
                  </a:lnTo>
                  <a:lnTo>
                    <a:pt x="17" y="288"/>
                  </a:lnTo>
                  <a:lnTo>
                    <a:pt x="26" y="306"/>
                  </a:lnTo>
                  <a:lnTo>
                    <a:pt x="37" y="324"/>
                  </a:lnTo>
                  <a:lnTo>
                    <a:pt x="50" y="339"/>
                  </a:lnTo>
                  <a:lnTo>
                    <a:pt x="63" y="354"/>
                  </a:lnTo>
                  <a:lnTo>
                    <a:pt x="79" y="367"/>
                  </a:lnTo>
                  <a:lnTo>
                    <a:pt x="96" y="380"/>
                  </a:lnTo>
                  <a:lnTo>
                    <a:pt x="114" y="390"/>
                  </a:lnTo>
                  <a:lnTo>
                    <a:pt x="132" y="398"/>
                  </a:lnTo>
                  <a:lnTo>
                    <a:pt x="152" y="406"/>
                  </a:lnTo>
                  <a:lnTo>
                    <a:pt x="173" y="410"/>
                  </a:lnTo>
                  <a:lnTo>
                    <a:pt x="194" y="413"/>
                  </a:lnTo>
                  <a:lnTo>
                    <a:pt x="216" y="414"/>
                  </a:lnTo>
                  <a:lnTo>
                    <a:pt x="216" y="414"/>
                  </a:lnTo>
                  <a:lnTo>
                    <a:pt x="238" y="413"/>
                  </a:lnTo>
                  <a:lnTo>
                    <a:pt x="259" y="410"/>
                  </a:lnTo>
                  <a:lnTo>
                    <a:pt x="280" y="406"/>
                  </a:lnTo>
                  <a:lnTo>
                    <a:pt x="300" y="398"/>
                  </a:lnTo>
                  <a:lnTo>
                    <a:pt x="319" y="390"/>
                  </a:lnTo>
                  <a:lnTo>
                    <a:pt x="337" y="380"/>
                  </a:lnTo>
                  <a:lnTo>
                    <a:pt x="354" y="367"/>
                  </a:lnTo>
                  <a:lnTo>
                    <a:pt x="368" y="354"/>
                  </a:lnTo>
                  <a:lnTo>
                    <a:pt x="383" y="339"/>
                  </a:lnTo>
                  <a:lnTo>
                    <a:pt x="395" y="324"/>
                  </a:lnTo>
                  <a:lnTo>
                    <a:pt x="405" y="306"/>
                  </a:lnTo>
                  <a:lnTo>
                    <a:pt x="414" y="288"/>
                  </a:lnTo>
                  <a:lnTo>
                    <a:pt x="422" y="269"/>
                  </a:lnTo>
                  <a:lnTo>
                    <a:pt x="428" y="249"/>
                  </a:lnTo>
                  <a:lnTo>
                    <a:pt x="431" y="229"/>
                  </a:lnTo>
                  <a:lnTo>
                    <a:pt x="432" y="207"/>
                  </a:lnTo>
                  <a:lnTo>
                    <a:pt x="432" y="207"/>
                  </a:lnTo>
                  <a:lnTo>
                    <a:pt x="431" y="185"/>
                  </a:lnTo>
                  <a:lnTo>
                    <a:pt x="428" y="165"/>
                  </a:lnTo>
                  <a:lnTo>
                    <a:pt x="422" y="145"/>
                  </a:lnTo>
                  <a:lnTo>
                    <a:pt x="414" y="126"/>
                  </a:lnTo>
                  <a:lnTo>
                    <a:pt x="405" y="108"/>
                  </a:lnTo>
                  <a:lnTo>
                    <a:pt x="395" y="91"/>
                  </a:lnTo>
                  <a:lnTo>
                    <a:pt x="383" y="75"/>
                  </a:lnTo>
                  <a:lnTo>
                    <a:pt x="368" y="60"/>
                  </a:lnTo>
                  <a:lnTo>
                    <a:pt x="354" y="47"/>
                  </a:lnTo>
                  <a:lnTo>
                    <a:pt x="337" y="35"/>
                  </a:lnTo>
                  <a:lnTo>
                    <a:pt x="319" y="25"/>
                  </a:lnTo>
                  <a:lnTo>
                    <a:pt x="300" y="16"/>
                  </a:lnTo>
                  <a:lnTo>
                    <a:pt x="280" y="8"/>
                  </a:lnTo>
                  <a:lnTo>
                    <a:pt x="259" y="4"/>
                  </a:lnTo>
                  <a:lnTo>
                    <a:pt x="238" y="1"/>
                  </a:lnTo>
                  <a:lnTo>
                    <a:pt x="216" y="0"/>
                  </a:lnTo>
                  <a:lnTo>
                    <a:pt x="216" y="0"/>
                  </a:lnTo>
                  <a:lnTo>
                    <a:pt x="194" y="1"/>
                  </a:lnTo>
                  <a:lnTo>
                    <a:pt x="173" y="4"/>
                  </a:lnTo>
                  <a:lnTo>
                    <a:pt x="152" y="8"/>
                  </a:lnTo>
                  <a:lnTo>
                    <a:pt x="132" y="16"/>
                  </a:lnTo>
                  <a:lnTo>
                    <a:pt x="114" y="25"/>
                  </a:lnTo>
                  <a:lnTo>
                    <a:pt x="96" y="35"/>
                  </a:lnTo>
                  <a:lnTo>
                    <a:pt x="79" y="47"/>
                  </a:lnTo>
                  <a:lnTo>
                    <a:pt x="63" y="60"/>
                  </a:lnTo>
                  <a:lnTo>
                    <a:pt x="50" y="75"/>
                  </a:lnTo>
                  <a:lnTo>
                    <a:pt x="37" y="91"/>
                  </a:lnTo>
                  <a:lnTo>
                    <a:pt x="26" y="108"/>
                  </a:lnTo>
                  <a:lnTo>
                    <a:pt x="17" y="126"/>
                  </a:lnTo>
                  <a:lnTo>
                    <a:pt x="10" y="145"/>
                  </a:lnTo>
                  <a:lnTo>
                    <a:pt x="5" y="165"/>
                  </a:lnTo>
                  <a:lnTo>
                    <a:pt x="1" y="185"/>
                  </a:lnTo>
                  <a:lnTo>
                    <a:pt x="0" y="207"/>
                  </a:lnTo>
                  <a:lnTo>
                    <a:pt x="0" y="207"/>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3" name="Freeform 303">
              <a:extLst>
                <a:ext uri="{FF2B5EF4-FFF2-40B4-BE49-F238E27FC236}">
                  <a16:creationId xmlns:a16="http://schemas.microsoft.com/office/drawing/2014/main" xmlns="" id="{C7C13187-199D-8B4D-B0A6-F74F5C83C8B6}"/>
                </a:ext>
              </a:extLst>
            </p:cNvPr>
            <p:cNvSpPr>
              <a:spLocks/>
            </p:cNvSpPr>
            <p:nvPr/>
          </p:nvSpPr>
          <p:spPr bwMode="auto">
            <a:xfrm flipH="1">
              <a:off x="9067644" y="3135757"/>
              <a:ext cx="288760" cy="287093"/>
            </a:xfrm>
            <a:custGeom>
              <a:avLst/>
              <a:gdLst>
                <a:gd name="T0" fmla="*/ 163 w 326"/>
                <a:gd name="T1" fmla="*/ 315 h 315"/>
                <a:gd name="T2" fmla="*/ 196 w 326"/>
                <a:gd name="T3" fmla="*/ 311 h 315"/>
                <a:gd name="T4" fmla="*/ 227 w 326"/>
                <a:gd name="T5" fmla="*/ 302 h 315"/>
                <a:gd name="T6" fmla="*/ 255 w 326"/>
                <a:gd name="T7" fmla="*/ 288 h 315"/>
                <a:gd name="T8" fmla="*/ 278 w 326"/>
                <a:gd name="T9" fmla="*/ 268 h 315"/>
                <a:gd name="T10" fmla="*/ 298 w 326"/>
                <a:gd name="T11" fmla="*/ 245 h 315"/>
                <a:gd name="T12" fmla="*/ 313 w 326"/>
                <a:gd name="T13" fmla="*/ 219 h 315"/>
                <a:gd name="T14" fmla="*/ 323 w 326"/>
                <a:gd name="T15" fmla="*/ 188 h 315"/>
                <a:gd name="T16" fmla="*/ 326 w 326"/>
                <a:gd name="T17" fmla="*/ 157 h 315"/>
                <a:gd name="T18" fmla="*/ 325 w 326"/>
                <a:gd name="T19" fmla="*/ 141 h 315"/>
                <a:gd name="T20" fmla="*/ 319 w 326"/>
                <a:gd name="T21" fmla="*/ 111 h 315"/>
                <a:gd name="T22" fmla="*/ 306 w 326"/>
                <a:gd name="T23" fmla="*/ 83 h 315"/>
                <a:gd name="T24" fmla="*/ 288 w 326"/>
                <a:gd name="T25" fmla="*/ 58 h 315"/>
                <a:gd name="T26" fmla="*/ 267 w 326"/>
                <a:gd name="T27" fmla="*/ 36 h 315"/>
                <a:gd name="T28" fmla="*/ 241 w 326"/>
                <a:gd name="T29" fmla="*/ 19 h 315"/>
                <a:gd name="T30" fmla="*/ 211 w 326"/>
                <a:gd name="T31" fmla="*/ 7 h 315"/>
                <a:gd name="T32" fmla="*/ 180 w 326"/>
                <a:gd name="T33" fmla="*/ 0 h 315"/>
                <a:gd name="T34" fmla="*/ 163 w 326"/>
                <a:gd name="T35" fmla="*/ 0 h 315"/>
                <a:gd name="T36" fmla="*/ 130 w 326"/>
                <a:gd name="T37" fmla="*/ 4 h 315"/>
                <a:gd name="T38" fmla="*/ 100 w 326"/>
                <a:gd name="T39" fmla="*/ 12 h 315"/>
                <a:gd name="T40" fmla="*/ 72 w 326"/>
                <a:gd name="T41" fmla="*/ 26 h 315"/>
                <a:gd name="T42" fmla="*/ 47 w 326"/>
                <a:gd name="T43" fmla="*/ 46 h 315"/>
                <a:gd name="T44" fmla="*/ 28 w 326"/>
                <a:gd name="T45" fmla="*/ 70 h 315"/>
                <a:gd name="T46" fmla="*/ 12 w 326"/>
                <a:gd name="T47" fmla="*/ 95 h 315"/>
                <a:gd name="T48" fmla="*/ 3 w 326"/>
                <a:gd name="T49" fmla="*/ 126 h 315"/>
                <a:gd name="T50" fmla="*/ 0 w 326"/>
                <a:gd name="T51" fmla="*/ 157 h 315"/>
                <a:gd name="T52" fmla="*/ 1 w 326"/>
                <a:gd name="T53" fmla="*/ 173 h 315"/>
                <a:gd name="T54" fmla="*/ 7 w 326"/>
                <a:gd name="T55" fmla="*/ 203 h 315"/>
                <a:gd name="T56" fmla="*/ 19 w 326"/>
                <a:gd name="T57" fmla="*/ 232 h 315"/>
                <a:gd name="T58" fmla="*/ 37 w 326"/>
                <a:gd name="T59" fmla="*/ 257 h 315"/>
                <a:gd name="T60" fmla="*/ 59 w 326"/>
                <a:gd name="T61" fmla="*/ 278 h 315"/>
                <a:gd name="T62" fmla="*/ 85 w 326"/>
                <a:gd name="T63" fmla="*/ 295 h 315"/>
                <a:gd name="T64" fmla="*/ 114 w 326"/>
                <a:gd name="T65" fmla="*/ 307 h 315"/>
                <a:gd name="T66" fmla="*/ 146 w 326"/>
                <a:gd name="T67" fmla="*/ 314 h 315"/>
                <a:gd name="T68" fmla="*/ 163 w 326"/>
                <a:gd name="T69" fmla="*/ 315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6" h="315">
                  <a:moveTo>
                    <a:pt x="163" y="315"/>
                  </a:moveTo>
                  <a:lnTo>
                    <a:pt x="163" y="315"/>
                  </a:lnTo>
                  <a:lnTo>
                    <a:pt x="180" y="314"/>
                  </a:lnTo>
                  <a:lnTo>
                    <a:pt x="196" y="311"/>
                  </a:lnTo>
                  <a:lnTo>
                    <a:pt x="211" y="307"/>
                  </a:lnTo>
                  <a:lnTo>
                    <a:pt x="227" y="302"/>
                  </a:lnTo>
                  <a:lnTo>
                    <a:pt x="241" y="295"/>
                  </a:lnTo>
                  <a:lnTo>
                    <a:pt x="255" y="288"/>
                  </a:lnTo>
                  <a:lnTo>
                    <a:pt x="267" y="278"/>
                  </a:lnTo>
                  <a:lnTo>
                    <a:pt x="278" y="268"/>
                  </a:lnTo>
                  <a:lnTo>
                    <a:pt x="288" y="257"/>
                  </a:lnTo>
                  <a:lnTo>
                    <a:pt x="298" y="245"/>
                  </a:lnTo>
                  <a:lnTo>
                    <a:pt x="306" y="232"/>
                  </a:lnTo>
                  <a:lnTo>
                    <a:pt x="313" y="219"/>
                  </a:lnTo>
                  <a:lnTo>
                    <a:pt x="319" y="203"/>
                  </a:lnTo>
                  <a:lnTo>
                    <a:pt x="323" y="188"/>
                  </a:lnTo>
                  <a:lnTo>
                    <a:pt x="325" y="173"/>
                  </a:lnTo>
                  <a:lnTo>
                    <a:pt x="326" y="157"/>
                  </a:lnTo>
                  <a:lnTo>
                    <a:pt x="326" y="157"/>
                  </a:lnTo>
                  <a:lnTo>
                    <a:pt x="325" y="141"/>
                  </a:lnTo>
                  <a:lnTo>
                    <a:pt x="323" y="126"/>
                  </a:lnTo>
                  <a:lnTo>
                    <a:pt x="319" y="111"/>
                  </a:lnTo>
                  <a:lnTo>
                    <a:pt x="313" y="95"/>
                  </a:lnTo>
                  <a:lnTo>
                    <a:pt x="306" y="83"/>
                  </a:lnTo>
                  <a:lnTo>
                    <a:pt x="298" y="70"/>
                  </a:lnTo>
                  <a:lnTo>
                    <a:pt x="288" y="58"/>
                  </a:lnTo>
                  <a:lnTo>
                    <a:pt x="278" y="46"/>
                  </a:lnTo>
                  <a:lnTo>
                    <a:pt x="267" y="36"/>
                  </a:lnTo>
                  <a:lnTo>
                    <a:pt x="255" y="26"/>
                  </a:lnTo>
                  <a:lnTo>
                    <a:pt x="241" y="19"/>
                  </a:lnTo>
                  <a:lnTo>
                    <a:pt x="227" y="12"/>
                  </a:lnTo>
                  <a:lnTo>
                    <a:pt x="211" y="7"/>
                  </a:lnTo>
                  <a:lnTo>
                    <a:pt x="196" y="4"/>
                  </a:lnTo>
                  <a:lnTo>
                    <a:pt x="180" y="0"/>
                  </a:lnTo>
                  <a:lnTo>
                    <a:pt x="163" y="0"/>
                  </a:lnTo>
                  <a:lnTo>
                    <a:pt x="163" y="0"/>
                  </a:lnTo>
                  <a:lnTo>
                    <a:pt x="146" y="0"/>
                  </a:lnTo>
                  <a:lnTo>
                    <a:pt x="130" y="4"/>
                  </a:lnTo>
                  <a:lnTo>
                    <a:pt x="114" y="7"/>
                  </a:lnTo>
                  <a:lnTo>
                    <a:pt x="100" y="12"/>
                  </a:lnTo>
                  <a:lnTo>
                    <a:pt x="85" y="19"/>
                  </a:lnTo>
                  <a:lnTo>
                    <a:pt x="72" y="26"/>
                  </a:lnTo>
                  <a:lnTo>
                    <a:pt x="59" y="36"/>
                  </a:lnTo>
                  <a:lnTo>
                    <a:pt x="47" y="46"/>
                  </a:lnTo>
                  <a:lnTo>
                    <a:pt x="37" y="58"/>
                  </a:lnTo>
                  <a:lnTo>
                    <a:pt x="28" y="70"/>
                  </a:lnTo>
                  <a:lnTo>
                    <a:pt x="19" y="83"/>
                  </a:lnTo>
                  <a:lnTo>
                    <a:pt x="12" y="95"/>
                  </a:lnTo>
                  <a:lnTo>
                    <a:pt x="7" y="111"/>
                  </a:lnTo>
                  <a:lnTo>
                    <a:pt x="3" y="126"/>
                  </a:lnTo>
                  <a:lnTo>
                    <a:pt x="1" y="141"/>
                  </a:lnTo>
                  <a:lnTo>
                    <a:pt x="0" y="157"/>
                  </a:lnTo>
                  <a:lnTo>
                    <a:pt x="0" y="157"/>
                  </a:lnTo>
                  <a:lnTo>
                    <a:pt x="1" y="173"/>
                  </a:lnTo>
                  <a:lnTo>
                    <a:pt x="3" y="188"/>
                  </a:lnTo>
                  <a:lnTo>
                    <a:pt x="7" y="203"/>
                  </a:lnTo>
                  <a:lnTo>
                    <a:pt x="12" y="219"/>
                  </a:lnTo>
                  <a:lnTo>
                    <a:pt x="19" y="232"/>
                  </a:lnTo>
                  <a:lnTo>
                    <a:pt x="28" y="245"/>
                  </a:lnTo>
                  <a:lnTo>
                    <a:pt x="37" y="257"/>
                  </a:lnTo>
                  <a:lnTo>
                    <a:pt x="47" y="268"/>
                  </a:lnTo>
                  <a:lnTo>
                    <a:pt x="59" y="278"/>
                  </a:lnTo>
                  <a:lnTo>
                    <a:pt x="72" y="288"/>
                  </a:lnTo>
                  <a:lnTo>
                    <a:pt x="85" y="295"/>
                  </a:lnTo>
                  <a:lnTo>
                    <a:pt x="100" y="302"/>
                  </a:lnTo>
                  <a:lnTo>
                    <a:pt x="114" y="307"/>
                  </a:lnTo>
                  <a:lnTo>
                    <a:pt x="130" y="311"/>
                  </a:lnTo>
                  <a:lnTo>
                    <a:pt x="146" y="314"/>
                  </a:lnTo>
                  <a:lnTo>
                    <a:pt x="163" y="315"/>
                  </a:lnTo>
                  <a:lnTo>
                    <a:pt x="163" y="315"/>
                  </a:lnTo>
                  <a:close/>
                </a:path>
              </a:pathLst>
            </a:custGeom>
            <a:solidFill>
              <a:srgbClr val="E5E5E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4" name="Freeform 304">
              <a:extLst>
                <a:ext uri="{FF2B5EF4-FFF2-40B4-BE49-F238E27FC236}">
                  <a16:creationId xmlns:a16="http://schemas.microsoft.com/office/drawing/2014/main" xmlns="" id="{7EA09479-2762-0445-8650-83C84E183552}"/>
                </a:ext>
              </a:extLst>
            </p:cNvPr>
            <p:cNvSpPr>
              <a:spLocks/>
            </p:cNvSpPr>
            <p:nvPr/>
          </p:nvSpPr>
          <p:spPr bwMode="auto">
            <a:xfrm flipH="1">
              <a:off x="9151647" y="3218694"/>
              <a:ext cx="120754" cy="121217"/>
            </a:xfrm>
            <a:custGeom>
              <a:avLst/>
              <a:gdLst>
                <a:gd name="T0" fmla="*/ 70 w 139"/>
                <a:gd name="T1" fmla="*/ 134 h 134"/>
                <a:gd name="T2" fmla="*/ 70 w 139"/>
                <a:gd name="T3" fmla="*/ 134 h 134"/>
                <a:gd name="T4" fmla="*/ 78 w 139"/>
                <a:gd name="T5" fmla="*/ 134 h 134"/>
                <a:gd name="T6" fmla="*/ 84 w 139"/>
                <a:gd name="T7" fmla="*/ 133 h 134"/>
                <a:gd name="T8" fmla="*/ 91 w 139"/>
                <a:gd name="T9" fmla="*/ 131 h 134"/>
                <a:gd name="T10" fmla="*/ 97 w 139"/>
                <a:gd name="T11" fmla="*/ 129 h 134"/>
                <a:gd name="T12" fmla="*/ 109 w 139"/>
                <a:gd name="T13" fmla="*/ 123 h 134"/>
                <a:gd name="T14" fmla="*/ 119 w 139"/>
                <a:gd name="T15" fmla="*/ 115 h 134"/>
                <a:gd name="T16" fmla="*/ 128 w 139"/>
                <a:gd name="T17" fmla="*/ 105 h 134"/>
                <a:gd name="T18" fmla="*/ 135 w 139"/>
                <a:gd name="T19" fmla="*/ 93 h 134"/>
                <a:gd name="T20" fmla="*/ 137 w 139"/>
                <a:gd name="T21" fmla="*/ 88 h 134"/>
                <a:gd name="T22" fmla="*/ 138 w 139"/>
                <a:gd name="T23" fmla="*/ 81 h 134"/>
                <a:gd name="T24" fmla="*/ 139 w 139"/>
                <a:gd name="T25" fmla="*/ 74 h 134"/>
                <a:gd name="T26" fmla="*/ 139 w 139"/>
                <a:gd name="T27" fmla="*/ 67 h 134"/>
                <a:gd name="T28" fmla="*/ 139 w 139"/>
                <a:gd name="T29" fmla="*/ 67 h 134"/>
                <a:gd name="T30" fmla="*/ 139 w 139"/>
                <a:gd name="T31" fmla="*/ 61 h 134"/>
                <a:gd name="T32" fmla="*/ 138 w 139"/>
                <a:gd name="T33" fmla="*/ 54 h 134"/>
                <a:gd name="T34" fmla="*/ 137 w 139"/>
                <a:gd name="T35" fmla="*/ 48 h 134"/>
                <a:gd name="T36" fmla="*/ 135 w 139"/>
                <a:gd name="T37" fmla="*/ 41 h 134"/>
                <a:gd name="T38" fmla="*/ 128 w 139"/>
                <a:gd name="T39" fmla="*/ 29 h 134"/>
                <a:gd name="T40" fmla="*/ 119 w 139"/>
                <a:gd name="T41" fmla="*/ 20 h 134"/>
                <a:gd name="T42" fmla="*/ 109 w 139"/>
                <a:gd name="T43" fmla="*/ 12 h 134"/>
                <a:gd name="T44" fmla="*/ 97 w 139"/>
                <a:gd name="T45" fmla="*/ 5 h 134"/>
                <a:gd name="T46" fmla="*/ 91 w 139"/>
                <a:gd name="T47" fmla="*/ 3 h 134"/>
                <a:gd name="T48" fmla="*/ 84 w 139"/>
                <a:gd name="T49" fmla="*/ 1 h 134"/>
                <a:gd name="T50" fmla="*/ 78 w 139"/>
                <a:gd name="T51" fmla="*/ 0 h 134"/>
                <a:gd name="T52" fmla="*/ 70 w 139"/>
                <a:gd name="T53" fmla="*/ 0 h 134"/>
                <a:gd name="T54" fmla="*/ 70 w 139"/>
                <a:gd name="T55" fmla="*/ 0 h 134"/>
                <a:gd name="T56" fmla="*/ 63 w 139"/>
                <a:gd name="T57" fmla="*/ 0 h 134"/>
                <a:gd name="T58" fmla="*/ 56 w 139"/>
                <a:gd name="T59" fmla="*/ 1 h 134"/>
                <a:gd name="T60" fmla="*/ 49 w 139"/>
                <a:gd name="T61" fmla="*/ 3 h 134"/>
                <a:gd name="T62" fmla="*/ 43 w 139"/>
                <a:gd name="T63" fmla="*/ 5 h 134"/>
                <a:gd name="T64" fmla="*/ 32 w 139"/>
                <a:gd name="T65" fmla="*/ 12 h 134"/>
                <a:gd name="T66" fmla="*/ 20 w 139"/>
                <a:gd name="T67" fmla="*/ 20 h 134"/>
                <a:gd name="T68" fmla="*/ 12 w 139"/>
                <a:gd name="T69" fmla="*/ 29 h 134"/>
                <a:gd name="T70" fmla="*/ 6 w 139"/>
                <a:gd name="T71" fmla="*/ 41 h 134"/>
                <a:gd name="T72" fmla="*/ 3 w 139"/>
                <a:gd name="T73" fmla="*/ 48 h 134"/>
                <a:gd name="T74" fmla="*/ 1 w 139"/>
                <a:gd name="T75" fmla="*/ 54 h 134"/>
                <a:gd name="T76" fmla="*/ 0 w 139"/>
                <a:gd name="T77" fmla="*/ 61 h 134"/>
                <a:gd name="T78" fmla="*/ 0 w 139"/>
                <a:gd name="T79" fmla="*/ 67 h 134"/>
                <a:gd name="T80" fmla="*/ 0 w 139"/>
                <a:gd name="T81" fmla="*/ 67 h 134"/>
                <a:gd name="T82" fmla="*/ 0 w 139"/>
                <a:gd name="T83" fmla="*/ 74 h 134"/>
                <a:gd name="T84" fmla="*/ 1 w 139"/>
                <a:gd name="T85" fmla="*/ 81 h 134"/>
                <a:gd name="T86" fmla="*/ 3 w 139"/>
                <a:gd name="T87" fmla="*/ 88 h 134"/>
                <a:gd name="T88" fmla="*/ 6 w 139"/>
                <a:gd name="T89" fmla="*/ 93 h 134"/>
                <a:gd name="T90" fmla="*/ 12 w 139"/>
                <a:gd name="T91" fmla="*/ 105 h 134"/>
                <a:gd name="T92" fmla="*/ 20 w 139"/>
                <a:gd name="T93" fmla="*/ 115 h 134"/>
                <a:gd name="T94" fmla="*/ 32 w 139"/>
                <a:gd name="T95" fmla="*/ 123 h 134"/>
                <a:gd name="T96" fmla="*/ 43 w 139"/>
                <a:gd name="T97" fmla="*/ 129 h 134"/>
                <a:gd name="T98" fmla="*/ 49 w 139"/>
                <a:gd name="T99" fmla="*/ 131 h 134"/>
                <a:gd name="T100" fmla="*/ 56 w 139"/>
                <a:gd name="T101" fmla="*/ 133 h 134"/>
                <a:gd name="T102" fmla="*/ 63 w 139"/>
                <a:gd name="T103" fmla="*/ 134 h 134"/>
                <a:gd name="T104" fmla="*/ 70 w 139"/>
                <a:gd name="T105" fmla="*/ 134 h 134"/>
                <a:gd name="T106" fmla="*/ 70 w 139"/>
                <a:gd name="T107" fmla="*/ 134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9" h="134">
                  <a:moveTo>
                    <a:pt x="70" y="134"/>
                  </a:moveTo>
                  <a:lnTo>
                    <a:pt x="70" y="134"/>
                  </a:lnTo>
                  <a:lnTo>
                    <a:pt x="78" y="134"/>
                  </a:lnTo>
                  <a:lnTo>
                    <a:pt x="84" y="133"/>
                  </a:lnTo>
                  <a:lnTo>
                    <a:pt x="91" y="131"/>
                  </a:lnTo>
                  <a:lnTo>
                    <a:pt x="97" y="129"/>
                  </a:lnTo>
                  <a:lnTo>
                    <a:pt x="109" y="123"/>
                  </a:lnTo>
                  <a:lnTo>
                    <a:pt x="119" y="115"/>
                  </a:lnTo>
                  <a:lnTo>
                    <a:pt x="128" y="105"/>
                  </a:lnTo>
                  <a:lnTo>
                    <a:pt x="135" y="93"/>
                  </a:lnTo>
                  <a:lnTo>
                    <a:pt x="137" y="88"/>
                  </a:lnTo>
                  <a:lnTo>
                    <a:pt x="138" y="81"/>
                  </a:lnTo>
                  <a:lnTo>
                    <a:pt x="139" y="74"/>
                  </a:lnTo>
                  <a:lnTo>
                    <a:pt x="139" y="67"/>
                  </a:lnTo>
                  <a:lnTo>
                    <a:pt x="139" y="67"/>
                  </a:lnTo>
                  <a:lnTo>
                    <a:pt x="139" y="61"/>
                  </a:lnTo>
                  <a:lnTo>
                    <a:pt x="138" y="54"/>
                  </a:lnTo>
                  <a:lnTo>
                    <a:pt x="137" y="48"/>
                  </a:lnTo>
                  <a:lnTo>
                    <a:pt x="135" y="41"/>
                  </a:lnTo>
                  <a:lnTo>
                    <a:pt x="128" y="29"/>
                  </a:lnTo>
                  <a:lnTo>
                    <a:pt x="119" y="20"/>
                  </a:lnTo>
                  <a:lnTo>
                    <a:pt x="109" y="12"/>
                  </a:lnTo>
                  <a:lnTo>
                    <a:pt x="97" y="5"/>
                  </a:lnTo>
                  <a:lnTo>
                    <a:pt x="91" y="3"/>
                  </a:lnTo>
                  <a:lnTo>
                    <a:pt x="84" y="1"/>
                  </a:lnTo>
                  <a:lnTo>
                    <a:pt x="78" y="0"/>
                  </a:lnTo>
                  <a:lnTo>
                    <a:pt x="70" y="0"/>
                  </a:lnTo>
                  <a:lnTo>
                    <a:pt x="70" y="0"/>
                  </a:lnTo>
                  <a:lnTo>
                    <a:pt x="63" y="0"/>
                  </a:lnTo>
                  <a:lnTo>
                    <a:pt x="56" y="1"/>
                  </a:lnTo>
                  <a:lnTo>
                    <a:pt x="49" y="3"/>
                  </a:lnTo>
                  <a:lnTo>
                    <a:pt x="43" y="5"/>
                  </a:lnTo>
                  <a:lnTo>
                    <a:pt x="32" y="12"/>
                  </a:lnTo>
                  <a:lnTo>
                    <a:pt x="20" y="20"/>
                  </a:lnTo>
                  <a:lnTo>
                    <a:pt x="12" y="29"/>
                  </a:lnTo>
                  <a:lnTo>
                    <a:pt x="6" y="41"/>
                  </a:lnTo>
                  <a:lnTo>
                    <a:pt x="3" y="48"/>
                  </a:lnTo>
                  <a:lnTo>
                    <a:pt x="1" y="54"/>
                  </a:lnTo>
                  <a:lnTo>
                    <a:pt x="0" y="61"/>
                  </a:lnTo>
                  <a:lnTo>
                    <a:pt x="0" y="67"/>
                  </a:lnTo>
                  <a:lnTo>
                    <a:pt x="0" y="67"/>
                  </a:lnTo>
                  <a:lnTo>
                    <a:pt x="0" y="74"/>
                  </a:lnTo>
                  <a:lnTo>
                    <a:pt x="1" y="81"/>
                  </a:lnTo>
                  <a:lnTo>
                    <a:pt x="3" y="88"/>
                  </a:lnTo>
                  <a:lnTo>
                    <a:pt x="6" y="93"/>
                  </a:lnTo>
                  <a:lnTo>
                    <a:pt x="12" y="105"/>
                  </a:lnTo>
                  <a:lnTo>
                    <a:pt x="20" y="115"/>
                  </a:lnTo>
                  <a:lnTo>
                    <a:pt x="32" y="123"/>
                  </a:lnTo>
                  <a:lnTo>
                    <a:pt x="43" y="129"/>
                  </a:lnTo>
                  <a:lnTo>
                    <a:pt x="49" y="131"/>
                  </a:lnTo>
                  <a:lnTo>
                    <a:pt x="56" y="133"/>
                  </a:lnTo>
                  <a:lnTo>
                    <a:pt x="63" y="134"/>
                  </a:lnTo>
                  <a:lnTo>
                    <a:pt x="70" y="134"/>
                  </a:lnTo>
                  <a:lnTo>
                    <a:pt x="70" y="134"/>
                  </a:lnTo>
                  <a:close/>
                </a:path>
              </a:pathLst>
            </a:custGeom>
            <a:solidFill>
              <a:srgbClr val="C320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5" name="Freeform 305">
              <a:extLst>
                <a:ext uri="{FF2B5EF4-FFF2-40B4-BE49-F238E27FC236}">
                  <a16:creationId xmlns:a16="http://schemas.microsoft.com/office/drawing/2014/main" xmlns="" id="{E1BE355B-71D6-654B-85E8-0041A3E8D006}"/>
                </a:ext>
              </a:extLst>
            </p:cNvPr>
            <p:cNvSpPr>
              <a:spLocks/>
            </p:cNvSpPr>
            <p:nvPr/>
          </p:nvSpPr>
          <p:spPr bwMode="auto">
            <a:xfrm flipH="1">
              <a:off x="8143611" y="1502504"/>
              <a:ext cx="152255" cy="197775"/>
            </a:xfrm>
            <a:custGeom>
              <a:avLst/>
              <a:gdLst>
                <a:gd name="T0" fmla="*/ 0 w 168"/>
                <a:gd name="T1" fmla="*/ 185 h 218"/>
                <a:gd name="T2" fmla="*/ 110 w 168"/>
                <a:gd name="T3" fmla="*/ 0 h 218"/>
                <a:gd name="T4" fmla="*/ 168 w 168"/>
                <a:gd name="T5" fmla="*/ 32 h 218"/>
                <a:gd name="T6" fmla="*/ 58 w 168"/>
                <a:gd name="T7" fmla="*/ 218 h 218"/>
                <a:gd name="T8" fmla="*/ 58 w 168"/>
                <a:gd name="T9" fmla="*/ 218 h 218"/>
                <a:gd name="T10" fmla="*/ 0 w 168"/>
                <a:gd name="T11" fmla="*/ 185 h 218"/>
                <a:gd name="T12" fmla="*/ 0 w 168"/>
                <a:gd name="T13" fmla="*/ 185 h 218"/>
              </a:gdLst>
              <a:ahLst/>
              <a:cxnLst>
                <a:cxn ang="0">
                  <a:pos x="T0" y="T1"/>
                </a:cxn>
                <a:cxn ang="0">
                  <a:pos x="T2" y="T3"/>
                </a:cxn>
                <a:cxn ang="0">
                  <a:pos x="T4" y="T5"/>
                </a:cxn>
                <a:cxn ang="0">
                  <a:pos x="T6" y="T7"/>
                </a:cxn>
                <a:cxn ang="0">
                  <a:pos x="T8" y="T9"/>
                </a:cxn>
                <a:cxn ang="0">
                  <a:pos x="T10" y="T11"/>
                </a:cxn>
                <a:cxn ang="0">
                  <a:pos x="T12" y="T13"/>
                </a:cxn>
              </a:cxnLst>
              <a:rect l="0" t="0" r="r" b="b"/>
              <a:pathLst>
                <a:path w="168" h="218">
                  <a:moveTo>
                    <a:pt x="0" y="185"/>
                  </a:moveTo>
                  <a:lnTo>
                    <a:pt x="110" y="0"/>
                  </a:lnTo>
                  <a:lnTo>
                    <a:pt x="168" y="32"/>
                  </a:lnTo>
                  <a:lnTo>
                    <a:pt x="58" y="218"/>
                  </a:lnTo>
                  <a:lnTo>
                    <a:pt x="58" y="218"/>
                  </a:lnTo>
                  <a:lnTo>
                    <a:pt x="0" y="185"/>
                  </a:lnTo>
                  <a:lnTo>
                    <a:pt x="0" y="185"/>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6" name="Freeform 306">
              <a:extLst>
                <a:ext uri="{FF2B5EF4-FFF2-40B4-BE49-F238E27FC236}">
                  <a16:creationId xmlns:a16="http://schemas.microsoft.com/office/drawing/2014/main" xmlns="" id="{63B4B216-FF07-FB4F-B74C-DDACBEA2CAC9}"/>
                </a:ext>
              </a:extLst>
            </p:cNvPr>
            <p:cNvSpPr>
              <a:spLocks/>
            </p:cNvSpPr>
            <p:nvPr/>
          </p:nvSpPr>
          <p:spPr bwMode="auto">
            <a:xfrm flipH="1">
              <a:off x="10091431" y="4909363"/>
              <a:ext cx="152255" cy="197775"/>
            </a:xfrm>
            <a:custGeom>
              <a:avLst/>
              <a:gdLst>
                <a:gd name="T0" fmla="*/ 169 w 169"/>
                <a:gd name="T1" fmla="*/ 31 h 217"/>
                <a:gd name="T2" fmla="*/ 59 w 169"/>
                <a:gd name="T3" fmla="*/ 217 h 217"/>
                <a:gd name="T4" fmla="*/ 0 w 169"/>
                <a:gd name="T5" fmla="*/ 185 h 217"/>
                <a:gd name="T6" fmla="*/ 111 w 169"/>
                <a:gd name="T7" fmla="*/ 0 h 217"/>
                <a:gd name="T8" fmla="*/ 111 w 169"/>
                <a:gd name="T9" fmla="*/ 0 h 217"/>
                <a:gd name="T10" fmla="*/ 169 w 169"/>
                <a:gd name="T11" fmla="*/ 31 h 217"/>
                <a:gd name="T12" fmla="*/ 169 w 169"/>
                <a:gd name="T13" fmla="*/ 31 h 217"/>
              </a:gdLst>
              <a:ahLst/>
              <a:cxnLst>
                <a:cxn ang="0">
                  <a:pos x="T0" y="T1"/>
                </a:cxn>
                <a:cxn ang="0">
                  <a:pos x="T2" y="T3"/>
                </a:cxn>
                <a:cxn ang="0">
                  <a:pos x="T4" y="T5"/>
                </a:cxn>
                <a:cxn ang="0">
                  <a:pos x="T6" y="T7"/>
                </a:cxn>
                <a:cxn ang="0">
                  <a:pos x="T8" y="T9"/>
                </a:cxn>
                <a:cxn ang="0">
                  <a:pos x="T10" y="T11"/>
                </a:cxn>
                <a:cxn ang="0">
                  <a:pos x="T12" y="T13"/>
                </a:cxn>
              </a:cxnLst>
              <a:rect l="0" t="0" r="r" b="b"/>
              <a:pathLst>
                <a:path w="169" h="217">
                  <a:moveTo>
                    <a:pt x="169" y="31"/>
                  </a:moveTo>
                  <a:lnTo>
                    <a:pt x="59" y="217"/>
                  </a:lnTo>
                  <a:lnTo>
                    <a:pt x="0" y="185"/>
                  </a:lnTo>
                  <a:lnTo>
                    <a:pt x="111" y="0"/>
                  </a:lnTo>
                  <a:lnTo>
                    <a:pt x="111" y="0"/>
                  </a:lnTo>
                  <a:lnTo>
                    <a:pt x="169" y="31"/>
                  </a:lnTo>
                  <a:lnTo>
                    <a:pt x="169" y="31"/>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7" name="Freeform 307">
              <a:extLst>
                <a:ext uri="{FF2B5EF4-FFF2-40B4-BE49-F238E27FC236}">
                  <a16:creationId xmlns:a16="http://schemas.microsoft.com/office/drawing/2014/main" xmlns="" id="{D03A2F28-96A5-D543-AF8B-BED45DDF32E8}"/>
                </a:ext>
              </a:extLst>
            </p:cNvPr>
            <p:cNvSpPr>
              <a:spLocks/>
            </p:cNvSpPr>
            <p:nvPr/>
          </p:nvSpPr>
          <p:spPr bwMode="auto">
            <a:xfrm flipH="1">
              <a:off x="7398085" y="2255331"/>
              <a:ext cx="194257" cy="146738"/>
            </a:xfrm>
            <a:custGeom>
              <a:avLst/>
              <a:gdLst>
                <a:gd name="T0" fmla="*/ 0 w 225"/>
                <a:gd name="T1" fmla="*/ 106 h 162"/>
                <a:gd name="T2" fmla="*/ 191 w 225"/>
                <a:gd name="T3" fmla="*/ 0 h 162"/>
                <a:gd name="T4" fmla="*/ 225 w 225"/>
                <a:gd name="T5" fmla="*/ 56 h 162"/>
                <a:gd name="T6" fmla="*/ 33 w 225"/>
                <a:gd name="T7" fmla="*/ 162 h 162"/>
                <a:gd name="T8" fmla="*/ 33 w 225"/>
                <a:gd name="T9" fmla="*/ 162 h 162"/>
                <a:gd name="T10" fmla="*/ 0 w 225"/>
                <a:gd name="T11" fmla="*/ 106 h 162"/>
                <a:gd name="T12" fmla="*/ 0 w 225"/>
                <a:gd name="T13" fmla="*/ 106 h 162"/>
              </a:gdLst>
              <a:ahLst/>
              <a:cxnLst>
                <a:cxn ang="0">
                  <a:pos x="T0" y="T1"/>
                </a:cxn>
                <a:cxn ang="0">
                  <a:pos x="T2" y="T3"/>
                </a:cxn>
                <a:cxn ang="0">
                  <a:pos x="T4" y="T5"/>
                </a:cxn>
                <a:cxn ang="0">
                  <a:pos x="T6" y="T7"/>
                </a:cxn>
                <a:cxn ang="0">
                  <a:pos x="T8" y="T9"/>
                </a:cxn>
                <a:cxn ang="0">
                  <a:pos x="T10" y="T11"/>
                </a:cxn>
                <a:cxn ang="0">
                  <a:pos x="T12" y="T13"/>
                </a:cxn>
              </a:cxnLst>
              <a:rect l="0" t="0" r="r" b="b"/>
              <a:pathLst>
                <a:path w="225" h="162">
                  <a:moveTo>
                    <a:pt x="0" y="106"/>
                  </a:moveTo>
                  <a:lnTo>
                    <a:pt x="191" y="0"/>
                  </a:lnTo>
                  <a:lnTo>
                    <a:pt x="225" y="56"/>
                  </a:lnTo>
                  <a:lnTo>
                    <a:pt x="33" y="162"/>
                  </a:lnTo>
                  <a:lnTo>
                    <a:pt x="33" y="162"/>
                  </a:lnTo>
                  <a:lnTo>
                    <a:pt x="0" y="106"/>
                  </a:lnTo>
                  <a:lnTo>
                    <a:pt x="0" y="106"/>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8" name="Freeform 308">
              <a:extLst>
                <a:ext uri="{FF2B5EF4-FFF2-40B4-BE49-F238E27FC236}">
                  <a16:creationId xmlns:a16="http://schemas.microsoft.com/office/drawing/2014/main" xmlns="" id="{3C3C7B91-1710-A841-929F-794DCDC0BA61}"/>
                </a:ext>
              </a:extLst>
            </p:cNvPr>
            <p:cNvSpPr>
              <a:spLocks/>
            </p:cNvSpPr>
            <p:nvPr/>
          </p:nvSpPr>
          <p:spPr bwMode="auto">
            <a:xfrm flipH="1">
              <a:off x="10794956" y="4207577"/>
              <a:ext cx="199507" cy="146738"/>
            </a:xfrm>
            <a:custGeom>
              <a:avLst/>
              <a:gdLst>
                <a:gd name="T0" fmla="*/ 227 w 227"/>
                <a:gd name="T1" fmla="*/ 56 h 162"/>
                <a:gd name="T2" fmla="*/ 34 w 227"/>
                <a:gd name="T3" fmla="*/ 162 h 162"/>
                <a:gd name="T4" fmla="*/ 0 w 227"/>
                <a:gd name="T5" fmla="*/ 106 h 162"/>
                <a:gd name="T6" fmla="*/ 193 w 227"/>
                <a:gd name="T7" fmla="*/ 0 h 162"/>
                <a:gd name="T8" fmla="*/ 193 w 227"/>
                <a:gd name="T9" fmla="*/ 0 h 162"/>
                <a:gd name="T10" fmla="*/ 227 w 227"/>
                <a:gd name="T11" fmla="*/ 56 h 162"/>
                <a:gd name="T12" fmla="*/ 227 w 227"/>
                <a:gd name="T13" fmla="*/ 56 h 162"/>
              </a:gdLst>
              <a:ahLst/>
              <a:cxnLst>
                <a:cxn ang="0">
                  <a:pos x="T0" y="T1"/>
                </a:cxn>
                <a:cxn ang="0">
                  <a:pos x="T2" y="T3"/>
                </a:cxn>
                <a:cxn ang="0">
                  <a:pos x="T4" y="T5"/>
                </a:cxn>
                <a:cxn ang="0">
                  <a:pos x="T6" y="T7"/>
                </a:cxn>
                <a:cxn ang="0">
                  <a:pos x="T8" y="T9"/>
                </a:cxn>
                <a:cxn ang="0">
                  <a:pos x="T10" y="T11"/>
                </a:cxn>
                <a:cxn ang="0">
                  <a:pos x="T12" y="T13"/>
                </a:cxn>
              </a:cxnLst>
              <a:rect l="0" t="0" r="r" b="b"/>
              <a:pathLst>
                <a:path w="227" h="162">
                  <a:moveTo>
                    <a:pt x="227" y="56"/>
                  </a:moveTo>
                  <a:lnTo>
                    <a:pt x="34" y="162"/>
                  </a:lnTo>
                  <a:lnTo>
                    <a:pt x="0" y="106"/>
                  </a:lnTo>
                  <a:lnTo>
                    <a:pt x="193" y="0"/>
                  </a:lnTo>
                  <a:lnTo>
                    <a:pt x="193" y="0"/>
                  </a:lnTo>
                  <a:lnTo>
                    <a:pt x="227" y="56"/>
                  </a:lnTo>
                  <a:lnTo>
                    <a:pt x="227" y="56"/>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9" name="Freeform 309">
              <a:extLst>
                <a:ext uri="{FF2B5EF4-FFF2-40B4-BE49-F238E27FC236}">
                  <a16:creationId xmlns:a16="http://schemas.microsoft.com/office/drawing/2014/main" xmlns="" id="{8936C6F2-BD3B-7F4A-8858-A942235542D0}"/>
                </a:ext>
              </a:extLst>
            </p:cNvPr>
            <p:cNvSpPr>
              <a:spLocks/>
            </p:cNvSpPr>
            <p:nvPr/>
          </p:nvSpPr>
          <p:spPr bwMode="auto">
            <a:xfrm flipH="1">
              <a:off x="10794956" y="2255331"/>
              <a:ext cx="194257" cy="146738"/>
            </a:xfrm>
            <a:custGeom>
              <a:avLst/>
              <a:gdLst>
                <a:gd name="T0" fmla="*/ 192 w 226"/>
                <a:gd name="T1" fmla="*/ 162 h 162"/>
                <a:gd name="T2" fmla="*/ 0 w 226"/>
                <a:gd name="T3" fmla="*/ 56 h 162"/>
                <a:gd name="T4" fmla="*/ 34 w 226"/>
                <a:gd name="T5" fmla="*/ 0 h 162"/>
                <a:gd name="T6" fmla="*/ 226 w 226"/>
                <a:gd name="T7" fmla="*/ 106 h 162"/>
                <a:gd name="T8" fmla="*/ 226 w 226"/>
                <a:gd name="T9" fmla="*/ 106 h 162"/>
                <a:gd name="T10" fmla="*/ 192 w 226"/>
                <a:gd name="T11" fmla="*/ 162 h 162"/>
                <a:gd name="T12" fmla="*/ 192 w 226"/>
                <a:gd name="T13" fmla="*/ 162 h 162"/>
              </a:gdLst>
              <a:ahLst/>
              <a:cxnLst>
                <a:cxn ang="0">
                  <a:pos x="T0" y="T1"/>
                </a:cxn>
                <a:cxn ang="0">
                  <a:pos x="T2" y="T3"/>
                </a:cxn>
                <a:cxn ang="0">
                  <a:pos x="T4" y="T5"/>
                </a:cxn>
                <a:cxn ang="0">
                  <a:pos x="T6" y="T7"/>
                </a:cxn>
                <a:cxn ang="0">
                  <a:pos x="T8" y="T9"/>
                </a:cxn>
                <a:cxn ang="0">
                  <a:pos x="T10" y="T11"/>
                </a:cxn>
                <a:cxn ang="0">
                  <a:pos x="T12" y="T13"/>
                </a:cxn>
              </a:cxnLst>
              <a:rect l="0" t="0" r="r" b="b"/>
              <a:pathLst>
                <a:path w="226" h="162">
                  <a:moveTo>
                    <a:pt x="192" y="162"/>
                  </a:moveTo>
                  <a:lnTo>
                    <a:pt x="0" y="56"/>
                  </a:lnTo>
                  <a:lnTo>
                    <a:pt x="34" y="0"/>
                  </a:lnTo>
                  <a:lnTo>
                    <a:pt x="226" y="106"/>
                  </a:lnTo>
                  <a:lnTo>
                    <a:pt x="226" y="106"/>
                  </a:lnTo>
                  <a:lnTo>
                    <a:pt x="192" y="162"/>
                  </a:lnTo>
                  <a:lnTo>
                    <a:pt x="192" y="16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0" name="Freeform 310">
              <a:extLst>
                <a:ext uri="{FF2B5EF4-FFF2-40B4-BE49-F238E27FC236}">
                  <a16:creationId xmlns:a16="http://schemas.microsoft.com/office/drawing/2014/main" xmlns="" id="{B7651BA0-A4E5-6C44-9916-23249FC90E3E}"/>
                </a:ext>
              </a:extLst>
            </p:cNvPr>
            <p:cNvSpPr>
              <a:spLocks/>
            </p:cNvSpPr>
            <p:nvPr/>
          </p:nvSpPr>
          <p:spPr bwMode="auto">
            <a:xfrm flipH="1">
              <a:off x="7398085" y="4207577"/>
              <a:ext cx="194257" cy="146738"/>
            </a:xfrm>
            <a:custGeom>
              <a:avLst/>
              <a:gdLst>
                <a:gd name="T0" fmla="*/ 33 w 226"/>
                <a:gd name="T1" fmla="*/ 0 h 162"/>
                <a:gd name="T2" fmla="*/ 226 w 226"/>
                <a:gd name="T3" fmla="*/ 106 h 162"/>
                <a:gd name="T4" fmla="*/ 192 w 226"/>
                <a:gd name="T5" fmla="*/ 162 h 162"/>
                <a:gd name="T6" fmla="*/ 0 w 226"/>
                <a:gd name="T7" fmla="*/ 56 h 162"/>
                <a:gd name="T8" fmla="*/ 0 w 226"/>
                <a:gd name="T9" fmla="*/ 56 h 162"/>
                <a:gd name="T10" fmla="*/ 33 w 226"/>
                <a:gd name="T11" fmla="*/ 0 h 162"/>
                <a:gd name="T12" fmla="*/ 33 w 226"/>
                <a:gd name="T13" fmla="*/ 0 h 162"/>
              </a:gdLst>
              <a:ahLst/>
              <a:cxnLst>
                <a:cxn ang="0">
                  <a:pos x="T0" y="T1"/>
                </a:cxn>
                <a:cxn ang="0">
                  <a:pos x="T2" y="T3"/>
                </a:cxn>
                <a:cxn ang="0">
                  <a:pos x="T4" y="T5"/>
                </a:cxn>
                <a:cxn ang="0">
                  <a:pos x="T6" y="T7"/>
                </a:cxn>
                <a:cxn ang="0">
                  <a:pos x="T8" y="T9"/>
                </a:cxn>
                <a:cxn ang="0">
                  <a:pos x="T10" y="T11"/>
                </a:cxn>
                <a:cxn ang="0">
                  <a:pos x="T12" y="T13"/>
                </a:cxn>
              </a:cxnLst>
              <a:rect l="0" t="0" r="r" b="b"/>
              <a:pathLst>
                <a:path w="226" h="162">
                  <a:moveTo>
                    <a:pt x="33" y="0"/>
                  </a:moveTo>
                  <a:lnTo>
                    <a:pt x="226" y="106"/>
                  </a:lnTo>
                  <a:lnTo>
                    <a:pt x="192" y="162"/>
                  </a:lnTo>
                  <a:lnTo>
                    <a:pt x="0" y="56"/>
                  </a:lnTo>
                  <a:lnTo>
                    <a:pt x="0" y="56"/>
                  </a:lnTo>
                  <a:lnTo>
                    <a:pt x="33" y="0"/>
                  </a:lnTo>
                  <a:lnTo>
                    <a:pt x="33"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1" name="Freeform 311">
              <a:extLst>
                <a:ext uri="{FF2B5EF4-FFF2-40B4-BE49-F238E27FC236}">
                  <a16:creationId xmlns:a16="http://schemas.microsoft.com/office/drawing/2014/main" xmlns="" id="{575CEF89-DE45-9B47-861F-DBF6BA896C6E}"/>
                </a:ext>
              </a:extLst>
            </p:cNvPr>
            <p:cNvSpPr>
              <a:spLocks/>
            </p:cNvSpPr>
            <p:nvPr/>
          </p:nvSpPr>
          <p:spPr bwMode="auto">
            <a:xfrm flipH="1">
              <a:off x="10096681" y="1502504"/>
              <a:ext cx="147005" cy="197775"/>
            </a:xfrm>
            <a:custGeom>
              <a:avLst/>
              <a:gdLst>
                <a:gd name="T0" fmla="*/ 109 w 168"/>
                <a:gd name="T1" fmla="*/ 217 h 217"/>
                <a:gd name="T2" fmla="*/ 0 w 168"/>
                <a:gd name="T3" fmla="*/ 32 h 217"/>
                <a:gd name="T4" fmla="*/ 58 w 168"/>
                <a:gd name="T5" fmla="*/ 0 h 217"/>
                <a:gd name="T6" fmla="*/ 168 w 168"/>
                <a:gd name="T7" fmla="*/ 185 h 217"/>
                <a:gd name="T8" fmla="*/ 168 w 168"/>
                <a:gd name="T9" fmla="*/ 185 h 217"/>
                <a:gd name="T10" fmla="*/ 109 w 168"/>
                <a:gd name="T11" fmla="*/ 217 h 217"/>
                <a:gd name="T12" fmla="*/ 109 w 168"/>
                <a:gd name="T13" fmla="*/ 217 h 217"/>
              </a:gdLst>
              <a:ahLst/>
              <a:cxnLst>
                <a:cxn ang="0">
                  <a:pos x="T0" y="T1"/>
                </a:cxn>
                <a:cxn ang="0">
                  <a:pos x="T2" y="T3"/>
                </a:cxn>
                <a:cxn ang="0">
                  <a:pos x="T4" y="T5"/>
                </a:cxn>
                <a:cxn ang="0">
                  <a:pos x="T6" y="T7"/>
                </a:cxn>
                <a:cxn ang="0">
                  <a:pos x="T8" y="T9"/>
                </a:cxn>
                <a:cxn ang="0">
                  <a:pos x="T10" y="T11"/>
                </a:cxn>
                <a:cxn ang="0">
                  <a:pos x="T12" y="T13"/>
                </a:cxn>
              </a:cxnLst>
              <a:rect l="0" t="0" r="r" b="b"/>
              <a:pathLst>
                <a:path w="168" h="217">
                  <a:moveTo>
                    <a:pt x="109" y="217"/>
                  </a:moveTo>
                  <a:lnTo>
                    <a:pt x="0" y="32"/>
                  </a:lnTo>
                  <a:lnTo>
                    <a:pt x="58" y="0"/>
                  </a:lnTo>
                  <a:lnTo>
                    <a:pt x="168" y="185"/>
                  </a:lnTo>
                  <a:lnTo>
                    <a:pt x="168" y="185"/>
                  </a:lnTo>
                  <a:lnTo>
                    <a:pt x="109" y="217"/>
                  </a:lnTo>
                  <a:lnTo>
                    <a:pt x="109" y="217"/>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2" name="Freeform 312">
              <a:extLst>
                <a:ext uri="{FF2B5EF4-FFF2-40B4-BE49-F238E27FC236}">
                  <a16:creationId xmlns:a16="http://schemas.microsoft.com/office/drawing/2014/main" xmlns="" id="{47183304-40EC-2949-858E-11D274DEF914}"/>
                </a:ext>
              </a:extLst>
            </p:cNvPr>
            <p:cNvSpPr>
              <a:spLocks/>
            </p:cNvSpPr>
            <p:nvPr/>
          </p:nvSpPr>
          <p:spPr bwMode="auto">
            <a:xfrm flipH="1">
              <a:off x="8143611" y="4902985"/>
              <a:ext cx="147005" cy="197775"/>
            </a:xfrm>
            <a:custGeom>
              <a:avLst/>
              <a:gdLst>
                <a:gd name="T0" fmla="*/ 59 w 170"/>
                <a:gd name="T1" fmla="*/ 0 h 217"/>
                <a:gd name="T2" fmla="*/ 170 w 170"/>
                <a:gd name="T3" fmla="*/ 185 h 217"/>
                <a:gd name="T4" fmla="*/ 111 w 170"/>
                <a:gd name="T5" fmla="*/ 217 h 217"/>
                <a:gd name="T6" fmla="*/ 0 w 170"/>
                <a:gd name="T7" fmla="*/ 32 h 217"/>
                <a:gd name="T8" fmla="*/ 0 w 170"/>
                <a:gd name="T9" fmla="*/ 32 h 217"/>
                <a:gd name="T10" fmla="*/ 59 w 170"/>
                <a:gd name="T11" fmla="*/ 0 h 217"/>
                <a:gd name="T12" fmla="*/ 59 w 170"/>
                <a:gd name="T13" fmla="*/ 0 h 217"/>
              </a:gdLst>
              <a:ahLst/>
              <a:cxnLst>
                <a:cxn ang="0">
                  <a:pos x="T0" y="T1"/>
                </a:cxn>
                <a:cxn ang="0">
                  <a:pos x="T2" y="T3"/>
                </a:cxn>
                <a:cxn ang="0">
                  <a:pos x="T4" y="T5"/>
                </a:cxn>
                <a:cxn ang="0">
                  <a:pos x="T6" y="T7"/>
                </a:cxn>
                <a:cxn ang="0">
                  <a:pos x="T8" y="T9"/>
                </a:cxn>
                <a:cxn ang="0">
                  <a:pos x="T10" y="T11"/>
                </a:cxn>
                <a:cxn ang="0">
                  <a:pos x="T12" y="T13"/>
                </a:cxn>
              </a:cxnLst>
              <a:rect l="0" t="0" r="r" b="b"/>
              <a:pathLst>
                <a:path w="170" h="217">
                  <a:moveTo>
                    <a:pt x="59" y="0"/>
                  </a:moveTo>
                  <a:lnTo>
                    <a:pt x="170" y="185"/>
                  </a:lnTo>
                  <a:lnTo>
                    <a:pt x="111" y="217"/>
                  </a:lnTo>
                  <a:lnTo>
                    <a:pt x="0" y="32"/>
                  </a:lnTo>
                  <a:lnTo>
                    <a:pt x="0" y="32"/>
                  </a:lnTo>
                  <a:lnTo>
                    <a:pt x="59" y="0"/>
                  </a:lnTo>
                  <a:lnTo>
                    <a:pt x="59"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3" name="Freeform 313">
              <a:extLst>
                <a:ext uri="{FF2B5EF4-FFF2-40B4-BE49-F238E27FC236}">
                  <a16:creationId xmlns:a16="http://schemas.microsoft.com/office/drawing/2014/main" xmlns="" id="{5D2B8E03-8718-F44A-A931-DAB0D5C0C860}"/>
                </a:ext>
              </a:extLst>
            </p:cNvPr>
            <p:cNvSpPr>
              <a:spLocks/>
            </p:cNvSpPr>
            <p:nvPr/>
          </p:nvSpPr>
          <p:spPr bwMode="auto">
            <a:xfrm flipH="1">
              <a:off x="7104074" y="3263353"/>
              <a:ext cx="336012" cy="57419"/>
            </a:xfrm>
            <a:custGeom>
              <a:avLst/>
              <a:gdLst>
                <a:gd name="T0" fmla="*/ 0 w 382"/>
                <a:gd name="T1" fmla="*/ 44 h 64"/>
                <a:gd name="T2" fmla="*/ 0 w 382"/>
                <a:gd name="T3" fmla="*/ 44 h 64"/>
                <a:gd name="T4" fmla="*/ 0 w 382"/>
                <a:gd name="T5" fmla="*/ 0 h 64"/>
                <a:gd name="T6" fmla="*/ 382 w 382"/>
                <a:gd name="T7" fmla="*/ 0 h 64"/>
                <a:gd name="T8" fmla="*/ 382 w 382"/>
                <a:gd name="T9" fmla="*/ 64 h 64"/>
                <a:gd name="T10" fmla="*/ 0 w 382"/>
                <a:gd name="T11" fmla="*/ 64 h 64"/>
                <a:gd name="T12" fmla="*/ 0 w 382"/>
                <a:gd name="T13" fmla="*/ 64 h 64"/>
                <a:gd name="T14" fmla="*/ 0 w 382"/>
                <a:gd name="T15" fmla="*/ 44 h 64"/>
                <a:gd name="T16" fmla="*/ 0 w 382"/>
                <a:gd name="T17" fmla="*/ 44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2" h="64">
                  <a:moveTo>
                    <a:pt x="0" y="44"/>
                  </a:moveTo>
                  <a:lnTo>
                    <a:pt x="0" y="44"/>
                  </a:lnTo>
                  <a:lnTo>
                    <a:pt x="0" y="0"/>
                  </a:lnTo>
                  <a:lnTo>
                    <a:pt x="382" y="0"/>
                  </a:lnTo>
                  <a:lnTo>
                    <a:pt x="382" y="64"/>
                  </a:lnTo>
                  <a:lnTo>
                    <a:pt x="0" y="64"/>
                  </a:lnTo>
                  <a:lnTo>
                    <a:pt x="0" y="64"/>
                  </a:lnTo>
                  <a:lnTo>
                    <a:pt x="0" y="44"/>
                  </a:lnTo>
                  <a:lnTo>
                    <a:pt x="0" y="44"/>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4" name="Freeform 314">
              <a:extLst>
                <a:ext uri="{FF2B5EF4-FFF2-40B4-BE49-F238E27FC236}">
                  <a16:creationId xmlns:a16="http://schemas.microsoft.com/office/drawing/2014/main" xmlns="" id="{C50FC787-B5B8-5A42-A31E-542F1474719A}"/>
                </a:ext>
              </a:extLst>
            </p:cNvPr>
            <p:cNvSpPr>
              <a:spLocks/>
            </p:cNvSpPr>
            <p:nvPr/>
          </p:nvSpPr>
          <p:spPr bwMode="auto">
            <a:xfrm flipH="1">
              <a:off x="10947212" y="3263353"/>
              <a:ext cx="341262" cy="57419"/>
            </a:xfrm>
            <a:custGeom>
              <a:avLst/>
              <a:gdLst>
                <a:gd name="T0" fmla="*/ 391 w 391"/>
                <a:gd name="T1" fmla="*/ 0 h 64"/>
                <a:gd name="T2" fmla="*/ 391 w 391"/>
                <a:gd name="T3" fmla="*/ 0 h 64"/>
                <a:gd name="T4" fmla="*/ 390 w 391"/>
                <a:gd name="T5" fmla="*/ 44 h 64"/>
                <a:gd name="T6" fmla="*/ 390 w 391"/>
                <a:gd name="T7" fmla="*/ 44 h 64"/>
                <a:gd name="T8" fmla="*/ 390 w 391"/>
                <a:gd name="T9" fmla="*/ 64 h 64"/>
                <a:gd name="T10" fmla="*/ 0 w 391"/>
                <a:gd name="T11" fmla="*/ 64 h 64"/>
                <a:gd name="T12" fmla="*/ 0 w 391"/>
                <a:gd name="T13" fmla="*/ 0 h 64"/>
                <a:gd name="T14" fmla="*/ 391 w 391"/>
                <a:gd name="T15" fmla="*/ 0 h 6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91" h="64">
                  <a:moveTo>
                    <a:pt x="391" y="0"/>
                  </a:moveTo>
                  <a:lnTo>
                    <a:pt x="391" y="0"/>
                  </a:lnTo>
                  <a:lnTo>
                    <a:pt x="390" y="44"/>
                  </a:lnTo>
                  <a:lnTo>
                    <a:pt x="390" y="44"/>
                  </a:lnTo>
                  <a:lnTo>
                    <a:pt x="390" y="64"/>
                  </a:lnTo>
                  <a:lnTo>
                    <a:pt x="0" y="64"/>
                  </a:lnTo>
                  <a:lnTo>
                    <a:pt x="0" y="0"/>
                  </a:lnTo>
                  <a:lnTo>
                    <a:pt x="391"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5" name="Freeform 315">
              <a:extLst>
                <a:ext uri="{FF2B5EF4-FFF2-40B4-BE49-F238E27FC236}">
                  <a16:creationId xmlns:a16="http://schemas.microsoft.com/office/drawing/2014/main" xmlns="" id="{A4DB3D17-50A4-734B-B80A-C57D8B0595CA}"/>
                </a:ext>
              </a:extLst>
            </p:cNvPr>
            <p:cNvSpPr>
              <a:spLocks/>
            </p:cNvSpPr>
            <p:nvPr/>
          </p:nvSpPr>
          <p:spPr bwMode="auto">
            <a:xfrm flipH="1">
              <a:off x="9167398" y="5062483"/>
              <a:ext cx="57752" cy="331753"/>
            </a:xfrm>
            <a:custGeom>
              <a:avLst/>
              <a:gdLst>
                <a:gd name="T0" fmla="*/ 38 w 67"/>
                <a:gd name="T1" fmla="*/ 1 h 361"/>
                <a:gd name="T2" fmla="*/ 38 w 67"/>
                <a:gd name="T3" fmla="*/ 1 h 361"/>
                <a:gd name="T4" fmla="*/ 67 w 67"/>
                <a:gd name="T5" fmla="*/ 0 h 361"/>
                <a:gd name="T6" fmla="*/ 67 w 67"/>
                <a:gd name="T7" fmla="*/ 361 h 361"/>
                <a:gd name="T8" fmla="*/ 0 w 67"/>
                <a:gd name="T9" fmla="*/ 361 h 361"/>
                <a:gd name="T10" fmla="*/ 0 w 67"/>
                <a:gd name="T11" fmla="*/ 0 h 361"/>
                <a:gd name="T12" fmla="*/ 0 w 67"/>
                <a:gd name="T13" fmla="*/ 0 h 361"/>
                <a:gd name="T14" fmla="*/ 38 w 67"/>
                <a:gd name="T15" fmla="*/ 1 h 361"/>
                <a:gd name="T16" fmla="*/ 38 w 67"/>
                <a:gd name="T17" fmla="*/ 1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7" h="361">
                  <a:moveTo>
                    <a:pt x="38" y="1"/>
                  </a:moveTo>
                  <a:lnTo>
                    <a:pt x="38" y="1"/>
                  </a:lnTo>
                  <a:lnTo>
                    <a:pt x="67" y="0"/>
                  </a:lnTo>
                  <a:lnTo>
                    <a:pt x="67" y="361"/>
                  </a:lnTo>
                  <a:lnTo>
                    <a:pt x="0" y="361"/>
                  </a:lnTo>
                  <a:lnTo>
                    <a:pt x="0" y="0"/>
                  </a:lnTo>
                  <a:lnTo>
                    <a:pt x="0" y="0"/>
                  </a:lnTo>
                  <a:lnTo>
                    <a:pt x="38" y="1"/>
                  </a:lnTo>
                  <a:lnTo>
                    <a:pt x="38" y="1"/>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6" name="Freeform 316">
              <a:extLst>
                <a:ext uri="{FF2B5EF4-FFF2-40B4-BE49-F238E27FC236}">
                  <a16:creationId xmlns:a16="http://schemas.microsoft.com/office/drawing/2014/main" xmlns="" id="{3BC4D341-AEF8-3645-92E3-22A2D53566B1}"/>
                </a:ext>
              </a:extLst>
            </p:cNvPr>
            <p:cNvSpPr>
              <a:spLocks/>
            </p:cNvSpPr>
            <p:nvPr/>
          </p:nvSpPr>
          <p:spPr bwMode="auto">
            <a:xfrm flipH="1">
              <a:off x="9167398" y="1196272"/>
              <a:ext cx="57752" cy="350895"/>
            </a:xfrm>
            <a:custGeom>
              <a:avLst/>
              <a:gdLst>
                <a:gd name="T0" fmla="*/ 38 w 67"/>
                <a:gd name="T1" fmla="*/ 383 h 384"/>
                <a:gd name="T2" fmla="*/ 38 w 67"/>
                <a:gd name="T3" fmla="*/ 383 h 384"/>
                <a:gd name="T4" fmla="*/ 0 w 67"/>
                <a:gd name="T5" fmla="*/ 384 h 384"/>
                <a:gd name="T6" fmla="*/ 0 w 67"/>
                <a:gd name="T7" fmla="*/ 0 h 384"/>
                <a:gd name="T8" fmla="*/ 67 w 67"/>
                <a:gd name="T9" fmla="*/ 0 h 384"/>
                <a:gd name="T10" fmla="*/ 67 w 67"/>
                <a:gd name="T11" fmla="*/ 384 h 384"/>
                <a:gd name="T12" fmla="*/ 67 w 67"/>
                <a:gd name="T13" fmla="*/ 384 h 384"/>
                <a:gd name="T14" fmla="*/ 38 w 67"/>
                <a:gd name="T15" fmla="*/ 383 h 384"/>
                <a:gd name="T16" fmla="*/ 38 w 67"/>
                <a:gd name="T17" fmla="*/ 383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7" h="384">
                  <a:moveTo>
                    <a:pt x="38" y="383"/>
                  </a:moveTo>
                  <a:lnTo>
                    <a:pt x="38" y="383"/>
                  </a:lnTo>
                  <a:lnTo>
                    <a:pt x="0" y="384"/>
                  </a:lnTo>
                  <a:lnTo>
                    <a:pt x="0" y="0"/>
                  </a:lnTo>
                  <a:lnTo>
                    <a:pt x="67" y="0"/>
                  </a:lnTo>
                  <a:lnTo>
                    <a:pt x="67" y="384"/>
                  </a:lnTo>
                  <a:lnTo>
                    <a:pt x="67" y="384"/>
                  </a:lnTo>
                  <a:lnTo>
                    <a:pt x="38" y="383"/>
                  </a:lnTo>
                  <a:lnTo>
                    <a:pt x="38" y="383"/>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grpSp>
      <p:sp>
        <p:nvSpPr>
          <p:cNvPr id="37" name="Right Arrow 36">
            <a:extLst>
              <a:ext uri="{FF2B5EF4-FFF2-40B4-BE49-F238E27FC236}">
                <a16:creationId xmlns:a16="http://schemas.microsoft.com/office/drawing/2014/main" xmlns="" id="{AE569618-6A0E-9940-91A8-D1843D4EE6E0}"/>
              </a:ext>
            </a:extLst>
          </p:cNvPr>
          <p:cNvSpPr/>
          <p:nvPr/>
        </p:nvSpPr>
        <p:spPr>
          <a:xfrm>
            <a:off x="4207319" y="179656"/>
            <a:ext cx="527643" cy="385186"/>
          </a:xfrm>
          <a:prstGeom prst="rightArrow">
            <a:avLst/>
          </a:prstGeom>
          <a:solidFill>
            <a:srgbClr val="7BA21A">
              <a:alpha val="53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418852865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xmlns="" id="{ACCCF7FC-3E96-47D0-BFF8-F05C68498519}"/>
              </a:ext>
            </a:extLst>
          </p:cNvPr>
          <p:cNvGraphicFramePr>
            <a:graphicFrameLocks noGrp="1"/>
          </p:cNvGraphicFramePr>
          <p:nvPr>
            <p:extLst>
              <p:ext uri="{D42A27DB-BD31-4B8C-83A1-F6EECF244321}">
                <p14:modId xmlns:p14="http://schemas.microsoft.com/office/powerpoint/2010/main" val="310801081"/>
              </p:ext>
            </p:extLst>
          </p:nvPr>
        </p:nvGraphicFramePr>
        <p:xfrm>
          <a:off x="20548" y="2"/>
          <a:ext cx="12171452" cy="7955280"/>
        </p:xfrm>
        <a:graphic>
          <a:graphicData uri="http://schemas.openxmlformats.org/drawingml/2006/table">
            <a:tbl>
              <a:tblPr firstRow="1" bandRow="1">
                <a:effectLst>
                  <a:outerShdw dist="38100" sx="1000" sy="1000" algn="l" rotWithShape="0">
                    <a:prstClr val="black">
                      <a:alpha val="65000"/>
                    </a:prstClr>
                  </a:outerShdw>
                </a:effectLst>
                <a:tableStyleId>{5C22544A-7EE6-4342-B048-85BDC9FD1C3A}</a:tableStyleId>
              </a:tblPr>
              <a:tblGrid>
                <a:gridCol w="1665377">
                  <a:extLst>
                    <a:ext uri="{9D8B030D-6E8A-4147-A177-3AD203B41FA5}">
                      <a16:colId xmlns:a16="http://schemas.microsoft.com/office/drawing/2014/main" xmlns="" val="1560926920"/>
                    </a:ext>
                  </a:extLst>
                </a:gridCol>
                <a:gridCol w="10506075">
                  <a:extLst>
                    <a:ext uri="{9D8B030D-6E8A-4147-A177-3AD203B41FA5}">
                      <a16:colId xmlns:a16="http://schemas.microsoft.com/office/drawing/2014/main" xmlns="" val="3935886225"/>
                    </a:ext>
                  </a:extLst>
                </a:gridCol>
              </a:tblGrid>
              <a:tr h="1610567">
                <a:tc>
                  <a:txBody>
                    <a:bodyPr/>
                    <a:lstStyle/>
                    <a:p>
                      <a:pPr>
                        <a:spcAft>
                          <a:spcPts val="0"/>
                        </a:spcAft>
                      </a:pPr>
                      <a:r>
                        <a:rPr lang="en-US" sz="2100" b="1" kern="1200" dirty="0" smtClean="0">
                          <a:solidFill>
                            <a:schemeClr val="accent2"/>
                          </a:solidFill>
                          <a:latin typeface="+mn-lt"/>
                          <a:ea typeface="+mn-ea"/>
                          <a:cs typeface="+mn-cs"/>
                        </a:rPr>
                        <a:t>Presentación</a:t>
                      </a:r>
                      <a:r>
                        <a:rPr lang="en-US" sz="2100" b="1" kern="1200" baseline="0" dirty="0" smtClean="0">
                          <a:solidFill>
                            <a:schemeClr val="accent2"/>
                          </a:solidFill>
                          <a:latin typeface="+mn-lt"/>
                          <a:ea typeface="+mn-ea"/>
                          <a:cs typeface="+mn-cs"/>
                        </a:rPr>
                        <a:t> de las salas para grupos pequeños</a:t>
                      </a:r>
                      <a:endParaRPr lang="en-US" sz="2100" b="1" kern="1200" dirty="0">
                        <a:solidFill>
                          <a:schemeClr val="accent2"/>
                        </a:solidFill>
                        <a:latin typeface="+mn-lt"/>
                        <a:ea typeface="+mn-ea"/>
                        <a:cs typeface="+mn-cs"/>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2400" b="1" kern="1200" dirty="0">
                          <a:solidFill>
                            <a:schemeClr val="tx2"/>
                          </a:solidFill>
                          <a:latin typeface="Arial" panose="020B0604020202020204" pitchFamily="34" charset="0"/>
                          <a:ea typeface="+mn-ea"/>
                          <a:cs typeface="Arial" panose="020B0604020202020204" pitchFamily="34" charset="0"/>
                        </a:rPr>
                        <a:t>45 </a:t>
                      </a:r>
                      <a:r>
                        <a:rPr lang="en-US" sz="2400" b="1" kern="1200" dirty="0" smtClean="0">
                          <a:solidFill>
                            <a:schemeClr val="tx2"/>
                          </a:solidFill>
                          <a:latin typeface="Arial" panose="020B0604020202020204" pitchFamily="34" charset="0"/>
                          <a:ea typeface="+mn-ea"/>
                          <a:cs typeface="Arial" panose="020B0604020202020204" pitchFamily="34" charset="0"/>
                        </a:rPr>
                        <a:t>a </a:t>
                      </a:r>
                      <a:r>
                        <a:rPr lang="en-US" sz="2400" b="1" kern="1200" dirty="0">
                          <a:solidFill>
                            <a:schemeClr val="tx2"/>
                          </a:solidFill>
                          <a:latin typeface="Arial" panose="020B0604020202020204" pitchFamily="34" charset="0"/>
                          <a:ea typeface="+mn-ea"/>
                          <a:cs typeface="Arial" panose="020B0604020202020204" pitchFamily="34" charset="0"/>
                        </a:rPr>
                        <a:t>60 </a:t>
                      </a:r>
                      <a:r>
                        <a:rPr lang="en-US" sz="2400" b="1" kern="1200" dirty="0" smtClean="0">
                          <a:solidFill>
                            <a:schemeClr val="tx2"/>
                          </a:solidFill>
                          <a:latin typeface="Arial" panose="020B0604020202020204" pitchFamily="34" charset="0"/>
                          <a:ea typeface="+mn-ea"/>
                          <a:cs typeface="Arial" panose="020B0604020202020204" pitchFamily="34" charset="0"/>
                        </a:rPr>
                        <a:t>minutos</a:t>
                      </a:r>
                      <a:endParaRPr lang="en-US" sz="2400" dirty="0">
                        <a:solidFill>
                          <a:schemeClr val="tx2"/>
                        </a:solidFill>
                        <a:latin typeface="Arial" panose="020B0604020202020204" pitchFamily="34" charset="0"/>
                        <a:cs typeface="Arial" panose="020B0604020202020204" pitchFamily="34" charset="0"/>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extLst>
                  <a:ext uri="{0D108BD9-81ED-4DB2-BD59-A6C34878D82A}">
                    <a16:rowId xmlns:a16="http://schemas.microsoft.com/office/drawing/2014/main" xmlns="" val="423117710"/>
                  </a:ext>
                </a:extLst>
              </a:tr>
              <a:tr h="2638970">
                <a:tc>
                  <a:txBody>
                    <a:bodyPr/>
                    <a:lstStyle/>
                    <a:p>
                      <a:pPr algn="ctr">
                        <a:lnSpc>
                          <a:spcPct val="107000"/>
                        </a:lnSpc>
                        <a:spcAft>
                          <a:spcPts val="0"/>
                        </a:spcAft>
                      </a:pPr>
                      <a:endParaRPr lang="en-US" sz="1600" b="1" dirty="0" smtClean="0">
                        <a:solidFill>
                          <a:schemeClr val="bg1"/>
                        </a:solidFill>
                        <a:effectLst/>
                        <a:latin typeface="Arial" panose="020B0604020202020204" pitchFamily="34" charset="0"/>
                        <a:ea typeface="+mn-ea"/>
                        <a:cs typeface="Arial" panose="020B0604020202020204" pitchFamily="34" charset="0"/>
                      </a:endParaRPr>
                    </a:p>
                    <a:p>
                      <a:pPr algn="ctr">
                        <a:lnSpc>
                          <a:spcPct val="107000"/>
                        </a:lnSpc>
                        <a:spcAft>
                          <a:spcPts val="0"/>
                        </a:spcAft>
                      </a:pPr>
                      <a:endParaRPr lang="en-US" sz="1600" b="1" dirty="0" smtClean="0">
                        <a:solidFill>
                          <a:schemeClr val="bg1"/>
                        </a:solidFill>
                        <a:effectLst/>
                        <a:latin typeface="Arial" panose="020B0604020202020204" pitchFamily="34" charset="0"/>
                        <a:ea typeface="+mn-ea"/>
                        <a:cs typeface="Arial" panose="020B0604020202020204" pitchFamily="34" charset="0"/>
                      </a:endParaRPr>
                    </a:p>
                    <a:p>
                      <a:pPr algn="ctr">
                        <a:lnSpc>
                          <a:spcPct val="107000"/>
                        </a:lnSpc>
                        <a:spcAft>
                          <a:spcPts val="0"/>
                        </a:spcAft>
                      </a:pPr>
                      <a:endParaRPr lang="en-US" sz="1600" b="1" dirty="0" smtClean="0">
                        <a:solidFill>
                          <a:schemeClr val="bg1"/>
                        </a:solidFill>
                        <a:effectLst/>
                        <a:latin typeface="Arial" panose="020B0604020202020204" pitchFamily="34" charset="0"/>
                        <a:ea typeface="+mn-ea"/>
                        <a:cs typeface="Arial" panose="020B0604020202020204" pitchFamily="34" charset="0"/>
                      </a:endParaRPr>
                    </a:p>
                    <a:p>
                      <a:pPr algn="ctr">
                        <a:lnSpc>
                          <a:spcPct val="107000"/>
                        </a:lnSpc>
                        <a:spcAft>
                          <a:spcPts val="0"/>
                        </a:spcAft>
                      </a:pPr>
                      <a:endParaRPr lang="en-US" sz="1600" b="1" dirty="0" smtClean="0">
                        <a:solidFill>
                          <a:schemeClr val="bg1"/>
                        </a:solidFill>
                        <a:effectLst/>
                        <a:latin typeface="Arial" panose="020B0604020202020204" pitchFamily="34" charset="0"/>
                        <a:ea typeface="+mn-ea"/>
                        <a:cs typeface="Arial" panose="020B0604020202020204" pitchFamily="34" charset="0"/>
                      </a:endParaRPr>
                    </a:p>
                    <a:p>
                      <a:pPr algn="ctr">
                        <a:lnSpc>
                          <a:spcPct val="107000"/>
                        </a:lnSpc>
                        <a:spcAft>
                          <a:spcPts val="0"/>
                        </a:spcAft>
                      </a:pPr>
                      <a:r>
                        <a:rPr lang="en-US" sz="1600" b="1" dirty="0" smtClean="0">
                          <a:solidFill>
                            <a:schemeClr val="bg1"/>
                          </a:solidFill>
                          <a:effectLst/>
                          <a:latin typeface="Arial" panose="020B0604020202020204" pitchFamily="34" charset="0"/>
                          <a:ea typeface="+mn-ea"/>
                          <a:cs typeface="Arial" panose="020B0604020202020204" pitchFamily="34" charset="0"/>
                        </a:rPr>
                        <a:t>Moderador</a:t>
                      </a:r>
                      <a:endParaRPr lang="en-ZA" sz="1600" b="1" dirty="0">
                        <a:solidFill>
                          <a:schemeClr val="bg1"/>
                        </a:solidFill>
                        <a:effectLst/>
                        <a:latin typeface="Arial" panose="020B0604020202020204" pitchFamily="34" charset="0"/>
                        <a:ea typeface="Calibri" panose="020F0502020204030204" pitchFamily="34" charset="0"/>
                        <a:cs typeface="Arial" panose="020B0604020202020204" pitchFamily="34" charset="0"/>
                      </a:endParaRPr>
                    </a:p>
                  </a:txBody>
                  <a:tcPr>
                    <a:lnT w="12700" cmpd="sng">
                      <a:noFill/>
                    </a:lnT>
                    <a:solidFill>
                      <a:schemeClr val="accent1"/>
                    </a:solidFill>
                  </a:tcPr>
                </a:tc>
                <a:tc>
                  <a:txBody>
                    <a:bodyPr/>
                    <a:lstStyle/>
                    <a:p>
                      <a:pPr>
                        <a:spcAft>
                          <a:spcPts val="0"/>
                        </a:spcAft>
                      </a:pPr>
                      <a:r>
                        <a:rPr lang="es-VE" sz="1800" dirty="0" smtClean="0"/>
                        <a:t>Presenta el enfoque que tendrán los grupos pequeños </a:t>
                      </a:r>
                      <a:r>
                        <a:rPr lang="es-VE" sz="1800" i="1" dirty="0" smtClean="0">
                          <a:solidFill>
                            <a:schemeClr val="accent2"/>
                          </a:solidFill>
                        </a:rPr>
                        <a:t>(ver sugerencia a continuación y en la próxima página)</a:t>
                      </a:r>
                      <a:endParaRPr lang="en-US" sz="1800" i="1" dirty="0" smtClean="0">
                        <a:solidFill>
                          <a:schemeClr val="accent2"/>
                        </a:solidFill>
                      </a:endParaRPr>
                    </a:p>
                    <a:p>
                      <a:pPr marL="285750" indent="-285750">
                        <a:spcAft>
                          <a:spcPts val="0"/>
                        </a:spcAft>
                        <a:buFont typeface="Arial" panose="020B0604020202020204" pitchFamily="34" charset="0"/>
                        <a:buChar char="•"/>
                      </a:pPr>
                      <a:r>
                        <a:rPr lang="es-VE" sz="1800" dirty="0" smtClean="0"/>
                        <a:t>En nuestras discusiones, debemos centrarnos en los próximos 5 años, mirar al futuro y dejar el pasado atrás.</a:t>
                      </a:r>
                    </a:p>
                    <a:p>
                      <a:pPr marL="285750" indent="-285750">
                        <a:spcAft>
                          <a:spcPts val="0"/>
                        </a:spcAft>
                        <a:buFont typeface="Arial" panose="020B0604020202020204" pitchFamily="34" charset="0"/>
                        <a:buChar char="•"/>
                      </a:pPr>
                      <a:r>
                        <a:rPr lang="es-VE" sz="1800" dirty="0" smtClean="0"/>
                        <a:t>Dar 5 minutos para que los participantes discutan la idea de los 3 círculos y asegurarse de que haya </a:t>
                      </a:r>
                      <a:r>
                        <a:rPr lang="es-VE" sz="1800" dirty="0" smtClean="0"/>
                        <a:t>un</a:t>
                      </a:r>
                      <a:r>
                        <a:rPr lang="es-VE" sz="1800" baseline="0" dirty="0" smtClean="0"/>
                        <a:t> entendimiento común de los mismos.</a:t>
                      </a:r>
                      <a:endParaRPr lang="es-VE" sz="1800" dirty="0" smtClean="0"/>
                    </a:p>
                    <a:p>
                      <a:pPr marL="285750" indent="-285750">
                        <a:spcAft>
                          <a:spcPts val="0"/>
                        </a:spcAft>
                        <a:buFont typeface="Arial" panose="020B0604020202020204" pitchFamily="34" charset="0"/>
                        <a:buChar char="•"/>
                      </a:pPr>
                      <a:r>
                        <a:rPr lang="es-VE" sz="1800" dirty="0" smtClean="0"/>
                        <a:t>Dar instrucciones sobre cómo se asignan los participantes a cada grupo y cuáles serán las preguntas que guíen su discusión.</a:t>
                      </a:r>
                    </a:p>
                    <a:p>
                      <a:pPr marL="285750" indent="-285750">
                        <a:spcAft>
                          <a:spcPts val="0"/>
                        </a:spcAft>
                        <a:buFont typeface="Arial" panose="020B0604020202020204" pitchFamily="34" charset="0"/>
                        <a:buChar char="•"/>
                      </a:pPr>
                      <a:r>
                        <a:rPr lang="es-VE" sz="1800" dirty="0" smtClean="0"/>
                        <a:t>Antes </a:t>
                      </a:r>
                      <a:r>
                        <a:rPr lang="es-VE" sz="1800" dirty="0" smtClean="0"/>
                        <a:t>de iniciar, pídeles a los participantes que tomen notas individuales para prepararse para sus discusiones.</a:t>
                      </a:r>
                      <a:r>
                        <a:rPr lang="en-US" sz="1800" dirty="0" smtClean="0"/>
                        <a:t> </a:t>
                      </a:r>
                      <a:endParaRPr lang="en-US" sz="1800" dirty="0"/>
                    </a:p>
                  </a:txBody>
                  <a:tcPr>
                    <a:lnT w="12700" cmpd="sng">
                      <a:noFill/>
                    </a:lnT>
                    <a:solidFill>
                      <a:schemeClr val="bg1"/>
                    </a:solidFill>
                  </a:tcPr>
                </a:tc>
                <a:extLst>
                  <a:ext uri="{0D108BD9-81ED-4DB2-BD59-A6C34878D82A}">
                    <a16:rowId xmlns:a16="http://schemas.microsoft.com/office/drawing/2014/main" xmlns="" val="2826885672"/>
                  </a:ext>
                </a:extLst>
              </a:tr>
              <a:tr h="1342366">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endParaRPr lang="en-US" sz="16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endParaRPr lang="en-US" sz="16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r>
                        <a:rPr lang="en-US" sz="1600" b="1" kern="1200" dirty="0" smtClean="0">
                          <a:solidFill>
                            <a:schemeClr val="bg1"/>
                          </a:solidFill>
                          <a:effectLst/>
                          <a:latin typeface="Arial" panose="020B0604020202020204" pitchFamily="34" charset="0"/>
                          <a:ea typeface="+mn-ea"/>
                          <a:cs typeface="Arial" panose="020B0604020202020204" pitchFamily="34" charset="0"/>
                        </a:rPr>
                        <a:t>Nota</a:t>
                      </a:r>
                      <a:r>
                        <a:rPr lang="en-US" sz="1600" b="1" kern="1200" baseline="0" dirty="0" smtClean="0">
                          <a:solidFill>
                            <a:schemeClr val="bg1"/>
                          </a:solidFill>
                          <a:effectLst/>
                          <a:latin typeface="Arial" panose="020B0604020202020204" pitchFamily="34" charset="0"/>
                          <a:ea typeface="+mn-ea"/>
                          <a:cs typeface="Arial" panose="020B0604020202020204" pitchFamily="34" charset="0"/>
                        </a:rPr>
                        <a:t>s </a:t>
                      </a:r>
                      <a:r>
                        <a:rPr lang="en-US" sz="1600" b="1" kern="1200" baseline="0" dirty="0" smtClean="0">
                          <a:solidFill>
                            <a:schemeClr val="bg1"/>
                          </a:solidFill>
                          <a:effectLst/>
                          <a:latin typeface="Arial" panose="020B0604020202020204" pitchFamily="34" charset="0"/>
                          <a:ea typeface="+mn-ea"/>
                          <a:cs typeface="Arial" panose="020B0604020202020204" pitchFamily="34" charset="0"/>
                        </a:rPr>
                        <a:t>para el moderador</a:t>
                      </a:r>
                      <a:endParaRPr lang="en-US" sz="1600" b="1" kern="1200" dirty="0">
                        <a:solidFill>
                          <a:schemeClr val="bg1"/>
                        </a:solidFill>
                        <a:effectLst/>
                        <a:latin typeface="Arial" panose="020B0604020202020204" pitchFamily="34" charset="0"/>
                        <a:ea typeface="+mn-ea"/>
                        <a:cs typeface="Arial" panose="020B0604020202020204" pitchFamily="34" charset="0"/>
                      </a:endParaRPr>
                    </a:p>
                  </a:txBody>
                  <a:tcPr>
                    <a:solidFill>
                      <a:schemeClr val="accent3"/>
                    </a:solidFill>
                  </a:tcPr>
                </a:tc>
                <a:tc>
                  <a:txBody>
                    <a:bodyPr/>
                    <a:lstStyle/>
                    <a:p>
                      <a:pPr marL="0" indent="0" algn="l" defTabSz="914400" rtl="0" eaLnBrk="1" latinLnBrk="0" hangingPunct="1">
                        <a:lnSpc>
                          <a:spcPct val="100000"/>
                        </a:lnSpc>
                        <a:spcAft>
                          <a:spcPts val="600"/>
                        </a:spcAft>
                        <a:buFontTx/>
                        <a:buNone/>
                      </a:pPr>
                      <a:r>
                        <a:rPr lang="es-VE" sz="1800" i="0" kern="1200" dirty="0" smtClean="0">
                          <a:solidFill>
                            <a:schemeClr val="tx1"/>
                          </a:solidFill>
                          <a:latin typeface="+mn-lt"/>
                          <a:ea typeface="+mn-ea"/>
                          <a:cs typeface="+mn-cs"/>
                        </a:rPr>
                        <a:t>Infórmales a los participantes que verán una ventana emergente para entrar a la sala pequeña y que </a:t>
                      </a:r>
                      <a:r>
                        <a:rPr lang="es-VE" sz="1800" i="0" kern="1200" dirty="0" smtClean="0">
                          <a:solidFill>
                            <a:schemeClr val="tx1"/>
                          </a:solidFill>
                          <a:latin typeface="+mn-lt"/>
                          <a:ea typeface="+mn-ea"/>
                          <a:cs typeface="+mn-cs"/>
                        </a:rPr>
                        <a:t>tendrán </a:t>
                      </a:r>
                      <a:r>
                        <a:rPr lang="es-VE" sz="1800" i="0" kern="1200" dirty="0" smtClean="0">
                          <a:solidFill>
                            <a:schemeClr val="tx1"/>
                          </a:solidFill>
                          <a:latin typeface="+mn-lt"/>
                          <a:ea typeface="+mn-ea"/>
                          <a:cs typeface="+mn-cs"/>
                        </a:rPr>
                        <a:t>que hacer clic en "Unirse".</a:t>
                      </a:r>
                    </a:p>
                    <a:p>
                      <a:pPr marL="0" indent="0" algn="l" defTabSz="914400" rtl="0" eaLnBrk="1" latinLnBrk="0" hangingPunct="1">
                        <a:lnSpc>
                          <a:spcPct val="100000"/>
                        </a:lnSpc>
                        <a:spcAft>
                          <a:spcPts val="600"/>
                        </a:spcAft>
                        <a:buFontTx/>
                        <a:buNone/>
                      </a:pPr>
                      <a:r>
                        <a:rPr lang="es-VE" sz="1800" i="0" kern="1200" dirty="0" smtClean="0">
                          <a:solidFill>
                            <a:schemeClr val="tx1"/>
                          </a:solidFill>
                          <a:latin typeface="+mn-lt"/>
                          <a:ea typeface="+mn-ea"/>
                          <a:cs typeface="+mn-cs"/>
                        </a:rPr>
                        <a:t>Como coanfitrión, puedes unirte a distintas salas para grupos pequeños y ver el progreso de los participantes.</a:t>
                      </a:r>
                    </a:p>
                    <a:p>
                      <a:pPr marL="0" indent="0" algn="l" defTabSz="914400" rtl="0" eaLnBrk="1" latinLnBrk="0" hangingPunct="1">
                        <a:lnSpc>
                          <a:spcPct val="100000"/>
                        </a:lnSpc>
                        <a:spcAft>
                          <a:spcPts val="600"/>
                        </a:spcAft>
                        <a:buFontTx/>
                        <a:buNone/>
                      </a:pPr>
                      <a:r>
                        <a:rPr lang="es-VE" sz="1800" i="0" kern="1200" dirty="0" smtClean="0">
                          <a:solidFill>
                            <a:schemeClr val="tx1"/>
                          </a:solidFill>
                          <a:latin typeface="+mn-lt"/>
                          <a:ea typeface="+mn-ea"/>
                          <a:cs typeface="+mn-cs"/>
                        </a:rPr>
                        <a:t>Al final de la sesión, tendrás que cerrar las salas y los participantes regresarán automáticamente a la reunión principal (Revisar la presentación "¿Cómo usar Zoom?").</a:t>
                      </a:r>
                      <a:endParaRPr lang="en-US" sz="1800" i="0" kern="1200" dirty="0">
                        <a:solidFill>
                          <a:schemeClr val="tx1"/>
                        </a:solidFill>
                        <a:latin typeface="+mn-lt"/>
                        <a:ea typeface="+mn-ea"/>
                        <a:cs typeface="+mn-cs"/>
                      </a:endParaRPr>
                    </a:p>
                  </a:txBody>
                  <a:tcPr>
                    <a:solidFill>
                      <a:schemeClr val="bg1">
                        <a:lumMod val="85000"/>
                      </a:schemeClr>
                    </a:solidFill>
                  </a:tcPr>
                </a:tc>
                <a:extLst>
                  <a:ext uri="{0D108BD9-81ED-4DB2-BD59-A6C34878D82A}">
                    <a16:rowId xmlns:a16="http://schemas.microsoft.com/office/drawing/2014/main" xmlns="" val="1172992013"/>
                  </a:ext>
                </a:extLst>
              </a:tr>
              <a:tr h="1266095">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r>
                        <a:rPr lang="en-US" sz="1600" b="1" kern="1200" dirty="0" smtClean="0">
                          <a:solidFill>
                            <a:schemeClr val="bg1"/>
                          </a:solidFill>
                          <a:effectLst/>
                          <a:latin typeface="Arial" panose="020B0604020202020204" pitchFamily="34" charset="0"/>
                          <a:ea typeface="+mn-ea"/>
                          <a:cs typeface="Arial" panose="020B0604020202020204" pitchFamily="34" charset="0"/>
                        </a:rPr>
                        <a:t>Técnicos/</a:t>
                      </a:r>
                    </a:p>
                    <a:p>
                      <a:pPr marL="0" marR="0" indent="0" algn="ctr" defTabSz="914400" rtl="0" eaLnBrk="1" fontAlgn="auto" latinLnBrk="0" hangingPunct="1">
                        <a:lnSpc>
                          <a:spcPct val="107000"/>
                        </a:lnSpc>
                        <a:spcBef>
                          <a:spcPts val="0"/>
                        </a:spcBef>
                        <a:spcAft>
                          <a:spcPts val="0"/>
                        </a:spcAft>
                        <a:buClrTx/>
                        <a:buSzTx/>
                        <a:buFontTx/>
                        <a:buNone/>
                        <a:tabLst/>
                        <a:defRPr/>
                      </a:pPr>
                      <a:r>
                        <a:rPr lang="en-US" sz="1600" b="1" kern="1200" dirty="0" smtClean="0">
                          <a:solidFill>
                            <a:schemeClr val="bg1"/>
                          </a:solidFill>
                          <a:effectLst/>
                          <a:latin typeface="Arial" panose="020B0604020202020204" pitchFamily="34" charset="0"/>
                          <a:ea typeface="+mn-ea"/>
                          <a:cs typeface="Arial" panose="020B0604020202020204" pitchFamily="34" charset="0"/>
                        </a:rPr>
                        <a:t>Encargados</a:t>
                      </a:r>
                      <a:r>
                        <a:rPr lang="en-US" sz="1600" b="1" kern="1200" baseline="0" dirty="0" smtClean="0">
                          <a:solidFill>
                            <a:schemeClr val="bg1"/>
                          </a:solidFill>
                          <a:effectLst/>
                          <a:latin typeface="Arial" panose="020B0604020202020204" pitchFamily="34" charset="0"/>
                          <a:ea typeface="+mn-ea"/>
                          <a:cs typeface="Arial" panose="020B0604020202020204" pitchFamily="34" charset="0"/>
                        </a:rPr>
                        <a:t> de la toma </a:t>
                      </a:r>
                      <a:br>
                        <a:rPr lang="en-US" sz="1600" b="1" kern="1200" baseline="0" dirty="0" smtClean="0">
                          <a:solidFill>
                            <a:schemeClr val="bg1"/>
                          </a:solidFill>
                          <a:effectLst/>
                          <a:latin typeface="Arial" panose="020B0604020202020204" pitchFamily="34" charset="0"/>
                          <a:ea typeface="+mn-ea"/>
                          <a:cs typeface="Arial" panose="020B0604020202020204" pitchFamily="34" charset="0"/>
                        </a:rPr>
                      </a:br>
                      <a:r>
                        <a:rPr lang="en-US" sz="1600" b="1" kern="1200" baseline="0" dirty="0" smtClean="0">
                          <a:solidFill>
                            <a:schemeClr val="bg1"/>
                          </a:solidFill>
                          <a:effectLst/>
                          <a:latin typeface="Arial" panose="020B0604020202020204" pitchFamily="34" charset="0"/>
                          <a:ea typeface="+mn-ea"/>
                          <a:cs typeface="Arial" panose="020B0604020202020204" pitchFamily="34" charset="0"/>
                        </a:rPr>
                        <a:t>de notas</a:t>
                      </a:r>
                      <a:endParaRPr lang="en-US" sz="16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endParaRPr lang="en-US" sz="1600" b="1" kern="1200" dirty="0">
                        <a:solidFill>
                          <a:schemeClr val="bg1"/>
                        </a:solidFill>
                        <a:effectLst/>
                        <a:latin typeface="Arial" panose="020B0604020202020204" pitchFamily="34" charset="0"/>
                        <a:ea typeface="+mn-ea"/>
                        <a:cs typeface="Arial" panose="020B0604020202020204" pitchFamily="34" charset="0"/>
                      </a:endParaRPr>
                    </a:p>
                  </a:txBody>
                  <a:tcPr>
                    <a:solidFill>
                      <a:schemeClr val="accent4"/>
                    </a:solidFill>
                  </a:tcPr>
                </a:tc>
                <a:tc>
                  <a:txBody>
                    <a:bodyPr/>
                    <a:lstStyle/>
                    <a:p>
                      <a:pPr>
                        <a:lnSpc>
                          <a:spcPct val="100000"/>
                        </a:lnSpc>
                        <a:spcAft>
                          <a:spcPts val="600"/>
                        </a:spcAft>
                      </a:pPr>
                      <a:r>
                        <a:rPr lang="es-VE" sz="1800" kern="1000" dirty="0" smtClean="0">
                          <a:effectLst/>
                        </a:rPr>
                        <a:t>Mientras el moderador de la sesión esté haciendo la presentación, comienza a preparar las salas para grupos pequeños.</a:t>
                      </a:r>
                      <a:endParaRPr lang="en-US" sz="1800" kern="1000" dirty="0" smtClean="0">
                        <a:effectLst/>
                      </a:endParaRPr>
                    </a:p>
                    <a:p>
                      <a:pPr>
                        <a:lnSpc>
                          <a:spcPct val="100000"/>
                        </a:lnSpc>
                        <a:spcAft>
                          <a:spcPts val="600"/>
                        </a:spcAft>
                      </a:pPr>
                      <a:r>
                        <a:rPr lang="es-VE" sz="1800" kern="1000" dirty="0" smtClean="0">
                          <a:effectLst/>
                        </a:rPr>
                        <a:t>Si estás usando una lista predeterminada, escoge la opción manual para configurar la sala. Si estás asignando grupos aleatorios, escoge la opción automática y selecciona el número de salas (6 para 25 participantes; alrededor de 4 por grupo).</a:t>
                      </a:r>
                      <a:endParaRPr lang="en-US" sz="1800" kern="1000" dirty="0">
                        <a:effectLst/>
                      </a:endParaRPr>
                    </a:p>
                  </a:txBody>
                  <a:tcPr>
                    <a:solidFill>
                      <a:schemeClr val="bg1"/>
                    </a:solidFill>
                  </a:tcPr>
                </a:tc>
                <a:extLst>
                  <a:ext uri="{0D108BD9-81ED-4DB2-BD59-A6C34878D82A}">
                    <a16:rowId xmlns:a16="http://schemas.microsoft.com/office/drawing/2014/main" xmlns="" val="899445866"/>
                  </a:ext>
                </a:extLst>
              </a:tr>
            </a:tbl>
          </a:graphicData>
        </a:graphic>
      </p:graphicFrame>
      <p:grpSp>
        <p:nvGrpSpPr>
          <p:cNvPr id="3" name="Group 2">
            <a:extLst>
              <a:ext uri="{FF2B5EF4-FFF2-40B4-BE49-F238E27FC236}">
                <a16:creationId xmlns:a16="http://schemas.microsoft.com/office/drawing/2014/main" xmlns="" id="{5D6F5E07-3C5D-C74E-B83B-1B6ABC342762}"/>
              </a:ext>
            </a:extLst>
          </p:cNvPr>
          <p:cNvGrpSpPr/>
          <p:nvPr/>
        </p:nvGrpSpPr>
        <p:grpSpPr>
          <a:xfrm>
            <a:off x="2378270" y="381547"/>
            <a:ext cx="527644" cy="484423"/>
            <a:chOff x="6600056" y="692261"/>
            <a:chExt cx="5192436" cy="5205985"/>
          </a:xfrm>
        </p:grpSpPr>
        <p:sp>
          <p:nvSpPr>
            <p:cNvPr id="5" name="Freeform 282">
              <a:extLst>
                <a:ext uri="{FF2B5EF4-FFF2-40B4-BE49-F238E27FC236}">
                  <a16:creationId xmlns:a16="http://schemas.microsoft.com/office/drawing/2014/main" xmlns="" id="{D7A90D03-9C16-A049-9482-2B7C87936C91}"/>
                </a:ext>
              </a:extLst>
            </p:cNvPr>
            <p:cNvSpPr>
              <a:spLocks/>
            </p:cNvSpPr>
            <p:nvPr/>
          </p:nvSpPr>
          <p:spPr bwMode="auto">
            <a:xfrm flipH="1">
              <a:off x="6600056" y="692261"/>
              <a:ext cx="5192436" cy="5205985"/>
            </a:xfrm>
            <a:custGeom>
              <a:avLst/>
              <a:gdLst>
                <a:gd name="T0" fmla="*/ 3195 w 5934"/>
                <a:gd name="T1" fmla="*/ 5704 h 5712"/>
                <a:gd name="T2" fmla="*/ 3564 w 5934"/>
                <a:gd name="T3" fmla="*/ 5654 h 5712"/>
                <a:gd name="T4" fmla="*/ 3917 w 5934"/>
                <a:gd name="T5" fmla="*/ 5562 h 5712"/>
                <a:gd name="T6" fmla="*/ 4252 w 5934"/>
                <a:gd name="T7" fmla="*/ 5431 h 5712"/>
                <a:gd name="T8" fmla="*/ 4565 w 5934"/>
                <a:gd name="T9" fmla="*/ 5262 h 5712"/>
                <a:gd name="T10" fmla="*/ 4854 w 5934"/>
                <a:gd name="T11" fmla="*/ 5059 h 5712"/>
                <a:gd name="T12" fmla="*/ 5114 w 5934"/>
                <a:gd name="T13" fmla="*/ 4826 h 5712"/>
                <a:gd name="T14" fmla="*/ 5344 w 5934"/>
                <a:gd name="T15" fmla="*/ 4564 h 5712"/>
                <a:gd name="T16" fmla="*/ 5540 w 5934"/>
                <a:gd name="T17" fmla="*/ 4277 h 5712"/>
                <a:gd name="T18" fmla="*/ 5701 w 5934"/>
                <a:gd name="T19" fmla="*/ 3967 h 5712"/>
                <a:gd name="T20" fmla="*/ 5822 w 5934"/>
                <a:gd name="T21" fmla="*/ 3637 h 5712"/>
                <a:gd name="T22" fmla="*/ 5900 w 5934"/>
                <a:gd name="T23" fmla="*/ 3290 h 5712"/>
                <a:gd name="T24" fmla="*/ 5933 w 5934"/>
                <a:gd name="T25" fmla="*/ 2930 h 5712"/>
                <a:gd name="T26" fmla="*/ 5925 w 5934"/>
                <a:gd name="T27" fmla="*/ 2637 h 5712"/>
                <a:gd name="T28" fmla="*/ 5873 w 5934"/>
                <a:gd name="T29" fmla="*/ 2282 h 5712"/>
                <a:gd name="T30" fmla="*/ 5778 w 5934"/>
                <a:gd name="T31" fmla="*/ 1941 h 5712"/>
                <a:gd name="T32" fmla="*/ 5641 w 5934"/>
                <a:gd name="T33" fmla="*/ 1619 h 5712"/>
                <a:gd name="T34" fmla="*/ 5466 w 5934"/>
                <a:gd name="T35" fmla="*/ 1317 h 5712"/>
                <a:gd name="T36" fmla="*/ 5255 w 5934"/>
                <a:gd name="T37" fmla="*/ 1040 h 5712"/>
                <a:gd name="T38" fmla="*/ 5013 w 5934"/>
                <a:gd name="T39" fmla="*/ 789 h 5712"/>
                <a:gd name="T40" fmla="*/ 4742 w 5934"/>
                <a:gd name="T41" fmla="*/ 568 h 5712"/>
                <a:gd name="T42" fmla="*/ 4443 w 5934"/>
                <a:gd name="T43" fmla="*/ 379 h 5712"/>
                <a:gd name="T44" fmla="*/ 4121 w 5934"/>
                <a:gd name="T45" fmla="*/ 224 h 5712"/>
                <a:gd name="T46" fmla="*/ 3778 w 5934"/>
                <a:gd name="T47" fmla="*/ 108 h 5712"/>
                <a:gd name="T48" fmla="*/ 3418 w 5934"/>
                <a:gd name="T49" fmla="*/ 32 h 5712"/>
                <a:gd name="T50" fmla="*/ 3043 w 5934"/>
                <a:gd name="T51" fmla="*/ 1 h 5712"/>
                <a:gd name="T52" fmla="*/ 2739 w 5934"/>
                <a:gd name="T53" fmla="*/ 8 h 5712"/>
                <a:gd name="T54" fmla="*/ 2370 w 5934"/>
                <a:gd name="T55" fmla="*/ 58 h 5712"/>
                <a:gd name="T56" fmla="*/ 2017 w 5934"/>
                <a:gd name="T57" fmla="*/ 150 h 5712"/>
                <a:gd name="T58" fmla="*/ 1681 w 5934"/>
                <a:gd name="T59" fmla="*/ 282 h 5712"/>
                <a:gd name="T60" fmla="*/ 1368 w 5934"/>
                <a:gd name="T61" fmla="*/ 450 h 5712"/>
                <a:gd name="T62" fmla="*/ 1080 w 5934"/>
                <a:gd name="T63" fmla="*/ 653 h 5712"/>
                <a:gd name="T64" fmla="*/ 820 w 5934"/>
                <a:gd name="T65" fmla="*/ 886 h 5712"/>
                <a:gd name="T66" fmla="*/ 590 w 5934"/>
                <a:gd name="T67" fmla="*/ 1148 h 5712"/>
                <a:gd name="T68" fmla="*/ 393 w 5934"/>
                <a:gd name="T69" fmla="*/ 1435 h 5712"/>
                <a:gd name="T70" fmla="*/ 233 w 5934"/>
                <a:gd name="T71" fmla="*/ 1745 h 5712"/>
                <a:gd name="T72" fmla="*/ 112 w 5934"/>
                <a:gd name="T73" fmla="*/ 2075 h 5712"/>
                <a:gd name="T74" fmla="*/ 33 w 5934"/>
                <a:gd name="T75" fmla="*/ 2422 h 5712"/>
                <a:gd name="T76" fmla="*/ 1 w 5934"/>
                <a:gd name="T77" fmla="*/ 2783 h 5712"/>
                <a:gd name="T78" fmla="*/ 9 w 5934"/>
                <a:gd name="T79" fmla="*/ 3075 h 5712"/>
                <a:gd name="T80" fmla="*/ 60 w 5934"/>
                <a:gd name="T81" fmla="*/ 3431 h 5712"/>
                <a:gd name="T82" fmla="*/ 156 w 5934"/>
                <a:gd name="T83" fmla="*/ 3771 h 5712"/>
                <a:gd name="T84" fmla="*/ 293 w 5934"/>
                <a:gd name="T85" fmla="*/ 4094 h 5712"/>
                <a:gd name="T86" fmla="*/ 468 w 5934"/>
                <a:gd name="T87" fmla="*/ 4395 h 5712"/>
                <a:gd name="T88" fmla="*/ 678 w 5934"/>
                <a:gd name="T89" fmla="*/ 4672 h 5712"/>
                <a:gd name="T90" fmla="*/ 921 w 5934"/>
                <a:gd name="T91" fmla="*/ 4923 h 5712"/>
                <a:gd name="T92" fmla="*/ 1192 w 5934"/>
                <a:gd name="T93" fmla="*/ 5144 h 5712"/>
                <a:gd name="T94" fmla="*/ 1491 w 5934"/>
                <a:gd name="T95" fmla="*/ 5333 h 5712"/>
                <a:gd name="T96" fmla="*/ 1813 w 5934"/>
                <a:gd name="T97" fmla="*/ 5488 h 5712"/>
                <a:gd name="T98" fmla="*/ 2156 w 5934"/>
                <a:gd name="T99" fmla="*/ 5604 h 5712"/>
                <a:gd name="T100" fmla="*/ 2516 w 5934"/>
                <a:gd name="T101" fmla="*/ 5680 h 5712"/>
                <a:gd name="T102" fmla="*/ 2891 w 5934"/>
                <a:gd name="T103" fmla="*/ 5711 h 57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34" h="5712">
                  <a:moveTo>
                    <a:pt x="2967" y="5712"/>
                  </a:moveTo>
                  <a:lnTo>
                    <a:pt x="2967" y="5712"/>
                  </a:lnTo>
                  <a:lnTo>
                    <a:pt x="3043" y="5711"/>
                  </a:lnTo>
                  <a:lnTo>
                    <a:pt x="3119" y="5709"/>
                  </a:lnTo>
                  <a:lnTo>
                    <a:pt x="3195" y="5704"/>
                  </a:lnTo>
                  <a:lnTo>
                    <a:pt x="3270" y="5697"/>
                  </a:lnTo>
                  <a:lnTo>
                    <a:pt x="3344" y="5690"/>
                  </a:lnTo>
                  <a:lnTo>
                    <a:pt x="3418" y="5680"/>
                  </a:lnTo>
                  <a:lnTo>
                    <a:pt x="3492" y="5668"/>
                  </a:lnTo>
                  <a:lnTo>
                    <a:pt x="3564" y="5654"/>
                  </a:lnTo>
                  <a:lnTo>
                    <a:pt x="3637" y="5639"/>
                  </a:lnTo>
                  <a:lnTo>
                    <a:pt x="3707" y="5623"/>
                  </a:lnTo>
                  <a:lnTo>
                    <a:pt x="3778" y="5604"/>
                  </a:lnTo>
                  <a:lnTo>
                    <a:pt x="3849" y="5584"/>
                  </a:lnTo>
                  <a:lnTo>
                    <a:pt x="3917" y="5562"/>
                  </a:lnTo>
                  <a:lnTo>
                    <a:pt x="3987" y="5539"/>
                  </a:lnTo>
                  <a:lnTo>
                    <a:pt x="4054" y="5514"/>
                  </a:lnTo>
                  <a:lnTo>
                    <a:pt x="4121" y="5488"/>
                  </a:lnTo>
                  <a:lnTo>
                    <a:pt x="4187" y="5460"/>
                  </a:lnTo>
                  <a:lnTo>
                    <a:pt x="4252" y="5431"/>
                  </a:lnTo>
                  <a:lnTo>
                    <a:pt x="4316" y="5399"/>
                  </a:lnTo>
                  <a:lnTo>
                    <a:pt x="4380" y="5367"/>
                  </a:lnTo>
                  <a:lnTo>
                    <a:pt x="4443" y="5333"/>
                  </a:lnTo>
                  <a:lnTo>
                    <a:pt x="4505" y="5299"/>
                  </a:lnTo>
                  <a:lnTo>
                    <a:pt x="4565" y="5262"/>
                  </a:lnTo>
                  <a:lnTo>
                    <a:pt x="4625" y="5224"/>
                  </a:lnTo>
                  <a:lnTo>
                    <a:pt x="4683" y="5184"/>
                  </a:lnTo>
                  <a:lnTo>
                    <a:pt x="4742" y="5144"/>
                  </a:lnTo>
                  <a:lnTo>
                    <a:pt x="4798" y="5102"/>
                  </a:lnTo>
                  <a:lnTo>
                    <a:pt x="4854" y="5059"/>
                  </a:lnTo>
                  <a:lnTo>
                    <a:pt x="4908" y="5015"/>
                  </a:lnTo>
                  <a:lnTo>
                    <a:pt x="4961" y="4969"/>
                  </a:lnTo>
                  <a:lnTo>
                    <a:pt x="5013" y="4923"/>
                  </a:lnTo>
                  <a:lnTo>
                    <a:pt x="5065" y="4875"/>
                  </a:lnTo>
                  <a:lnTo>
                    <a:pt x="5114" y="4826"/>
                  </a:lnTo>
                  <a:lnTo>
                    <a:pt x="5162" y="4776"/>
                  </a:lnTo>
                  <a:lnTo>
                    <a:pt x="5209" y="4724"/>
                  </a:lnTo>
                  <a:lnTo>
                    <a:pt x="5255" y="4672"/>
                  </a:lnTo>
                  <a:lnTo>
                    <a:pt x="5300" y="4618"/>
                  </a:lnTo>
                  <a:lnTo>
                    <a:pt x="5344" y="4564"/>
                  </a:lnTo>
                  <a:lnTo>
                    <a:pt x="5385" y="4508"/>
                  </a:lnTo>
                  <a:lnTo>
                    <a:pt x="5427" y="4452"/>
                  </a:lnTo>
                  <a:lnTo>
                    <a:pt x="5466" y="4395"/>
                  </a:lnTo>
                  <a:lnTo>
                    <a:pt x="5504" y="4337"/>
                  </a:lnTo>
                  <a:lnTo>
                    <a:pt x="5540" y="4277"/>
                  </a:lnTo>
                  <a:lnTo>
                    <a:pt x="5575" y="4217"/>
                  </a:lnTo>
                  <a:lnTo>
                    <a:pt x="5609" y="4155"/>
                  </a:lnTo>
                  <a:lnTo>
                    <a:pt x="5641" y="4094"/>
                  </a:lnTo>
                  <a:lnTo>
                    <a:pt x="5672" y="4031"/>
                  </a:lnTo>
                  <a:lnTo>
                    <a:pt x="5701" y="3967"/>
                  </a:lnTo>
                  <a:lnTo>
                    <a:pt x="5728" y="3902"/>
                  </a:lnTo>
                  <a:lnTo>
                    <a:pt x="5753" y="3838"/>
                  </a:lnTo>
                  <a:lnTo>
                    <a:pt x="5778" y="3771"/>
                  </a:lnTo>
                  <a:lnTo>
                    <a:pt x="5801" y="3705"/>
                  </a:lnTo>
                  <a:lnTo>
                    <a:pt x="5822" y="3637"/>
                  </a:lnTo>
                  <a:lnTo>
                    <a:pt x="5841" y="3569"/>
                  </a:lnTo>
                  <a:lnTo>
                    <a:pt x="5858" y="3501"/>
                  </a:lnTo>
                  <a:lnTo>
                    <a:pt x="5873" y="3431"/>
                  </a:lnTo>
                  <a:lnTo>
                    <a:pt x="5888" y="3361"/>
                  </a:lnTo>
                  <a:lnTo>
                    <a:pt x="5900" y="3290"/>
                  </a:lnTo>
                  <a:lnTo>
                    <a:pt x="5910" y="3219"/>
                  </a:lnTo>
                  <a:lnTo>
                    <a:pt x="5918" y="3148"/>
                  </a:lnTo>
                  <a:lnTo>
                    <a:pt x="5925" y="3075"/>
                  </a:lnTo>
                  <a:lnTo>
                    <a:pt x="5931" y="3003"/>
                  </a:lnTo>
                  <a:lnTo>
                    <a:pt x="5933" y="2930"/>
                  </a:lnTo>
                  <a:lnTo>
                    <a:pt x="5934" y="2856"/>
                  </a:lnTo>
                  <a:lnTo>
                    <a:pt x="5934" y="2856"/>
                  </a:lnTo>
                  <a:lnTo>
                    <a:pt x="5933" y="2783"/>
                  </a:lnTo>
                  <a:lnTo>
                    <a:pt x="5931" y="2709"/>
                  </a:lnTo>
                  <a:lnTo>
                    <a:pt x="5925" y="2637"/>
                  </a:lnTo>
                  <a:lnTo>
                    <a:pt x="5918" y="2564"/>
                  </a:lnTo>
                  <a:lnTo>
                    <a:pt x="5910" y="2493"/>
                  </a:lnTo>
                  <a:lnTo>
                    <a:pt x="5900" y="2422"/>
                  </a:lnTo>
                  <a:lnTo>
                    <a:pt x="5888" y="2351"/>
                  </a:lnTo>
                  <a:lnTo>
                    <a:pt x="5873" y="2282"/>
                  </a:lnTo>
                  <a:lnTo>
                    <a:pt x="5858" y="2211"/>
                  </a:lnTo>
                  <a:lnTo>
                    <a:pt x="5841" y="2143"/>
                  </a:lnTo>
                  <a:lnTo>
                    <a:pt x="5822" y="2075"/>
                  </a:lnTo>
                  <a:lnTo>
                    <a:pt x="5801" y="2007"/>
                  </a:lnTo>
                  <a:lnTo>
                    <a:pt x="5778" y="1941"/>
                  </a:lnTo>
                  <a:lnTo>
                    <a:pt x="5753" y="1874"/>
                  </a:lnTo>
                  <a:lnTo>
                    <a:pt x="5728" y="1810"/>
                  </a:lnTo>
                  <a:lnTo>
                    <a:pt x="5701" y="1745"/>
                  </a:lnTo>
                  <a:lnTo>
                    <a:pt x="5672" y="1681"/>
                  </a:lnTo>
                  <a:lnTo>
                    <a:pt x="5641" y="1619"/>
                  </a:lnTo>
                  <a:lnTo>
                    <a:pt x="5609" y="1557"/>
                  </a:lnTo>
                  <a:lnTo>
                    <a:pt x="5575" y="1495"/>
                  </a:lnTo>
                  <a:lnTo>
                    <a:pt x="5540" y="1435"/>
                  </a:lnTo>
                  <a:lnTo>
                    <a:pt x="5504" y="1376"/>
                  </a:lnTo>
                  <a:lnTo>
                    <a:pt x="5466" y="1317"/>
                  </a:lnTo>
                  <a:lnTo>
                    <a:pt x="5427" y="1260"/>
                  </a:lnTo>
                  <a:lnTo>
                    <a:pt x="5385" y="1204"/>
                  </a:lnTo>
                  <a:lnTo>
                    <a:pt x="5344" y="1148"/>
                  </a:lnTo>
                  <a:lnTo>
                    <a:pt x="5300" y="1094"/>
                  </a:lnTo>
                  <a:lnTo>
                    <a:pt x="5255" y="1040"/>
                  </a:lnTo>
                  <a:lnTo>
                    <a:pt x="5209" y="988"/>
                  </a:lnTo>
                  <a:lnTo>
                    <a:pt x="5162" y="936"/>
                  </a:lnTo>
                  <a:lnTo>
                    <a:pt x="5114" y="886"/>
                  </a:lnTo>
                  <a:lnTo>
                    <a:pt x="5065" y="838"/>
                  </a:lnTo>
                  <a:lnTo>
                    <a:pt x="5013" y="789"/>
                  </a:lnTo>
                  <a:lnTo>
                    <a:pt x="4961" y="743"/>
                  </a:lnTo>
                  <a:lnTo>
                    <a:pt x="4908" y="697"/>
                  </a:lnTo>
                  <a:lnTo>
                    <a:pt x="4854" y="653"/>
                  </a:lnTo>
                  <a:lnTo>
                    <a:pt x="4798" y="610"/>
                  </a:lnTo>
                  <a:lnTo>
                    <a:pt x="4742" y="568"/>
                  </a:lnTo>
                  <a:lnTo>
                    <a:pt x="4683" y="528"/>
                  </a:lnTo>
                  <a:lnTo>
                    <a:pt x="4625" y="488"/>
                  </a:lnTo>
                  <a:lnTo>
                    <a:pt x="4565" y="450"/>
                  </a:lnTo>
                  <a:lnTo>
                    <a:pt x="4505" y="413"/>
                  </a:lnTo>
                  <a:lnTo>
                    <a:pt x="4443" y="379"/>
                  </a:lnTo>
                  <a:lnTo>
                    <a:pt x="4380" y="345"/>
                  </a:lnTo>
                  <a:lnTo>
                    <a:pt x="4316" y="313"/>
                  </a:lnTo>
                  <a:lnTo>
                    <a:pt x="4252" y="282"/>
                  </a:lnTo>
                  <a:lnTo>
                    <a:pt x="4187" y="252"/>
                  </a:lnTo>
                  <a:lnTo>
                    <a:pt x="4121" y="224"/>
                  </a:lnTo>
                  <a:lnTo>
                    <a:pt x="4054" y="198"/>
                  </a:lnTo>
                  <a:lnTo>
                    <a:pt x="3987" y="174"/>
                  </a:lnTo>
                  <a:lnTo>
                    <a:pt x="3917" y="150"/>
                  </a:lnTo>
                  <a:lnTo>
                    <a:pt x="3849" y="128"/>
                  </a:lnTo>
                  <a:lnTo>
                    <a:pt x="3778" y="108"/>
                  </a:lnTo>
                  <a:lnTo>
                    <a:pt x="3707" y="89"/>
                  </a:lnTo>
                  <a:lnTo>
                    <a:pt x="3637" y="73"/>
                  </a:lnTo>
                  <a:lnTo>
                    <a:pt x="3564" y="58"/>
                  </a:lnTo>
                  <a:lnTo>
                    <a:pt x="3492" y="44"/>
                  </a:lnTo>
                  <a:lnTo>
                    <a:pt x="3418" y="32"/>
                  </a:lnTo>
                  <a:lnTo>
                    <a:pt x="3344" y="22"/>
                  </a:lnTo>
                  <a:lnTo>
                    <a:pt x="3270" y="15"/>
                  </a:lnTo>
                  <a:lnTo>
                    <a:pt x="3195" y="8"/>
                  </a:lnTo>
                  <a:lnTo>
                    <a:pt x="3119" y="3"/>
                  </a:lnTo>
                  <a:lnTo>
                    <a:pt x="3043" y="1"/>
                  </a:lnTo>
                  <a:lnTo>
                    <a:pt x="2967" y="0"/>
                  </a:lnTo>
                  <a:lnTo>
                    <a:pt x="2967" y="0"/>
                  </a:lnTo>
                  <a:lnTo>
                    <a:pt x="2891" y="1"/>
                  </a:lnTo>
                  <a:lnTo>
                    <a:pt x="2814" y="3"/>
                  </a:lnTo>
                  <a:lnTo>
                    <a:pt x="2739" y="8"/>
                  </a:lnTo>
                  <a:lnTo>
                    <a:pt x="2664" y="15"/>
                  </a:lnTo>
                  <a:lnTo>
                    <a:pt x="2590" y="22"/>
                  </a:lnTo>
                  <a:lnTo>
                    <a:pt x="2516" y="32"/>
                  </a:lnTo>
                  <a:lnTo>
                    <a:pt x="2442" y="44"/>
                  </a:lnTo>
                  <a:lnTo>
                    <a:pt x="2370" y="58"/>
                  </a:lnTo>
                  <a:lnTo>
                    <a:pt x="2297" y="73"/>
                  </a:lnTo>
                  <a:lnTo>
                    <a:pt x="2226" y="89"/>
                  </a:lnTo>
                  <a:lnTo>
                    <a:pt x="2156" y="108"/>
                  </a:lnTo>
                  <a:lnTo>
                    <a:pt x="2085" y="128"/>
                  </a:lnTo>
                  <a:lnTo>
                    <a:pt x="2017" y="150"/>
                  </a:lnTo>
                  <a:lnTo>
                    <a:pt x="1947" y="174"/>
                  </a:lnTo>
                  <a:lnTo>
                    <a:pt x="1880" y="198"/>
                  </a:lnTo>
                  <a:lnTo>
                    <a:pt x="1813" y="224"/>
                  </a:lnTo>
                  <a:lnTo>
                    <a:pt x="1746" y="252"/>
                  </a:lnTo>
                  <a:lnTo>
                    <a:pt x="1681" y="282"/>
                  </a:lnTo>
                  <a:lnTo>
                    <a:pt x="1617" y="313"/>
                  </a:lnTo>
                  <a:lnTo>
                    <a:pt x="1553" y="345"/>
                  </a:lnTo>
                  <a:lnTo>
                    <a:pt x="1491" y="379"/>
                  </a:lnTo>
                  <a:lnTo>
                    <a:pt x="1429" y="413"/>
                  </a:lnTo>
                  <a:lnTo>
                    <a:pt x="1368" y="450"/>
                  </a:lnTo>
                  <a:lnTo>
                    <a:pt x="1309" y="488"/>
                  </a:lnTo>
                  <a:lnTo>
                    <a:pt x="1251" y="528"/>
                  </a:lnTo>
                  <a:lnTo>
                    <a:pt x="1192" y="568"/>
                  </a:lnTo>
                  <a:lnTo>
                    <a:pt x="1136" y="610"/>
                  </a:lnTo>
                  <a:lnTo>
                    <a:pt x="1080" y="653"/>
                  </a:lnTo>
                  <a:lnTo>
                    <a:pt x="1026" y="697"/>
                  </a:lnTo>
                  <a:lnTo>
                    <a:pt x="972" y="743"/>
                  </a:lnTo>
                  <a:lnTo>
                    <a:pt x="921" y="789"/>
                  </a:lnTo>
                  <a:lnTo>
                    <a:pt x="870" y="838"/>
                  </a:lnTo>
                  <a:lnTo>
                    <a:pt x="820" y="886"/>
                  </a:lnTo>
                  <a:lnTo>
                    <a:pt x="772" y="936"/>
                  </a:lnTo>
                  <a:lnTo>
                    <a:pt x="724" y="988"/>
                  </a:lnTo>
                  <a:lnTo>
                    <a:pt x="678" y="1040"/>
                  </a:lnTo>
                  <a:lnTo>
                    <a:pt x="634" y="1094"/>
                  </a:lnTo>
                  <a:lnTo>
                    <a:pt x="590" y="1148"/>
                  </a:lnTo>
                  <a:lnTo>
                    <a:pt x="548" y="1204"/>
                  </a:lnTo>
                  <a:lnTo>
                    <a:pt x="507" y="1260"/>
                  </a:lnTo>
                  <a:lnTo>
                    <a:pt x="468" y="1317"/>
                  </a:lnTo>
                  <a:lnTo>
                    <a:pt x="429" y="1376"/>
                  </a:lnTo>
                  <a:lnTo>
                    <a:pt x="393" y="1435"/>
                  </a:lnTo>
                  <a:lnTo>
                    <a:pt x="359" y="1495"/>
                  </a:lnTo>
                  <a:lnTo>
                    <a:pt x="325" y="1557"/>
                  </a:lnTo>
                  <a:lnTo>
                    <a:pt x="293" y="1619"/>
                  </a:lnTo>
                  <a:lnTo>
                    <a:pt x="262" y="1681"/>
                  </a:lnTo>
                  <a:lnTo>
                    <a:pt x="233" y="1745"/>
                  </a:lnTo>
                  <a:lnTo>
                    <a:pt x="206" y="1810"/>
                  </a:lnTo>
                  <a:lnTo>
                    <a:pt x="180" y="1874"/>
                  </a:lnTo>
                  <a:lnTo>
                    <a:pt x="156" y="1941"/>
                  </a:lnTo>
                  <a:lnTo>
                    <a:pt x="133" y="2007"/>
                  </a:lnTo>
                  <a:lnTo>
                    <a:pt x="112" y="2075"/>
                  </a:lnTo>
                  <a:lnTo>
                    <a:pt x="93" y="2143"/>
                  </a:lnTo>
                  <a:lnTo>
                    <a:pt x="76" y="2211"/>
                  </a:lnTo>
                  <a:lnTo>
                    <a:pt x="60" y="2282"/>
                  </a:lnTo>
                  <a:lnTo>
                    <a:pt x="46" y="2351"/>
                  </a:lnTo>
                  <a:lnTo>
                    <a:pt x="33" y="2422"/>
                  </a:lnTo>
                  <a:lnTo>
                    <a:pt x="23" y="2493"/>
                  </a:lnTo>
                  <a:lnTo>
                    <a:pt x="15" y="2564"/>
                  </a:lnTo>
                  <a:lnTo>
                    <a:pt x="9" y="2637"/>
                  </a:lnTo>
                  <a:lnTo>
                    <a:pt x="3" y="2709"/>
                  </a:lnTo>
                  <a:lnTo>
                    <a:pt x="1" y="2783"/>
                  </a:lnTo>
                  <a:lnTo>
                    <a:pt x="0" y="2856"/>
                  </a:lnTo>
                  <a:lnTo>
                    <a:pt x="0" y="2856"/>
                  </a:lnTo>
                  <a:lnTo>
                    <a:pt x="1" y="2930"/>
                  </a:lnTo>
                  <a:lnTo>
                    <a:pt x="3" y="3003"/>
                  </a:lnTo>
                  <a:lnTo>
                    <a:pt x="9" y="3075"/>
                  </a:lnTo>
                  <a:lnTo>
                    <a:pt x="15" y="3148"/>
                  </a:lnTo>
                  <a:lnTo>
                    <a:pt x="23" y="3219"/>
                  </a:lnTo>
                  <a:lnTo>
                    <a:pt x="33" y="3290"/>
                  </a:lnTo>
                  <a:lnTo>
                    <a:pt x="46" y="3361"/>
                  </a:lnTo>
                  <a:lnTo>
                    <a:pt x="60" y="3431"/>
                  </a:lnTo>
                  <a:lnTo>
                    <a:pt x="76" y="3501"/>
                  </a:lnTo>
                  <a:lnTo>
                    <a:pt x="93" y="3569"/>
                  </a:lnTo>
                  <a:lnTo>
                    <a:pt x="112" y="3637"/>
                  </a:lnTo>
                  <a:lnTo>
                    <a:pt x="133" y="3705"/>
                  </a:lnTo>
                  <a:lnTo>
                    <a:pt x="156" y="3771"/>
                  </a:lnTo>
                  <a:lnTo>
                    <a:pt x="180" y="3838"/>
                  </a:lnTo>
                  <a:lnTo>
                    <a:pt x="206" y="3902"/>
                  </a:lnTo>
                  <a:lnTo>
                    <a:pt x="233" y="3967"/>
                  </a:lnTo>
                  <a:lnTo>
                    <a:pt x="262" y="4031"/>
                  </a:lnTo>
                  <a:lnTo>
                    <a:pt x="293" y="4094"/>
                  </a:lnTo>
                  <a:lnTo>
                    <a:pt x="325" y="4155"/>
                  </a:lnTo>
                  <a:lnTo>
                    <a:pt x="359" y="4217"/>
                  </a:lnTo>
                  <a:lnTo>
                    <a:pt x="393" y="4277"/>
                  </a:lnTo>
                  <a:lnTo>
                    <a:pt x="429" y="4337"/>
                  </a:lnTo>
                  <a:lnTo>
                    <a:pt x="468" y="4395"/>
                  </a:lnTo>
                  <a:lnTo>
                    <a:pt x="507" y="4452"/>
                  </a:lnTo>
                  <a:lnTo>
                    <a:pt x="548" y="4508"/>
                  </a:lnTo>
                  <a:lnTo>
                    <a:pt x="590" y="4564"/>
                  </a:lnTo>
                  <a:lnTo>
                    <a:pt x="634" y="4618"/>
                  </a:lnTo>
                  <a:lnTo>
                    <a:pt x="678" y="4672"/>
                  </a:lnTo>
                  <a:lnTo>
                    <a:pt x="724" y="4724"/>
                  </a:lnTo>
                  <a:lnTo>
                    <a:pt x="772" y="4776"/>
                  </a:lnTo>
                  <a:lnTo>
                    <a:pt x="820" y="4826"/>
                  </a:lnTo>
                  <a:lnTo>
                    <a:pt x="870" y="4875"/>
                  </a:lnTo>
                  <a:lnTo>
                    <a:pt x="921" y="4923"/>
                  </a:lnTo>
                  <a:lnTo>
                    <a:pt x="972" y="4969"/>
                  </a:lnTo>
                  <a:lnTo>
                    <a:pt x="1026" y="5015"/>
                  </a:lnTo>
                  <a:lnTo>
                    <a:pt x="1080" y="5059"/>
                  </a:lnTo>
                  <a:lnTo>
                    <a:pt x="1136" y="5102"/>
                  </a:lnTo>
                  <a:lnTo>
                    <a:pt x="1192" y="5144"/>
                  </a:lnTo>
                  <a:lnTo>
                    <a:pt x="1251" y="5184"/>
                  </a:lnTo>
                  <a:lnTo>
                    <a:pt x="1309" y="5224"/>
                  </a:lnTo>
                  <a:lnTo>
                    <a:pt x="1368" y="5262"/>
                  </a:lnTo>
                  <a:lnTo>
                    <a:pt x="1429" y="5299"/>
                  </a:lnTo>
                  <a:lnTo>
                    <a:pt x="1491" y="5333"/>
                  </a:lnTo>
                  <a:lnTo>
                    <a:pt x="1553" y="5367"/>
                  </a:lnTo>
                  <a:lnTo>
                    <a:pt x="1617" y="5399"/>
                  </a:lnTo>
                  <a:lnTo>
                    <a:pt x="1681" y="5431"/>
                  </a:lnTo>
                  <a:lnTo>
                    <a:pt x="1746" y="5460"/>
                  </a:lnTo>
                  <a:lnTo>
                    <a:pt x="1813" y="5488"/>
                  </a:lnTo>
                  <a:lnTo>
                    <a:pt x="1880" y="5514"/>
                  </a:lnTo>
                  <a:lnTo>
                    <a:pt x="1947" y="5539"/>
                  </a:lnTo>
                  <a:lnTo>
                    <a:pt x="2017" y="5562"/>
                  </a:lnTo>
                  <a:lnTo>
                    <a:pt x="2085" y="5584"/>
                  </a:lnTo>
                  <a:lnTo>
                    <a:pt x="2156" y="5604"/>
                  </a:lnTo>
                  <a:lnTo>
                    <a:pt x="2226" y="5623"/>
                  </a:lnTo>
                  <a:lnTo>
                    <a:pt x="2297" y="5639"/>
                  </a:lnTo>
                  <a:lnTo>
                    <a:pt x="2370" y="5654"/>
                  </a:lnTo>
                  <a:lnTo>
                    <a:pt x="2442" y="5668"/>
                  </a:lnTo>
                  <a:lnTo>
                    <a:pt x="2516" y="5680"/>
                  </a:lnTo>
                  <a:lnTo>
                    <a:pt x="2590" y="5690"/>
                  </a:lnTo>
                  <a:lnTo>
                    <a:pt x="2664" y="5697"/>
                  </a:lnTo>
                  <a:lnTo>
                    <a:pt x="2739" y="5704"/>
                  </a:lnTo>
                  <a:lnTo>
                    <a:pt x="2814" y="5709"/>
                  </a:lnTo>
                  <a:lnTo>
                    <a:pt x="2891" y="5711"/>
                  </a:lnTo>
                  <a:lnTo>
                    <a:pt x="2967" y="5712"/>
                  </a:lnTo>
                  <a:close/>
                </a:path>
              </a:pathLst>
            </a:custGeom>
            <a:solidFill>
              <a:schemeClr val="bg1">
                <a:lumMod val="95000"/>
              </a:schemeClr>
            </a:solidFill>
            <a:ln w="57150">
              <a:solidFill>
                <a:srgbClr val="7BA21A"/>
              </a:solidFill>
            </a:ln>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6" name="Freeform 283">
              <a:extLst>
                <a:ext uri="{FF2B5EF4-FFF2-40B4-BE49-F238E27FC236}">
                  <a16:creationId xmlns:a16="http://schemas.microsoft.com/office/drawing/2014/main" xmlns="" id="{0924C1E6-55D1-BC46-82CB-EC81920DBCDE}"/>
                </a:ext>
              </a:extLst>
            </p:cNvPr>
            <p:cNvSpPr>
              <a:spLocks/>
            </p:cNvSpPr>
            <p:nvPr/>
          </p:nvSpPr>
          <p:spPr bwMode="auto">
            <a:xfrm flipH="1">
              <a:off x="6600056" y="692261"/>
              <a:ext cx="5192436" cy="5205985"/>
            </a:xfrm>
            <a:custGeom>
              <a:avLst/>
              <a:gdLst>
                <a:gd name="T0" fmla="*/ 3195 w 5934"/>
                <a:gd name="T1" fmla="*/ 5704 h 5712"/>
                <a:gd name="T2" fmla="*/ 3564 w 5934"/>
                <a:gd name="T3" fmla="*/ 5654 h 5712"/>
                <a:gd name="T4" fmla="*/ 3917 w 5934"/>
                <a:gd name="T5" fmla="*/ 5562 h 5712"/>
                <a:gd name="T6" fmla="*/ 4252 w 5934"/>
                <a:gd name="T7" fmla="*/ 5431 h 5712"/>
                <a:gd name="T8" fmla="*/ 4565 w 5934"/>
                <a:gd name="T9" fmla="*/ 5262 h 5712"/>
                <a:gd name="T10" fmla="*/ 4854 w 5934"/>
                <a:gd name="T11" fmla="*/ 5059 h 5712"/>
                <a:gd name="T12" fmla="*/ 5114 w 5934"/>
                <a:gd name="T13" fmla="*/ 4826 h 5712"/>
                <a:gd name="T14" fmla="*/ 5344 w 5934"/>
                <a:gd name="T15" fmla="*/ 4564 h 5712"/>
                <a:gd name="T16" fmla="*/ 5540 w 5934"/>
                <a:gd name="T17" fmla="*/ 4277 h 5712"/>
                <a:gd name="T18" fmla="*/ 5701 w 5934"/>
                <a:gd name="T19" fmla="*/ 3967 h 5712"/>
                <a:gd name="T20" fmla="*/ 5822 w 5934"/>
                <a:gd name="T21" fmla="*/ 3637 h 5712"/>
                <a:gd name="T22" fmla="*/ 5900 w 5934"/>
                <a:gd name="T23" fmla="*/ 3290 h 5712"/>
                <a:gd name="T24" fmla="*/ 5933 w 5934"/>
                <a:gd name="T25" fmla="*/ 2930 h 5712"/>
                <a:gd name="T26" fmla="*/ 5925 w 5934"/>
                <a:gd name="T27" fmla="*/ 2637 h 5712"/>
                <a:gd name="T28" fmla="*/ 5873 w 5934"/>
                <a:gd name="T29" fmla="*/ 2282 h 5712"/>
                <a:gd name="T30" fmla="*/ 5778 w 5934"/>
                <a:gd name="T31" fmla="*/ 1941 h 5712"/>
                <a:gd name="T32" fmla="*/ 5641 w 5934"/>
                <a:gd name="T33" fmla="*/ 1619 h 5712"/>
                <a:gd name="T34" fmla="*/ 5466 w 5934"/>
                <a:gd name="T35" fmla="*/ 1317 h 5712"/>
                <a:gd name="T36" fmla="*/ 5255 w 5934"/>
                <a:gd name="T37" fmla="*/ 1040 h 5712"/>
                <a:gd name="T38" fmla="*/ 5013 w 5934"/>
                <a:gd name="T39" fmla="*/ 789 h 5712"/>
                <a:gd name="T40" fmla="*/ 4742 w 5934"/>
                <a:gd name="T41" fmla="*/ 568 h 5712"/>
                <a:gd name="T42" fmla="*/ 4443 w 5934"/>
                <a:gd name="T43" fmla="*/ 379 h 5712"/>
                <a:gd name="T44" fmla="*/ 4121 w 5934"/>
                <a:gd name="T45" fmla="*/ 224 h 5712"/>
                <a:gd name="T46" fmla="*/ 3778 w 5934"/>
                <a:gd name="T47" fmla="*/ 108 h 5712"/>
                <a:gd name="T48" fmla="*/ 3418 w 5934"/>
                <a:gd name="T49" fmla="*/ 32 h 5712"/>
                <a:gd name="T50" fmla="*/ 3043 w 5934"/>
                <a:gd name="T51" fmla="*/ 1 h 5712"/>
                <a:gd name="T52" fmla="*/ 2739 w 5934"/>
                <a:gd name="T53" fmla="*/ 8 h 5712"/>
                <a:gd name="T54" fmla="*/ 2370 w 5934"/>
                <a:gd name="T55" fmla="*/ 58 h 5712"/>
                <a:gd name="T56" fmla="*/ 2017 w 5934"/>
                <a:gd name="T57" fmla="*/ 150 h 5712"/>
                <a:gd name="T58" fmla="*/ 1681 w 5934"/>
                <a:gd name="T59" fmla="*/ 282 h 5712"/>
                <a:gd name="T60" fmla="*/ 1368 w 5934"/>
                <a:gd name="T61" fmla="*/ 450 h 5712"/>
                <a:gd name="T62" fmla="*/ 1080 w 5934"/>
                <a:gd name="T63" fmla="*/ 653 h 5712"/>
                <a:gd name="T64" fmla="*/ 820 w 5934"/>
                <a:gd name="T65" fmla="*/ 886 h 5712"/>
                <a:gd name="T66" fmla="*/ 590 w 5934"/>
                <a:gd name="T67" fmla="*/ 1148 h 5712"/>
                <a:gd name="T68" fmla="*/ 393 w 5934"/>
                <a:gd name="T69" fmla="*/ 1435 h 5712"/>
                <a:gd name="T70" fmla="*/ 233 w 5934"/>
                <a:gd name="T71" fmla="*/ 1745 h 5712"/>
                <a:gd name="T72" fmla="*/ 112 w 5934"/>
                <a:gd name="T73" fmla="*/ 2075 h 5712"/>
                <a:gd name="T74" fmla="*/ 33 w 5934"/>
                <a:gd name="T75" fmla="*/ 2422 h 5712"/>
                <a:gd name="T76" fmla="*/ 1 w 5934"/>
                <a:gd name="T77" fmla="*/ 2783 h 5712"/>
                <a:gd name="T78" fmla="*/ 9 w 5934"/>
                <a:gd name="T79" fmla="*/ 3075 h 5712"/>
                <a:gd name="T80" fmla="*/ 60 w 5934"/>
                <a:gd name="T81" fmla="*/ 3431 h 5712"/>
                <a:gd name="T82" fmla="*/ 156 w 5934"/>
                <a:gd name="T83" fmla="*/ 3771 h 5712"/>
                <a:gd name="T84" fmla="*/ 293 w 5934"/>
                <a:gd name="T85" fmla="*/ 4094 h 5712"/>
                <a:gd name="T86" fmla="*/ 468 w 5934"/>
                <a:gd name="T87" fmla="*/ 4395 h 5712"/>
                <a:gd name="T88" fmla="*/ 678 w 5934"/>
                <a:gd name="T89" fmla="*/ 4672 h 5712"/>
                <a:gd name="T90" fmla="*/ 921 w 5934"/>
                <a:gd name="T91" fmla="*/ 4923 h 5712"/>
                <a:gd name="T92" fmla="*/ 1192 w 5934"/>
                <a:gd name="T93" fmla="*/ 5144 h 5712"/>
                <a:gd name="T94" fmla="*/ 1491 w 5934"/>
                <a:gd name="T95" fmla="*/ 5333 h 5712"/>
                <a:gd name="T96" fmla="*/ 1813 w 5934"/>
                <a:gd name="T97" fmla="*/ 5488 h 5712"/>
                <a:gd name="T98" fmla="*/ 2156 w 5934"/>
                <a:gd name="T99" fmla="*/ 5604 h 5712"/>
                <a:gd name="T100" fmla="*/ 2516 w 5934"/>
                <a:gd name="T101" fmla="*/ 5680 h 5712"/>
                <a:gd name="T102" fmla="*/ 2891 w 5934"/>
                <a:gd name="T103" fmla="*/ 5711 h 57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34" h="5712">
                  <a:moveTo>
                    <a:pt x="2967" y="5712"/>
                  </a:moveTo>
                  <a:lnTo>
                    <a:pt x="2967" y="5712"/>
                  </a:lnTo>
                  <a:lnTo>
                    <a:pt x="3043" y="5711"/>
                  </a:lnTo>
                  <a:lnTo>
                    <a:pt x="3119" y="5709"/>
                  </a:lnTo>
                  <a:lnTo>
                    <a:pt x="3195" y="5704"/>
                  </a:lnTo>
                  <a:lnTo>
                    <a:pt x="3270" y="5697"/>
                  </a:lnTo>
                  <a:lnTo>
                    <a:pt x="3344" y="5690"/>
                  </a:lnTo>
                  <a:lnTo>
                    <a:pt x="3418" y="5680"/>
                  </a:lnTo>
                  <a:lnTo>
                    <a:pt x="3492" y="5668"/>
                  </a:lnTo>
                  <a:lnTo>
                    <a:pt x="3564" y="5654"/>
                  </a:lnTo>
                  <a:lnTo>
                    <a:pt x="3637" y="5639"/>
                  </a:lnTo>
                  <a:lnTo>
                    <a:pt x="3707" y="5623"/>
                  </a:lnTo>
                  <a:lnTo>
                    <a:pt x="3778" y="5604"/>
                  </a:lnTo>
                  <a:lnTo>
                    <a:pt x="3849" y="5584"/>
                  </a:lnTo>
                  <a:lnTo>
                    <a:pt x="3917" y="5562"/>
                  </a:lnTo>
                  <a:lnTo>
                    <a:pt x="3987" y="5539"/>
                  </a:lnTo>
                  <a:lnTo>
                    <a:pt x="4054" y="5514"/>
                  </a:lnTo>
                  <a:lnTo>
                    <a:pt x="4121" y="5488"/>
                  </a:lnTo>
                  <a:lnTo>
                    <a:pt x="4187" y="5460"/>
                  </a:lnTo>
                  <a:lnTo>
                    <a:pt x="4252" y="5431"/>
                  </a:lnTo>
                  <a:lnTo>
                    <a:pt x="4316" y="5399"/>
                  </a:lnTo>
                  <a:lnTo>
                    <a:pt x="4380" y="5367"/>
                  </a:lnTo>
                  <a:lnTo>
                    <a:pt x="4443" y="5333"/>
                  </a:lnTo>
                  <a:lnTo>
                    <a:pt x="4505" y="5299"/>
                  </a:lnTo>
                  <a:lnTo>
                    <a:pt x="4565" y="5262"/>
                  </a:lnTo>
                  <a:lnTo>
                    <a:pt x="4625" y="5224"/>
                  </a:lnTo>
                  <a:lnTo>
                    <a:pt x="4683" y="5184"/>
                  </a:lnTo>
                  <a:lnTo>
                    <a:pt x="4742" y="5144"/>
                  </a:lnTo>
                  <a:lnTo>
                    <a:pt x="4798" y="5102"/>
                  </a:lnTo>
                  <a:lnTo>
                    <a:pt x="4854" y="5059"/>
                  </a:lnTo>
                  <a:lnTo>
                    <a:pt x="4908" y="5015"/>
                  </a:lnTo>
                  <a:lnTo>
                    <a:pt x="4961" y="4969"/>
                  </a:lnTo>
                  <a:lnTo>
                    <a:pt x="5013" y="4923"/>
                  </a:lnTo>
                  <a:lnTo>
                    <a:pt x="5065" y="4875"/>
                  </a:lnTo>
                  <a:lnTo>
                    <a:pt x="5114" y="4826"/>
                  </a:lnTo>
                  <a:lnTo>
                    <a:pt x="5162" y="4776"/>
                  </a:lnTo>
                  <a:lnTo>
                    <a:pt x="5209" y="4724"/>
                  </a:lnTo>
                  <a:lnTo>
                    <a:pt x="5255" y="4672"/>
                  </a:lnTo>
                  <a:lnTo>
                    <a:pt x="5300" y="4618"/>
                  </a:lnTo>
                  <a:lnTo>
                    <a:pt x="5344" y="4564"/>
                  </a:lnTo>
                  <a:lnTo>
                    <a:pt x="5385" y="4508"/>
                  </a:lnTo>
                  <a:lnTo>
                    <a:pt x="5427" y="4452"/>
                  </a:lnTo>
                  <a:lnTo>
                    <a:pt x="5466" y="4395"/>
                  </a:lnTo>
                  <a:lnTo>
                    <a:pt x="5504" y="4337"/>
                  </a:lnTo>
                  <a:lnTo>
                    <a:pt x="5540" y="4277"/>
                  </a:lnTo>
                  <a:lnTo>
                    <a:pt x="5575" y="4217"/>
                  </a:lnTo>
                  <a:lnTo>
                    <a:pt x="5609" y="4155"/>
                  </a:lnTo>
                  <a:lnTo>
                    <a:pt x="5641" y="4094"/>
                  </a:lnTo>
                  <a:lnTo>
                    <a:pt x="5672" y="4031"/>
                  </a:lnTo>
                  <a:lnTo>
                    <a:pt x="5701" y="3967"/>
                  </a:lnTo>
                  <a:lnTo>
                    <a:pt x="5728" y="3902"/>
                  </a:lnTo>
                  <a:lnTo>
                    <a:pt x="5753" y="3838"/>
                  </a:lnTo>
                  <a:lnTo>
                    <a:pt x="5778" y="3771"/>
                  </a:lnTo>
                  <a:lnTo>
                    <a:pt x="5801" y="3705"/>
                  </a:lnTo>
                  <a:lnTo>
                    <a:pt x="5822" y="3637"/>
                  </a:lnTo>
                  <a:lnTo>
                    <a:pt x="5841" y="3569"/>
                  </a:lnTo>
                  <a:lnTo>
                    <a:pt x="5858" y="3501"/>
                  </a:lnTo>
                  <a:lnTo>
                    <a:pt x="5873" y="3431"/>
                  </a:lnTo>
                  <a:lnTo>
                    <a:pt x="5888" y="3361"/>
                  </a:lnTo>
                  <a:lnTo>
                    <a:pt x="5900" y="3290"/>
                  </a:lnTo>
                  <a:lnTo>
                    <a:pt x="5910" y="3219"/>
                  </a:lnTo>
                  <a:lnTo>
                    <a:pt x="5918" y="3148"/>
                  </a:lnTo>
                  <a:lnTo>
                    <a:pt x="5925" y="3075"/>
                  </a:lnTo>
                  <a:lnTo>
                    <a:pt x="5931" y="3003"/>
                  </a:lnTo>
                  <a:lnTo>
                    <a:pt x="5933" y="2930"/>
                  </a:lnTo>
                  <a:lnTo>
                    <a:pt x="5934" y="2856"/>
                  </a:lnTo>
                  <a:lnTo>
                    <a:pt x="5934" y="2856"/>
                  </a:lnTo>
                  <a:lnTo>
                    <a:pt x="5933" y="2783"/>
                  </a:lnTo>
                  <a:lnTo>
                    <a:pt x="5931" y="2709"/>
                  </a:lnTo>
                  <a:lnTo>
                    <a:pt x="5925" y="2637"/>
                  </a:lnTo>
                  <a:lnTo>
                    <a:pt x="5918" y="2564"/>
                  </a:lnTo>
                  <a:lnTo>
                    <a:pt x="5910" y="2493"/>
                  </a:lnTo>
                  <a:lnTo>
                    <a:pt x="5900" y="2422"/>
                  </a:lnTo>
                  <a:lnTo>
                    <a:pt x="5888" y="2351"/>
                  </a:lnTo>
                  <a:lnTo>
                    <a:pt x="5873" y="2282"/>
                  </a:lnTo>
                  <a:lnTo>
                    <a:pt x="5858" y="2211"/>
                  </a:lnTo>
                  <a:lnTo>
                    <a:pt x="5841" y="2143"/>
                  </a:lnTo>
                  <a:lnTo>
                    <a:pt x="5822" y="2075"/>
                  </a:lnTo>
                  <a:lnTo>
                    <a:pt x="5801" y="2007"/>
                  </a:lnTo>
                  <a:lnTo>
                    <a:pt x="5778" y="1941"/>
                  </a:lnTo>
                  <a:lnTo>
                    <a:pt x="5753" y="1874"/>
                  </a:lnTo>
                  <a:lnTo>
                    <a:pt x="5728" y="1810"/>
                  </a:lnTo>
                  <a:lnTo>
                    <a:pt x="5701" y="1745"/>
                  </a:lnTo>
                  <a:lnTo>
                    <a:pt x="5672" y="1681"/>
                  </a:lnTo>
                  <a:lnTo>
                    <a:pt x="5641" y="1619"/>
                  </a:lnTo>
                  <a:lnTo>
                    <a:pt x="5609" y="1557"/>
                  </a:lnTo>
                  <a:lnTo>
                    <a:pt x="5575" y="1495"/>
                  </a:lnTo>
                  <a:lnTo>
                    <a:pt x="5540" y="1435"/>
                  </a:lnTo>
                  <a:lnTo>
                    <a:pt x="5504" y="1376"/>
                  </a:lnTo>
                  <a:lnTo>
                    <a:pt x="5466" y="1317"/>
                  </a:lnTo>
                  <a:lnTo>
                    <a:pt x="5427" y="1260"/>
                  </a:lnTo>
                  <a:lnTo>
                    <a:pt x="5385" y="1204"/>
                  </a:lnTo>
                  <a:lnTo>
                    <a:pt x="5344" y="1148"/>
                  </a:lnTo>
                  <a:lnTo>
                    <a:pt x="5300" y="1094"/>
                  </a:lnTo>
                  <a:lnTo>
                    <a:pt x="5255" y="1040"/>
                  </a:lnTo>
                  <a:lnTo>
                    <a:pt x="5209" y="988"/>
                  </a:lnTo>
                  <a:lnTo>
                    <a:pt x="5162" y="936"/>
                  </a:lnTo>
                  <a:lnTo>
                    <a:pt x="5114" y="886"/>
                  </a:lnTo>
                  <a:lnTo>
                    <a:pt x="5065" y="838"/>
                  </a:lnTo>
                  <a:lnTo>
                    <a:pt x="5013" y="789"/>
                  </a:lnTo>
                  <a:lnTo>
                    <a:pt x="4961" y="743"/>
                  </a:lnTo>
                  <a:lnTo>
                    <a:pt x="4908" y="697"/>
                  </a:lnTo>
                  <a:lnTo>
                    <a:pt x="4854" y="653"/>
                  </a:lnTo>
                  <a:lnTo>
                    <a:pt x="4798" y="610"/>
                  </a:lnTo>
                  <a:lnTo>
                    <a:pt x="4742" y="568"/>
                  </a:lnTo>
                  <a:lnTo>
                    <a:pt x="4683" y="528"/>
                  </a:lnTo>
                  <a:lnTo>
                    <a:pt x="4625" y="488"/>
                  </a:lnTo>
                  <a:lnTo>
                    <a:pt x="4565" y="450"/>
                  </a:lnTo>
                  <a:lnTo>
                    <a:pt x="4505" y="413"/>
                  </a:lnTo>
                  <a:lnTo>
                    <a:pt x="4443" y="379"/>
                  </a:lnTo>
                  <a:lnTo>
                    <a:pt x="4380" y="345"/>
                  </a:lnTo>
                  <a:lnTo>
                    <a:pt x="4316" y="313"/>
                  </a:lnTo>
                  <a:lnTo>
                    <a:pt x="4252" y="282"/>
                  </a:lnTo>
                  <a:lnTo>
                    <a:pt x="4187" y="252"/>
                  </a:lnTo>
                  <a:lnTo>
                    <a:pt x="4121" y="224"/>
                  </a:lnTo>
                  <a:lnTo>
                    <a:pt x="4054" y="198"/>
                  </a:lnTo>
                  <a:lnTo>
                    <a:pt x="3987" y="174"/>
                  </a:lnTo>
                  <a:lnTo>
                    <a:pt x="3917" y="150"/>
                  </a:lnTo>
                  <a:lnTo>
                    <a:pt x="3849" y="128"/>
                  </a:lnTo>
                  <a:lnTo>
                    <a:pt x="3778" y="108"/>
                  </a:lnTo>
                  <a:lnTo>
                    <a:pt x="3707" y="89"/>
                  </a:lnTo>
                  <a:lnTo>
                    <a:pt x="3637" y="73"/>
                  </a:lnTo>
                  <a:lnTo>
                    <a:pt x="3564" y="58"/>
                  </a:lnTo>
                  <a:lnTo>
                    <a:pt x="3492" y="44"/>
                  </a:lnTo>
                  <a:lnTo>
                    <a:pt x="3418" y="32"/>
                  </a:lnTo>
                  <a:lnTo>
                    <a:pt x="3344" y="22"/>
                  </a:lnTo>
                  <a:lnTo>
                    <a:pt x="3270" y="15"/>
                  </a:lnTo>
                  <a:lnTo>
                    <a:pt x="3195" y="8"/>
                  </a:lnTo>
                  <a:lnTo>
                    <a:pt x="3119" y="3"/>
                  </a:lnTo>
                  <a:lnTo>
                    <a:pt x="3043" y="1"/>
                  </a:lnTo>
                  <a:lnTo>
                    <a:pt x="2967" y="0"/>
                  </a:lnTo>
                  <a:lnTo>
                    <a:pt x="2967" y="0"/>
                  </a:lnTo>
                  <a:lnTo>
                    <a:pt x="2891" y="1"/>
                  </a:lnTo>
                  <a:lnTo>
                    <a:pt x="2814" y="3"/>
                  </a:lnTo>
                  <a:lnTo>
                    <a:pt x="2739" y="8"/>
                  </a:lnTo>
                  <a:lnTo>
                    <a:pt x="2664" y="15"/>
                  </a:lnTo>
                  <a:lnTo>
                    <a:pt x="2590" y="22"/>
                  </a:lnTo>
                  <a:lnTo>
                    <a:pt x="2516" y="32"/>
                  </a:lnTo>
                  <a:lnTo>
                    <a:pt x="2442" y="44"/>
                  </a:lnTo>
                  <a:lnTo>
                    <a:pt x="2370" y="58"/>
                  </a:lnTo>
                  <a:lnTo>
                    <a:pt x="2297" y="73"/>
                  </a:lnTo>
                  <a:lnTo>
                    <a:pt x="2226" y="89"/>
                  </a:lnTo>
                  <a:lnTo>
                    <a:pt x="2156" y="108"/>
                  </a:lnTo>
                  <a:lnTo>
                    <a:pt x="2085" y="128"/>
                  </a:lnTo>
                  <a:lnTo>
                    <a:pt x="2017" y="150"/>
                  </a:lnTo>
                  <a:lnTo>
                    <a:pt x="1947" y="174"/>
                  </a:lnTo>
                  <a:lnTo>
                    <a:pt x="1880" y="198"/>
                  </a:lnTo>
                  <a:lnTo>
                    <a:pt x="1813" y="224"/>
                  </a:lnTo>
                  <a:lnTo>
                    <a:pt x="1746" y="252"/>
                  </a:lnTo>
                  <a:lnTo>
                    <a:pt x="1681" y="282"/>
                  </a:lnTo>
                  <a:lnTo>
                    <a:pt x="1617" y="313"/>
                  </a:lnTo>
                  <a:lnTo>
                    <a:pt x="1553" y="345"/>
                  </a:lnTo>
                  <a:lnTo>
                    <a:pt x="1491" y="379"/>
                  </a:lnTo>
                  <a:lnTo>
                    <a:pt x="1429" y="413"/>
                  </a:lnTo>
                  <a:lnTo>
                    <a:pt x="1368" y="450"/>
                  </a:lnTo>
                  <a:lnTo>
                    <a:pt x="1309" y="488"/>
                  </a:lnTo>
                  <a:lnTo>
                    <a:pt x="1251" y="528"/>
                  </a:lnTo>
                  <a:lnTo>
                    <a:pt x="1192" y="568"/>
                  </a:lnTo>
                  <a:lnTo>
                    <a:pt x="1136" y="610"/>
                  </a:lnTo>
                  <a:lnTo>
                    <a:pt x="1080" y="653"/>
                  </a:lnTo>
                  <a:lnTo>
                    <a:pt x="1026" y="697"/>
                  </a:lnTo>
                  <a:lnTo>
                    <a:pt x="972" y="743"/>
                  </a:lnTo>
                  <a:lnTo>
                    <a:pt x="921" y="789"/>
                  </a:lnTo>
                  <a:lnTo>
                    <a:pt x="870" y="838"/>
                  </a:lnTo>
                  <a:lnTo>
                    <a:pt x="820" y="886"/>
                  </a:lnTo>
                  <a:lnTo>
                    <a:pt x="772" y="936"/>
                  </a:lnTo>
                  <a:lnTo>
                    <a:pt x="724" y="988"/>
                  </a:lnTo>
                  <a:lnTo>
                    <a:pt x="678" y="1040"/>
                  </a:lnTo>
                  <a:lnTo>
                    <a:pt x="634" y="1094"/>
                  </a:lnTo>
                  <a:lnTo>
                    <a:pt x="590" y="1148"/>
                  </a:lnTo>
                  <a:lnTo>
                    <a:pt x="548" y="1204"/>
                  </a:lnTo>
                  <a:lnTo>
                    <a:pt x="507" y="1260"/>
                  </a:lnTo>
                  <a:lnTo>
                    <a:pt x="468" y="1317"/>
                  </a:lnTo>
                  <a:lnTo>
                    <a:pt x="429" y="1376"/>
                  </a:lnTo>
                  <a:lnTo>
                    <a:pt x="393" y="1435"/>
                  </a:lnTo>
                  <a:lnTo>
                    <a:pt x="359" y="1495"/>
                  </a:lnTo>
                  <a:lnTo>
                    <a:pt x="325" y="1557"/>
                  </a:lnTo>
                  <a:lnTo>
                    <a:pt x="293" y="1619"/>
                  </a:lnTo>
                  <a:lnTo>
                    <a:pt x="262" y="1681"/>
                  </a:lnTo>
                  <a:lnTo>
                    <a:pt x="233" y="1745"/>
                  </a:lnTo>
                  <a:lnTo>
                    <a:pt x="206" y="1810"/>
                  </a:lnTo>
                  <a:lnTo>
                    <a:pt x="180" y="1874"/>
                  </a:lnTo>
                  <a:lnTo>
                    <a:pt x="156" y="1941"/>
                  </a:lnTo>
                  <a:lnTo>
                    <a:pt x="133" y="2007"/>
                  </a:lnTo>
                  <a:lnTo>
                    <a:pt x="112" y="2075"/>
                  </a:lnTo>
                  <a:lnTo>
                    <a:pt x="93" y="2143"/>
                  </a:lnTo>
                  <a:lnTo>
                    <a:pt x="76" y="2211"/>
                  </a:lnTo>
                  <a:lnTo>
                    <a:pt x="60" y="2282"/>
                  </a:lnTo>
                  <a:lnTo>
                    <a:pt x="46" y="2351"/>
                  </a:lnTo>
                  <a:lnTo>
                    <a:pt x="33" y="2422"/>
                  </a:lnTo>
                  <a:lnTo>
                    <a:pt x="23" y="2493"/>
                  </a:lnTo>
                  <a:lnTo>
                    <a:pt x="15" y="2564"/>
                  </a:lnTo>
                  <a:lnTo>
                    <a:pt x="9" y="2637"/>
                  </a:lnTo>
                  <a:lnTo>
                    <a:pt x="3" y="2709"/>
                  </a:lnTo>
                  <a:lnTo>
                    <a:pt x="1" y="2783"/>
                  </a:lnTo>
                  <a:lnTo>
                    <a:pt x="0" y="2856"/>
                  </a:lnTo>
                  <a:lnTo>
                    <a:pt x="0" y="2856"/>
                  </a:lnTo>
                  <a:lnTo>
                    <a:pt x="1" y="2930"/>
                  </a:lnTo>
                  <a:lnTo>
                    <a:pt x="3" y="3003"/>
                  </a:lnTo>
                  <a:lnTo>
                    <a:pt x="9" y="3075"/>
                  </a:lnTo>
                  <a:lnTo>
                    <a:pt x="15" y="3148"/>
                  </a:lnTo>
                  <a:lnTo>
                    <a:pt x="23" y="3219"/>
                  </a:lnTo>
                  <a:lnTo>
                    <a:pt x="33" y="3290"/>
                  </a:lnTo>
                  <a:lnTo>
                    <a:pt x="46" y="3361"/>
                  </a:lnTo>
                  <a:lnTo>
                    <a:pt x="60" y="3431"/>
                  </a:lnTo>
                  <a:lnTo>
                    <a:pt x="76" y="3501"/>
                  </a:lnTo>
                  <a:lnTo>
                    <a:pt x="93" y="3569"/>
                  </a:lnTo>
                  <a:lnTo>
                    <a:pt x="112" y="3637"/>
                  </a:lnTo>
                  <a:lnTo>
                    <a:pt x="133" y="3705"/>
                  </a:lnTo>
                  <a:lnTo>
                    <a:pt x="156" y="3771"/>
                  </a:lnTo>
                  <a:lnTo>
                    <a:pt x="180" y="3838"/>
                  </a:lnTo>
                  <a:lnTo>
                    <a:pt x="206" y="3902"/>
                  </a:lnTo>
                  <a:lnTo>
                    <a:pt x="233" y="3967"/>
                  </a:lnTo>
                  <a:lnTo>
                    <a:pt x="262" y="4031"/>
                  </a:lnTo>
                  <a:lnTo>
                    <a:pt x="293" y="4094"/>
                  </a:lnTo>
                  <a:lnTo>
                    <a:pt x="325" y="4155"/>
                  </a:lnTo>
                  <a:lnTo>
                    <a:pt x="359" y="4217"/>
                  </a:lnTo>
                  <a:lnTo>
                    <a:pt x="393" y="4277"/>
                  </a:lnTo>
                  <a:lnTo>
                    <a:pt x="429" y="4337"/>
                  </a:lnTo>
                  <a:lnTo>
                    <a:pt x="468" y="4395"/>
                  </a:lnTo>
                  <a:lnTo>
                    <a:pt x="507" y="4452"/>
                  </a:lnTo>
                  <a:lnTo>
                    <a:pt x="548" y="4508"/>
                  </a:lnTo>
                  <a:lnTo>
                    <a:pt x="590" y="4564"/>
                  </a:lnTo>
                  <a:lnTo>
                    <a:pt x="634" y="4618"/>
                  </a:lnTo>
                  <a:lnTo>
                    <a:pt x="678" y="4672"/>
                  </a:lnTo>
                  <a:lnTo>
                    <a:pt x="724" y="4724"/>
                  </a:lnTo>
                  <a:lnTo>
                    <a:pt x="772" y="4776"/>
                  </a:lnTo>
                  <a:lnTo>
                    <a:pt x="820" y="4826"/>
                  </a:lnTo>
                  <a:lnTo>
                    <a:pt x="870" y="4875"/>
                  </a:lnTo>
                  <a:lnTo>
                    <a:pt x="921" y="4923"/>
                  </a:lnTo>
                  <a:lnTo>
                    <a:pt x="972" y="4969"/>
                  </a:lnTo>
                  <a:lnTo>
                    <a:pt x="1026" y="5015"/>
                  </a:lnTo>
                  <a:lnTo>
                    <a:pt x="1080" y="5059"/>
                  </a:lnTo>
                  <a:lnTo>
                    <a:pt x="1136" y="5102"/>
                  </a:lnTo>
                  <a:lnTo>
                    <a:pt x="1192" y="5144"/>
                  </a:lnTo>
                  <a:lnTo>
                    <a:pt x="1251" y="5184"/>
                  </a:lnTo>
                  <a:lnTo>
                    <a:pt x="1309" y="5224"/>
                  </a:lnTo>
                  <a:lnTo>
                    <a:pt x="1368" y="5262"/>
                  </a:lnTo>
                  <a:lnTo>
                    <a:pt x="1429" y="5299"/>
                  </a:lnTo>
                  <a:lnTo>
                    <a:pt x="1491" y="5333"/>
                  </a:lnTo>
                  <a:lnTo>
                    <a:pt x="1553" y="5367"/>
                  </a:lnTo>
                  <a:lnTo>
                    <a:pt x="1617" y="5399"/>
                  </a:lnTo>
                  <a:lnTo>
                    <a:pt x="1681" y="5431"/>
                  </a:lnTo>
                  <a:lnTo>
                    <a:pt x="1746" y="5460"/>
                  </a:lnTo>
                  <a:lnTo>
                    <a:pt x="1813" y="5488"/>
                  </a:lnTo>
                  <a:lnTo>
                    <a:pt x="1880" y="5514"/>
                  </a:lnTo>
                  <a:lnTo>
                    <a:pt x="1947" y="5539"/>
                  </a:lnTo>
                  <a:lnTo>
                    <a:pt x="2017" y="5562"/>
                  </a:lnTo>
                  <a:lnTo>
                    <a:pt x="2085" y="5584"/>
                  </a:lnTo>
                  <a:lnTo>
                    <a:pt x="2156" y="5604"/>
                  </a:lnTo>
                  <a:lnTo>
                    <a:pt x="2226" y="5623"/>
                  </a:lnTo>
                  <a:lnTo>
                    <a:pt x="2297" y="5639"/>
                  </a:lnTo>
                  <a:lnTo>
                    <a:pt x="2370" y="5654"/>
                  </a:lnTo>
                  <a:lnTo>
                    <a:pt x="2442" y="5668"/>
                  </a:lnTo>
                  <a:lnTo>
                    <a:pt x="2516" y="5680"/>
                  </a:lnTo>
                  <a:lnTo>
                    <a:pt x="2590" y="5690"/>
                  </a:lnTo>
                  <a:lnTo>
                    <a:pt x="2664" y="5697"/>
                  </a:lnTo>
                  <a:lnTo>
                    <a:pt x="2739" y="5704"/>
                  </a:lnTo>
                  <a:lnTo>
                    <a:pt x="2814" y="5709"/>
                  </a:lnTo>
                  <a:lnTo>
                    <a:pt x="2891" y="5711"/>
                  </a:lnTo>
                  <a:lnTo>
                    <a:pt x="2967" y="5712"/>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7" name="Freeform 284">
              <a:extLst>
                <a:ext uri="{FF2B5EF4-FFF2-40B4-BE49-F238E27FC236}">
                  <a16:creationId xmlns:a16="http://schemas.microsoft.com/office/drawing/2014/main" xmlns="" id="{886B338E-6542-414F-A189-C4799A3697A4}"/>
                </a:ext>
              </a:extLst>
            </p:cNvPr>
            <p:cNvSpPr>
              <a:spLocks/>
            </p:cNvSpPr>
            <p:nvPr/>
          </p:nvSpPr>
          <p:spPr bwMode="auto">
            <a:xfrm flipH="1">
              <a:off x="6610556" y="705021"/>
              <a:ext cx="5166185" cy="5180464"/>
            </a:xfrm>
            <a:custGeom>
              <a:avLst/>
              <a:gdLst>
                <a:gd name="T0" fmla="*/ 3179 w 5905"/>
                <a:gd name="T1" fmla="*/ 5676 h 5684"/>
                <a:gd name="T2" fmla="*/ 3547 w 5905"/>
                <a:gd name="T3" fmla="*/ 5626 h 5684"/>
                <a:gd name="T4" fmla="*/ 3899 w 5905"/>
                <a:gd name="T5" fmla="*/ 5534 h 5684"/>
                <a:gd name="T6" fmla="*/ 4232 w 5905"/>
                <a:gd name="T7" fmla="*/ 5404 h 5684"/>
                <a:gd name="T8" fmla="*/ 4542 w 5905"/>
                <a:gd name="T9" fmla="*/ 5236 h 5684"/>
                <a:gd name="T10" fmla="*/ 4830 w 5905"/>
                <a:gd name="T11" fmla="*/ 5034 h 5684"/>
                <a:gd name="T12" fmla="*/ 5089 w 5905"/>
                <a:gd name="T13" fmla="*/ 4802 h 5684"/>
                <a:gd name="T14" fmla="*/ 5318 w 5905"/>
                <a:gd name="T15" fmla="*/ 4542 h 5684"/>
                <a:gd name="T16" fmla="*/ 5514 w 5905"/>
                <a:gd name="T17" fmla="*/ 4256 h 5684"/>
                <a:gd name="T18" fmla="*/ 5673 w 5905"/>
                <a:gd name="T19" fmla="*/ 3947 h 5684"/>
                <a:gd name="T20" fmla="*/ 5793 w 5905"/>
                <a:gd name="T21" fmla="*/ 3620 h 5684"/>
                <a:gd name="T22" fmla="*/ 5871 w 5905"/>
                <a:gd name="T23" fmla="*/ 3274 h 5684"/>
                <a:gd name="T24" fmla="*/ 5904 w 5905"/>
                <a:gd name="T25" fmla="*/ 2916 h 5684"/>
                <a:gd name="T26" fmla="*/ 5896 w 5905"/>
                <a:gd name="T27" fmla="*/ 2624 h 5684"/>
                <a:gd name="T28" fmla="*/ 5845 w 5905"/>
                <a:gd name="T29" fmla="*/ 2270 h 5684"/>
                <a:gd name="T30" fmla="*/ 5750 w 5905"/>
                <a:gd name="T31" fmla="*/ 1932 h 5684"/>
                <a:gd name="T32" fmla="*/ 5614 w 5905"/>
                <a:gd name="T33" fmla="*/ 1611 h 5684"/>
                <a:gd name="T34" fmla="*/ 5440 w 5905"/>
                <a:gd name="T35" fmla="*/ 1312 h 5684"/>
                <a:gd name="T36" fmla="*/ 5230 w 5905"/>
                <a:gd name="T37" fmla="*/ 1035 h 5684"/>
                <a:gd name="T38" fmla="*/ 4989 w 5905"/>
                <a:gd name="T39" fmla="*/ 786 h 5684"/>
                <a:gd name="T40" fmla="*/ 4719 w 5905"/>
                <a:gd name="T41" fmla="*/ 566 h 5684"/>
                <a:gd name="T42" fmla="*/ 4421 w 5905"/>
                <a:gd name="T43" fmla="*/ 377 h 5684"/>
                <a:gd name="T44" fmla="*/ 4100 w 5905"/>
                <a:gd name="T45" fmla="*/ 223 h 5684"/>
                <a:gd name="T46" fmla="*/ 3761 w 5905"/>
                <a:gd name="T47" fmla="*/ 108 h 5684"/>
                <a:gd name="T48" fmla="*/ 3402 w 5905"/>
                <a:gd name="T49" fmla="*/ 33 h 5684"/>
                <a:gd name="T50" fmla="*/ 3029 w 5905"/>
                <a:gd name="T51" fmla="*/ 1 h 5684"/>
                <a:gd name="T52" fmla="*/ 2726 w 5905"/>
                <a:gd name="T53" fmla="*/ 8 h 5684"/>
                <a:gd name="T54" fmla="*/ 2358 w 5905"/>
                <a:gd name="T55" fmla="*/ 58 h 5684"/>
                <a:gd name="T56" fmla="*/ 2007 w 5905"/>
                <a:gd name="T57" fmla="*/ 150 h 5684"/>
                <a:gd name="T58" fmla="*/ 1674 w 5905"/>
                <a:gd name="T59" fmla="*/ 281 h 5684"/>
                <a:gd name="T60" fmla="*/ 1363 w 5905"/>
                <a:gd name="T61" fmla="*/ 448 h 5684"/>
                <a:gd name="T62" fmla="*/ 1076 w 5905"/>
                <a:gd name="T63" fmla="*/ 650 h 5684"/>
                <a:gd name="T64" fmla="*/ 817 w 5905"/>
                <a:gd name="T65" fmla="*/ 882 h 5684"/>
                <a:gd name="T66" fmla="*/ 588 w 5905"/>
                <a:gd name="T67" fmla="*/ 1142 h 5684"/>
                <a:gd name="T68" fmla="*/ 392 w 5905"/>
                <a:gd name="T69" fmla="*/ 1428 h 5684"/>
                <a:gd name="T70" fmla="*/ 233 w 5905"/>
                <a:gd name="T71" fmla="*/ 1737 h 5684"/>
                <a:gd name="T72" fmla="*/ 112 w 5905"/>
                <a:gd name="T73" fmla="*/ 2065 h 5684"/>
                <a:gd name="T74" fmla="*/ 35 w 5905"/>
                <a:gd name="T75" fmla="*/ 2410 h 5684"/>
                <a:gd name="T76" fmla="*/ 1 w 5905"/>
                <a:gd name="T77" fmla="*/ 2769 h 5684"/>
                <a:gd name="T78" fmla="*/ 9 w 5905"/>
                <a:gd name="T79" fmla="*/ 3060 h 5684"/>
                <a:gd name="T80" fmla="*/ 61 w 5905"/>
                <a:gd name="T81" fmla="*/ 3414 h 5684"/>
                <a:gd name="T82" fmla="*/ 156 w 5905"/>
                <a:gd name="T83" fmla="*/ 3752 h 5684"/>
                <a:gd name="T84" fmla="*/ 292 w 5905"/>
                <a:gd name="T85" fmla="*/ 4073 h 5684"/>
                <a:gd name="T86" fmla="*/ 466 w 5905"/>
                <a:gd name="T87" fmla="*/ 4372 h 5684"/>
                <a:gd name="T88" fmla="*/ 676 w 5905"/>
                <a:gd name="T89" fmla="*/ 4649 h 5684"/>
                <a:gd name="T90" fmla="*/ 917 w 5905"/>
                <a:gd name="T91" fmla="*/ 4898 h 5684"/>
                <a:gd name="T92" fmla="*/ 1187 w 5905"/>
                <a:gd name="T93" fmla="*/ 5118 h 5684"/>
                <a:gd name="T94" fmla="*/ 1484 w 5905"/>
                <a:gd name="T95" fmla="*/ 5307 h 5684"/>
                <a:gd name="T96" fmla="*/ 1805 w 5905"/>
                <a:gd name="T97" fmla="*/ 5461 h 5684"/>
                <a:gd name="T98" fmla="*/ 2145 w 5905"/>
                <a:gd name="T99" fmla="*/ 5576 h 5684"/>
                <a:gd name="T100" fmla="*/ 2504 w 5905"/>
                <a:gd name="T101" fmla="*/ 5651 h 5684"/>
                <a:gd name="T102" fmla="*/ 2877 w 5905"/>
                <a:gd name="T103" fmla="*/ 5683 h 56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05" h="5684">
                  <a:moveTo>
                    <a:pt x="2953" y="5684"/>
                  </a:moveTo>
                  <a:lnTo>
                    <a:pt x="2953" y="5684"/>
                  </a:lnTo>
                  <a:lnTo>
                    <a:pt x="3029" y="5683"/>
                  </a:lnTo>
                  <a:lnTo>
                    <a:pt x="3104" y="5680"/>
                  </a:lnTo>
                  <a:lnTo>
                    <a:pt x="3179" y="5676"/>
                  </a:lnTo>
                  <a:lnTo>
                    <a:pt x="3255" y="5669"/>
                  </a:lnTo>
                  <a:lnTo>
                    <a:pt x="3329" y="5662"/>
                  </a:lnTo>
                  <a:lnTo>
                    <a:pt x="3402" y="5651"/>
                  </a:lnTo>
                  <a:lnTo>
                    <a:pt x="3475" y="5640"/>
                  </a:lnTo>
                  <a:lnTo>
                    <a:pt x="3547" y="5626"/>
                  </a:lnTo>
                  <a:lnTo>
                    <a:pt x="3619" y="5611"/>
                  </a:lnTo>
                  <a:lnTo>
                    <a:pt x="3690" y="5595"/>
                  </a:lnTo>
                  <a:lnTo>
                    <a:pt x="3761" y="5576"/>
                  </a:lnTo>
                  <a:lnTo>
                    <a:pt x="3830" y="5556"/>
                  </a:lnTo>
                  <a:lnTo>
                    <a:pt x="3899" y="5534"/>
                  </a:lnTo>
                  <a:lnTo>
                    <a:pt x="3967" y="5512"/>
                  </a:lnTo>
                  <a:lnTo>
                    <a:pt x="4034" y="5487"/>
                  </a:lnTo>
                  <a:lnTo>
                    <a:pt x="4100" y="5461"/>
                  </a:lnTo>
                  <a:lnTo>
                    <a:pt x="4167" y="5433"/>
                  </a:lnTo>
                  <a:lnTo>
                    <a:pt x="4232" y="5404"/>
                  </a:lnTo>
                  <a:lnTo>
                    <a:pt x="4296" y="5372"/>
                  </a:lnTo>
                  <a:lnTo>
                    <a:pt x="4358" y="5341"/>
                  </a:lnTo>
                  <a:lnTo>
                    <a:pt x="4421" y="5307"/>
                  </a:lnTo>
                  <a:lnTo>
                    <a:pt x="4483" y="5272"/>
                  </a:lnTo>
                  <a:lnTo>
                    <a:pt x="4542" y="5236"/>
                  </a:lnTo>
                  <a:lnTo>
                    <a:pt x="4602" y="5198"/>
                  </a:lnTo>
                  <a:lnTo>
                    <a:pt x="4660" y="5159"/>
                  </a:lnTo>
                  <a:lnTo>
                    <a:pt x="4719" y="5118"/>
                  </a:lnTo>
                  <a:lnTo>
                    <a:pt x="4775" y="5077"/>
                  </a:lnTo>
                  <a:lnTo>
                    <a:pt x="4830" y="5034"/>
                  </a:lnTo>
                  <a:lnTo>
                    <a:pt x="4883" y="4990"/>
                  </a:lnTo>
                  <a:lnTo>
                    <a:pt x="4937" y="4945"/>
                  </a:lnTo>
                  <a:lnTo>
                    <a:pt x="4989" y="4898"/>
                  </a:lnTo>
                  <a:lnTo>
                    <a:pt x="5039" y="4851"/>
                  </a:lnTo>
                  <a:lnTo>
                    <a:pt x="5089" y="4802"/>
                  </a:lnTo>
                  <a:lnTo>
                    <a:pt x="5137" y="4752"/>
                  </a:lnTo>
                  <a:lnTo>
                    <a:pt x="5184" y="4701"/>
                  </a:lnTo>
                  <a:lnTo>
                    <a:pt x="5230" y="4649"/>
                  </a:lnTo>
                  <a:lnTo>
                    <a:pt x="5275" y="4596"/>
                  </a:lnTo>
                  <a:lnTo>
                    <a:pt x="5318" y="4542"/>
                  </a:lnTo>
                  <a:lnTo>
                    <a:pt x="5360" y="4487"/>
                  </a:lnTo>
                  <a:lnTo>
                    <a:pt x="5401" y="4429"/>
                  </a:lnTo>
                  <a:lnTo>
                    <a:pt x="5440" y="4372"/>
                  </a:lnTo>
                  <a:lnTo>
                    <a:pt x="5477" y="4315"/>
                  </a:lnTo>
                  <a:lnTo>
                    <a:pt x="5514" y="4256"/>
                  </a:lnTo>
                  <a:lnTo>
                    <a:pt x="5549" y="4195"/>
                  </a:lnTo>
                  <a:lnTo>
                    <a:pt x="5581" y="4135"/>
                  </a:lnTo>
                  <a:lnTo>
                    <a:pt x="5614" y="4073"/>
                  </a:lnTo>
                  <a:lnTo>
                    <a:pt x="5644" y="4011"/>
                  </a:lnTo>
                  <a:lnTo>
                    <a:pt x="5673" y="3947"/>
                  </a:lnTo>
                  <a:lnTo>
                    <a:pt x="5700" y="3883"/>
                  </a:lnTo>
                  <a:lnTo>
                    <a:pt x="5726" y="3818"/>
                  </a:lnTo>
                  <a:lnTo>
                    <a:pt x="5750" y="3752"/>
                  </a:lnTo>
                  <a:lnTo>
                    <a:pt x="5772" y="3687"/>
                  </a:lnTo>
                  <a:lnTo>
                    <a:pt x="5793" y="3620"/>
                  </a:lnTo>
                  <a:lnTo>
                    <a:pt x="5812" y="3552"/>
                  </a:lnTo>
                  <a:lnTo>
                    <a:pt x="5829" y="3484"/>
                  </a:lnTo>
                  <a:lnTo>
                    <a:pt x="5845" y="3414"/>
                  </a:lnTo>
                  <a:lnTo>
                    <a:pt x="5859" y="3344"/>
                  </a:lnTo>
                  <a:lnTo>
                    <a:pt x="5871" y="3274"/>
                  </a:lnTo>
                  <a:lnTo>
                    <a:pt x="5882" y="3204"/>
                  </a:lnTo>
                  <a:lnTo>
                    <a:pt x="5890" y="3133"/>
                  </a:lnTo>
                  <a:lnTo>
                    <a:pt x="5896" y="3060"/>
                  </a:lnTo>
                  <a:lnTo>
                    <a:pt x="5901" y="2988"/>
                  </a:lnTo>
                  <a:lnTo>
                    <a:pt x="5904" y="2916"/>
                  </a:lnTo>
                  <a:lnTo>
                    <a:pt x="5905" y="2842"/>
                  </a:lnTo>
                  <a:lnTo>
                    <a:pt x="5905" y="2842"/>
                  </a:lnTo>
                  <a:lnTo>
                    <a:pt x="5904" y="2769"/>
                  </a:lnTo>
                  <a:lnTo>
                    <a:pt x="5901" y="2696"/>
                  </a:lnTo>
                  <a:lnTo>
                    <a:pt x="5896" y="2624"/>
                  </a:lnTo>
                  <a:lnTo>
                    <a:pt x="5890" y="2552"/>
                  </a:lnTo>
                  <a:lnTo>
                    <a:pt x="5882" y="2480"/>
                  </a:lnTo>
                  <a:lnTo>
                    <a:pt x="5871" y="2410"/>
                  </a:lnTo>
                  <a:lnTo>
                    <a:pt x="5859" y="2340"/>
                  </a:lnTo>
                  <a:lnTo>
                    <a:pt x="5845" y="2270"/>
                  </a:lnTo>
                  <a:lnTo>
                    <a:pt x="5829" y="2201"/>
                  </a:lnTo>
                  <a:lnTo>
                    <a:pt x="5812" y="2133"/>
                  </a:lnTo>
                  <a:lnTo>
                    <a:pt x="5793" y="2065"/>
                  </a:lnTo>
                  <a:lnTo>
                    <a:pt x="5772" y="1998"/>
                  </a:lnTo>
                  <a:lnTo>
                    <a:pt x="5750" y="1932"/>
                  </a:lnTo>
                  <a:lnTo>
                    <a:pt x="5726" y="1866"/>
                  </a:lnTo>
                  <a:lnTo>
                    <a:pt x="5700" y="1801"/>
                  </a:lnTo>
                  <a:lnTo>
                    <a:pt x="5673" y="1737"/>
                  </a:lnTo>
                  <a:lnTo>
                    <a:pt x="5644" y="1674"/>
                  </a:lnTo>
                  <a:lnTo>
                    <a:pt x="5614" y="1611"/>
                  </a:lnTo>
                  <a:lnTo>
                    <a:pt x="5581" y="1549"/>
                  </a:lnTo>
                  <a:lnTo>
                    <a:pt x="5549" y="1489"/>
                  </a:lnTo>
                  <a:lnTo>
                    <a:pt x="5514" y="1428"/>
                  </a:lnTo>
                  <a:lnTo>
                    <a:pt x="5477" y="1369"/>
                  </a:lnTo>
                  <a:lnTo>
                    <a:pt x="5440" y="1312"/>
                  </a:lnTo>
                  <a:lnTo>
                    <a:pt x="5401" y="1255"/>
                  </a:lnTo>
                  <a:lnTo>
                    <a:pt x="5360" y="1198"/>
                  </a:lnTo>
                  <a:lnTo>
                    <a:pt x="5318" y="1142"/>
                  </a:lnTo>
                  <a:lnTo>
                    <a:pt x="5275" y="1088"/>
                  </a:lnTo>
                  <a:lnTo>
                    <a:pt x="5230" y="1035"/>
                  </a:lnTo>
                  <a:lnTo>
                    <a:pt x="5184" y="984"/>
                  </a:lnTo>
                  <a:lnTo>
                    <a:pt x="5137" y="932"/>
                  </a:lnTo>
                  <a:lnTo>
                    <a:pt x="5089" y="882"/>
                  </a:lnTo>
                  <a:lnTo>
                    <a:pt x="5039" y="833"/>
                  </a:lnTo>
                  <a:lnTo>
                    <a:pt x="4989" y="786"/>
                  </a:lnTo>
                  <a:lnTo>
                    <a:pt x="4937" y="740"/>
                  </a:lnTo>
                  <a:lnTo>
                    <a:pt x="4883" y="694"/>
                  </a:lnTo>
                  <a:lnTo>
                    <a:pt x="4830" y="650"/>
                  </a:lnTo>
                  <a:lnTo>
                    <a:pt x="4775" y="607"/>
                  </a:lnTo>
                  <a:lnTo>
                    <a:pt x="4719" y="566"/>
                  </a:lnTo>
                  <a:lnTo>
                    <a:pt x="4660" y="525"/>
                  </a:lnTo>
                  <a:lnTo>
                    <a:pt x="4602" y="486"/>
                  </a:lnTo>
                  <a:lnTo>
                    <a:pt x="4542" y="448"/>
                  </a:lnTo>
                  <a:lnTo>
                    <a:pt x="4483" y="412"/>
                  </a:lnTo>
                  <a:lnTo>
                    <a:pt x="4421" y="377"/>
                  </a:lnTo>
                  <a:lnTo>
                    <a:pt x="4358" y="343"/>
                  </a:lnTo>
                  <a:lnTo>
                    <a:pt x="4296" y="312"/>
                  </a:lnTo>
                  <a:lnTo>
                    <a:pt x="4232" y="281"/>
                  </a:lnTo>
                  <a:lnTo>
                    <a:pt x="4167" y="251"/>
                  </a:lnTo>
                  <a:lnTo>
                    <a:pt x="4100" y="223"/>
                  </a:lnTo>
                  <a:lnTo>
                    <a:pt x="4034" y="197"/>
                  </a:lnTo>
                  <a:lnTo>
                    <a:pt x="3967" y="173"/>
                  </a:lnTo>
                  <a:lnTo>
                    <a:pt x="3899" y="150"/>
                  </a:lnTo>
                  <a:lnTo>
                    <a:pt x="3830" y="128"/>
                  </a:lnTo>
                  <a:lnTo>
                    <a:pt x="3761" y="108"/>
                  </a:lnTo>
                  <a:lnTo>
                    <a:pt x="3690" y="89"/>
                  </a:lnTo>
                  <a:lnTo>
                    <a:pt x="3619" y="73"/>
                  </a:lnTo>
                  <a:lnTo>
                    <a:pt x="3547" y="58"/>
                  </a:lnTo>
                  <a:lnTo>
                    <a:pt x="3475" y="44"/>
                  </a:lnTo>
                  <a:lnTo>
                    <a:pt x="3402" y="33"/>
                  </a:lnTo>
                  <a:lnTo>
                    <a:pt x="3329" y="22"/>
                  </a:lnTo>
                  <a:lnTo>
                    <a:pt x="3255" y="15"/>
                  </a:lnTo>
                  <a:lnTo>
                    <a:pt x="3179" y="8"/>
                  </a:lnTo>
                  <a:lnTo>
                    <a:pt x="3104" y="4"/>
                  </a:lnTo>
                  <a:lnTo>
                    <a:pt x="3029" y="1"/>
                  </a:lnTo>
                  <a:lnTo>
                    <a:pt x="2953" y="0"/>
                  </a:lnTo>
                  <a:lnTo>
                    <a:pt x="2953" y="0"/>
                  </a:lnTo>
                  <a:lnTo>
                    <a:pt x="2877" y="1"/>
                  </a:lnTo>
                  <a:lnTo>
                    <a:pt x="2801" y="4"/>
                  </a:lnTo>
                  <a:lnTo>
                    <a:pt x="2726" y="8"/>
                  </a:lnTo>
                  <a:lnTo>
                    <a:pt x="2651" y="15"/>
                  </a:lnTo>
                  <a:lnTo>
                    <a:pt x="2577" y="22"/>
                  </a:lnTo>
                  <a:lnTo>
                    <a:pt x="2504" y="33"/>
                  </a:lnTo>
                  <a:lnTo>
                    <a:pt x="2431" y="44"/>
                  </a:lnTo>
                  <a:lnTo>
                    <a:pt x="2358" y="58"/>
                  </a:lnTo>
                  <a:lnTo>
                    <a:pt x="2287" y="73"/>
                  </a:lnTo>
                  <a:lnTo>
                    <a:pt x="2216" y="89"/>
                  </a:lnTo>
                  <a:lnTo>
                    <a:pt x="2145" y="108"/>
                  </a:lnTo>
                  <a:lnTo>
                    <a:pt x="2076" y="128"/>
                  </a:lnTo>
                  <a:lnTo>
                    <a:pt x="2007" y="150"/>
                  </a:lnTo>
                  <a:lnTo>
                    <a:pt x="1939" y="173"/>
                  </a:lnTo>
                  <a:lnTo>
                    <a:pt x="1871" y="197"/>
                  </a:lnTo>
                  <a:lnTo>
                    <a:pt x="1805" y="223"/>
                  </a:lnTo>
                  <a:lnTo>
                    <a:pt x="1739" y="251"/>
                  </a:lnTo>
                  <a:lnTo>
                    <a:pt x="1674" y="281"/>
                  </a:lnTo>
                  <a:lnTo>
                    <a:pt x="1610" y="312"/>
                  </a:lnTo>
                  <a:lnTo>
                    <a:pt x="1547" y="343"/>
                  </a:lnTo>
                  <a:lnTo>
                    <a:pt x="1484" y="377"/>
                  </a:lnTo>
                  <a:lnTo>
                    <a:pt x="1423" y="412"/>
                  </a:lnTo>
                  <a:lnTo>
                    <a:pt x="1363" y="448"/>
                  </a:lnTo>
                  <a:lnTo>
                    <a:pt x="1304" y="486"/>
                  </a:lnTo>
                  <a:lnTo>
                    <a:pt x="1245" y="525"/>
                  </a:lnTo>
                  <a:lnTo>
                    <a:pt x="1187" y="566"/>
                  </a:lnTo>
                  <a:lnTo>
                    <a:pt x="1131" y="607"/>
                  </a:lnTo>
                  <a:lnTo>
                    <a:pt x="1076" y="650"/>
                  </a:lnTo>
                  <a:lnTo>
                    <a:pt x="1022" y="694"/>
                  </a:lnTo>
                  <a:lnTo>
                    <a:pt x="968" y="740"/>
                  </a:lnTo>
                  <a:lnTo>
                    <a:pt x="917" y="786"/>
                  </a:lnTo>
                  <a:lnTo>
                    <a:pt x="866" y="833"/>
                  </a:lnTo>
                  <a:lnTo>
                    <a:pt x="817" y="882"/>
                  </a:lnTo>
                  <a:lnTo>
                    <a:pt x="769" y="932"/>
                  </a:lnTo>
                  <a:lnTo>
                    <a:pt x="722" y="984"/>
                  </a:lnTo>
                  <a:lnTo>
                    <a:pt x="676" y="1035"/>
                  </a:lnTo>
                  <a:lnTo>
                    <a:pt x="631" y="1088"/>
                  </a:lnTo>
                  <a:lnTo>
                    <a:pt x="588" y="1142"/>
                  </a:lnTo>
                  <a:lnTo>
                    <a:pt x="545" y="1198"/>
                  </a:lnTo>
                  <a:lnTo>
                    <a:pt x="505" y="1255"/>
                  </a:lnTo>
                  <a:lnTo>
                    <a:pt x="466" y="1312"/>
                  </a:lnTo>
                  <a:lnTo>
                    <a:pt x="429" y="1369"/>
                  </a:lnTo>
                  <a:lnTo>
                    <a:pt x="392" y="1428"/>
                  </a:lnTo>
                  <a:lnTo>
                    <a:pt x="357" y="1489"/>
                  </a:lnTo>
                  <a:lnTo>
                    <a:pt x="325" y="1549"/>
                  </a:lnTo>
                  <a:lnTo>
                    <a:pt x="292" y="1611"/>
                  </a:lnTo>
                  <a:lnTo>
                    <a:pt x="262" y="1674"/>
                  </a:lnTo>
                  <a:lnTo>
                    <a:pt x="233" y="1737"/>
                  </a:lnTo>
                  <a:lnTo>
                    <a:pt x="206" y="1801"/>
                  </a:lnTo>
                  <a:lnTo>
                    <a:pt x="180" y="1866"/>
                  </a:lnTo>
                  <a:lnTo>
                    <a:pt x="156" y="1932"/>
                  </a:lnTo>
                  <a:lnTo>
                    <a:pt x="134" y="1998"/>
                  </a:lnTo>
                  <a:lnTo>
                    <a:pt x="112" y="2065"/>
                  </a:lnTo>
                  <a:lnTo>
                    <a:pt x="93" y="2133"/>
                  </a:lnTo>
                  <a:lnTo>
                    <a:pt x="77" y="2201"/>
                  </a:lnTo>
                  <a:lnTo>
                    <a:pt x="61" y="2270"/>
                  </a:lnTo>
                  <a:lnTo>
                    <a:pt x="46" y="2340"/>
                  </a:lnTo>
                  <a:lnTo>
                    <a:pt x="35" y="2410"/>
                  </a:lnTo>
                  <a:lnTo>
                    <a:pt x="24" y="2480"/>
                  </a:lnTo>
                  <a:lnTo>
                    <a:pt x="16" y="2552"/>
                  </a:lnTo>
                  <a:lnTo>
                    <a:pt x="9" y="2624"/>
                  </a:lnTo>
                  <a:lnTo>
                    <a:pt x="5" y="2696"/>
                  </a:lnTo>
                  <a:lnTo>
                    <a:pt x="1" y="2769"/>
                  </a:lnTo>
                  <a:lnTo>
                    <a:pt x="0" y="2842"/>
                  </a:lnTo>
                  <a:lnTo>
                    <a:pt x="0" y="2842"/>
                  </a:lnTo>
                  <a:lnTo>
                    <a:pt x="1" y="2916"/>
                  </a:lnTo>
                  <a:lnTo>
                    <a:pt x="5" y="2988"/>
                  </a:lnTo>
                  <a:lnTo>
                    <a:pt x="9" y="3060"/>
                  </a:lnTo>
                  <a:lnTo>
                    <a:pt x="16" y="3133"/>
                  </a:lnTo>
                  <a:lnTo>
                    <a:pt x="24" y="3204"/>
                  </a:lnTo>
                  <a:lnTo>
                    <a:pt x="35" y="3274"/>
                  </a:lnTo>
                  <a:lnTo>
                    <a:pt x="46" y="3344"/>
                  </a:lnTo>
                  <a:lnTo>
                    <a:pt x="61" y="3414"/>
                  </a:lnTo>
                  <a:lnTo>
                    <a:pt x="77" y="3484"/>
                  </a:lnTo>
                  <a:lnTo>
                    <a:pt x="93" y="3552"/>
                  </a:lnTo>
                  <a:lnTo>
                    <a:pt x="112" y="3620"/>
                  </a:lnTo>
                  <a:lnTo>
                    <a:pt x="134" y="3687"/>
                  </a:lnTo>
                  <a:lnTo>
                    <a:pt x="156" y="3752"/>
                  </a:lnTo>
                  <a:lnTo>
                    <a:pt x="180" y="3818"/>
                  </a:lnTo>
                  <a:lnTo>
                    <a:pt x="206" y="3883"/>
                  </a:lnTo>
                  <a:lnTo>
                    <a:pt x="233" y="3947"/>
                  </a:lnTo>
                  <a:lnTo>
                    <a:pt x="262" y="4011"/>
                  </a:lnTo>
                  <a:lnTo>
                    <a:pt x="292" y="4073"/>
                  </a:lnTo>
                  <a:lnTo>
                    <a:pt x="325" y="4135"/>
                  </a:lnTo>
                  <a:lnTo>
                    <a:pt x="357" y="4195"/>
                  </a:lnTo>
                  <a:lnTo>
                    <a:pt x="392" y="4256"/>
                  </a:lnTo>
                  <a:lnTo>
                    <a:pt x="429" y="4315"/>
                  </a:lnTo>
                  <a:lnTo>
                    <a:pt x="466" y="4372"/>
                  </a:lnTo>
                  <a:lnTo>
                    <a:pt x="505" y="4429"/>
                  </a:lnTo>
                  <a:lnTo>
                    <a:pt x="545" y="4487"/>
                  </a:lnTo>
                  <a:lnTo>
                    <a:pt x="588" y="4542"/>
                  </a:lnTo>
                  <a:lnTo>
                    <a:pt x="631" y="4596"/>
                  </a:lnTo>
                  <a:lnTo>
                    <a:pt x="676" y="4649"/>
                  </a:lnTo>
                  <a:lnTo>
                    <a:pt x="722" y="4701"/>
                  </a:lnTo>
                  <a:lnTo>
                    <a:pt x="769" y="4752"/>
                  </a:lnTo>
                  <a:lnTo>
                    <a:pt x="817" y="4802"/>
                  </a:lnTo>
                  <a:lnTo>
                    <a:pt x="866" y="4851"/>
                  </a:lnTo>
                  <a:lnTo>
                    <a:pt x="917" y="4898"/>
                  </a:lnTo>
                  <a:lnTo>
                    <a:pt x="968" y="4945"/>
                  </a:lnTo>
                  <a:lnTo>
                    <a:pt x="1022" y="4990"/>
                  </a:lnTo>
                  <a:lnTo>
                    <a:pt x="1076" y="5034"/>
                  </a:lnTo>
                  <a:lnTo>
                    <a:pt x="1131" y="5077"/>
                  </a:lnTo>
                  <a:lnTo>
                    <a:pt x="1187" y="5118"/>
                  </a:lnTo>
                  <a:lnTo>
                    <a:pt x="1245" y="5159"/>
                  </a:lnTo>
                  <a:lnTo>
                    <a:pt x="1304" y="5198"/>
                  </a:lnTo>
                  <a:lnTo>
                    <a:pt x="1363" y="5236"/>
                  </a:lnTo>
                  <a:lnTo>
                    <a:pt x="1423" y="5272"/>
                  </a:lnTo>
                  <a:lnTo>
                    <a:pt x="1484" y="5307"/>
                  </a:lnTo>
                  <a:lnTo>
                    <a:pt x="1547" y="5341"/>
                  </a:lnTo>
                  <a:lnTo>
                    <a:pt x="1610" y="5372"/>
                  </a:lnTo>
                  <a:lnTo>
                    <a:pt x="1674" y="5404"/>
                  </a:lnTo>
                  <a:lnTo>
                    <a:pt x="1739" y="5433"/>
                  </a:lnTo>
                  <a:lnTo>
                    <a:pt x="1805" y="5461"/>
                  </a:lnTo>
                  <a:lnTo>
                    <a:pt x="1871" y="5487"/>
                  </a:lnTo>
                  <a:lnTo>
                    <a:pt x="1939" y="5512"/>
                  </a:lnTo>
                  <a:lnTo>
                    <a:pt x="2007" y="5534"/>
                  </a:lnTo>
                  <a:lnTo>
                    <a:pt x="2076" y="5556"/>
                  </a:lnTo>
                  <a:lnTo>
                    <a:pt x="2145" y="5576"/>
                  </a:lnTo>
                  <a:lnTo>
                    <a:pt x="2216" y="5595"/>
                  </a:lnTo>
                  <a:lnTo>
                    <a:pt x="2287" y="5611"/>
                  </a:lnTo>
                  <a:lnTo>
                    <a:pt x="2358" y="5626"/>
                  </a:lnTo>
                  <a:lnTo>
                    <a:pt x="2431" y="5640"/>
                  </a:lnTo>
                  <a:lnTo>
                    <a:pt x="2504" y="5651"/>
                  </a:lnTo>
                  <a:lnTo>
                    <a:pt x="2577" y="5662"/>
                  </a:lnTo>
                  <a:lnTo>
                    <a:pt x="2651" y="5669"/>
                  </a:lnTo>
                  <a:lnTo>
                    <a:pt x="2726" y="5676"/>
                  </a:lnTo>
                  <a:lnTo>
                    <a:pt x="2801" y="5680"/>
                  </a:lnTo>
                  <a:lnTo>
                    <a:pt x="2877" y="5683"/>
                  </a:lnTo>
                  <a:lnTo>
                    <a:pt x="2953" y="5684"/>
                  </a:lnTo>
                  <a:close/>
                </a:path>
              </a:pathLst>
            </a:custGeom>
            <a:solidFill>
              <a:srgbClr val="BCBCB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8" name="Freeform 285">
              <a:extLst>
                <a:ext uri="{FF2B5EF4-FFF2-40B4-BE49-F238E27FC236}">
                  <a16:creationId xmlns:a16="http://schemas.microsoft.com/office/drawing/2014/main" xmlns="" id="{EF179EBE-551B-9F4E-A67C-AF05A2429DB0}"/>
                </a:ext>
              </a:extLst>
            </p:cNvPr>
            <p:cNvSpPr>
              <a:spLocks/>
            </p:cNvSpPr>
            <p:nvPr/>
          </p:nvSpPr>
          <p:spPr bwMode="auto">
            <a:xfrm flipH="1">
              <a:off x="6610556" y="705021"/>
              <a:ext cx="5166185" cy="5180464"/>
            </a:xfrm>
            <a:custGeom>
              <a:avLst/>
              <a:gdLst>
                <a:gd name="T0" fmla="*/ 3179 w 5905"/>
                <a:gd name="T1" fmla="*/ 5676 h 5684"/>
                <a:gd name="T2" fmla="*/ 3547 w 5905"/>
                <a:gd name="T3" fmla="*/ 5626 h 5684"/>
                <a:gd name="T4" fmla="*/ 3899 w 5905"/>
                <a:gd name="T5" fmla="*/ 5534 h 5684"/>
                <a:gd name="T6" fmla="*/ 4232 w 5905"/>
                <a:gd name="T7" fmla="*/ 5404 h 5684"/>
                <a:gd name="T8" fmla="*/ 4542 w 5905"/>
                <a:gd name="T9" fmla="*/ 5236 h 5684"/>
                <a:gd name="T10" fmla="*/ 4830 w 5905"/>
                <a:gd name="T11" fmla="*/ 5034 h 5684"/>
                <a:gd name="T12" fmla="*/ 5089 w 5905"/>
                <a:gd name="T13" fmla="*/ 4802 h 5684"/>
                <a:gd name="T14" fmla="*/ 5318 w 5905"/>
                <a:gd name="T15" fmla="*/ 4542 h 5684"/>
                <a:gd name="T16" fmla="*/ 5514 w 5905"/>
                <a:gd name="T17" fmla="*/ 4256 h 5684"/>
                <a:gd name="T18" fmla="*/ 5673 w 5905"/>
                <a:gd name="T19" fmla="*/ 3947 h 5684"/>
                <a:gd name="T20" fmla="*/ 5793 w 5905"/>
                <a:gd name="T21" fmla="*/ 3620 h 5684"/>
                <a:gd name="T22" fmla="*/ 5871 w 5905"/>
                <a:gd name="T23" fmla="*/ 3274 h 5684"/>
                <a:gd name="T24" fmla="*/ 5904 w 5905"/>
                <a:gd name="T25" fmla="*/ 2916 h 5684"/>
                <a:gd name="T26" fmla="*/ 5896 w 5905"/>
                <a:gd name="T27" fmla="*/ 2624 h 5684"/>
                <a:gd name="T28" fmla="*/ 5845 w 5905"/>
                <a:gd name="T29" fmla="*/ 2270 h 5684"/>
                <a:gd name="T30" fmla="*/ 5750 w 5905"/>
                <a:gd name="T31" fmla="*/ 1932 h 5684"/>
                <a:gd name="T32" fmla="*/ 5614 w 5905"/>
                <a:gd name="T33" fmla="*/ 1611 h 5684"/>
                <a:gd name="T34" fmla="*/ 5440 w 5905"/>
                <a:gd name="T35" fmla="*/ 1312 h 5684"/>
                <a:gd name="T36" fmla="*/ 5230 w 5905"/>
                <a:gd name="T37" fmla="*/ 1035 h 5684"/>
                <a:gd name="T38" fmla="*/ 4989 w 5905"/>
                <a:gd name="T39" fmla="*/ 786 h 5684"/>
                <a:gd name="T40" fmla="*/ 4719 w 5905"/>
                <a:gd name="T41" fmla="*/ 566 h 5684"/>
                <a:gd name="T42" fmla="*/ 4421 w 5905"/>
                <a:gd name="T43" fmla="*/ 377 h 5684"/>
                <a:gd name="T44" fmla="*/ 4100 w 5905"/>
                <a:gd name="T45" fmla="*/ 223 h 5684"/>
                <a:gd name="T46" fmla="*/ 3761 w 5905"/>
                <a:gd name="T47" fmla="*/ 108 h 5684"/>
                <a:gd name="T48" fmla="*/ 3402 w 5905"/>
                <a:gd name="T49" fmla="*/ 33 h 5684"/>
                <a:gd name="T50" fmla="*/ 3029 w 5905"/>
                <a:gd name="T51" fmla="*/ 1 h 5684"/>
                <a:gd name="T52" fmla="*/ 2726 w 5905"/>
                <a:gd name="T53" fmla="*/ 8 h 5684"/>
                <a:gd name="T54" fmla="*/ 2358 w 5905"/>
                <a:gd name="T55" fmla="*/ 58 h 5684"/>
                <a:gd name="T56" fmla="*/ 2007 w 5905"/>
                <a:gd name="T57" fmla="*/ 150 h 5684"/>
                <a:gd name="T58" fmla="*/ 1674 w 5905"/>
                <a:gd name="T59" fmla="*/ 281 h 5684"/>
                <a:gd name="T60" fmla="*/ 1363 w 5905"/>
                <a:gd name="T61" fmla="*/ 448 h 5684"/>
                <a:gd name="T62" fmla="*/ 1076 w 5905"/>
                <a:gd name="T63" fmla="*/ 650 h 5684"/>
                <a:gd name="T64" fmla="*/ 817 w 5905"/>
                <a:gd name="T65" fmla="*/ 882 h 5684"/>
                <a:gd name="T66" fmla="*/ 588 w 5905"/>
                <a:gd name="T67" fmla="*/ 1142 h 5684"/>
                <a:gd name="T68" fmla="*/ 392 w 5905"/>
                <a:gd name="T69" fmla="*/ 1428 h 5684"/>
                <a:gd name="T70" fmla="*/ 233 w 5905"/>
                <a:gd name="T71" fmla="*/ 1737 h 5684"/>
                <a:gd name="T72" fmla="*/ 112 w 5905"/>
                <a:gd name="T73" fmla="*/ 2065 h 5684"/>
                <a:gd name="T74" fmla="*/ 35 w 5905"/>
                <a:gd name="T75" fmla="*/ 2410 h 5684"/>
                <a:gd name="T76" fmla="*/ 1 w 5905"/>
                <a:gd name="T77" fmla="*/ 2769 h 5684"/>
                <a:gd name="T78" fmla="*/ 9 w 5905"/>
                <a:gd name="T79" fmla="*/ 3060 h 5684"/>
                <a:gd name="T80" fmla="*/ 61 w 5905"/>
                <a:gd name="T81" fmla="*/ 3414 h 5684"/>
                <a:gd name="T82" fmla="*/ 156 w 5905"/>
                <a:gd name="T83" fmla="*/ 3752 h 5684"/>
                <a:gd name="T84" fmla="*/ 292 w 5905"/>
                <a:gd name="T85" fmla="*/ 4073 h 5684"/>
                <a:gd name="T86" fmla="*/ 466 w 5905"/>
                <a:gd name="T87" fmla="*/ 4372 h 5684"/>
                <a:gd name="T88" fmla="*/ 676 w 5905"/>
                <a:gd name="T89" fmla="*/ 4649 h 5684"/>
                <a:gd name="T90" fmla="*/ 917 w 5905"/>
                <a:gd name="T91" fmla="*/ 4898 h 5684"/>
                <a:gd name="T92" fmla="*/ 1187 w 5905"/>
                <a:gd name="T93" fmla="*/ 5118 h 5684"/>
                <a:gd name="T94" fmla="*/ 1484 w 5905"/>
                <a:gd name="T95" fmla="*/ 5307 h 5684"/>
                <a:gd name="T96" fmla="*/ 1805 w 5905"/>
                <a:gd name="T97" fmla="*/ 5461 h 5684"/>
                <a:gd name="T98" fmla="*/ 2145 w 5905"/>
                <a:gd name="T99" fmla="*/ 5576 h 5684"/>
                <a:gd name="T100" fmla="*/ 2504 w 5905"/>
                <a:gd name="T101" fmla="*/ 5651 h 5684"/>
                <a:gd name="T102" fmla="*/ 2877 w 5905"/>
                <a:gd name="T103" fmla="*/ 5683 h 56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05" h="5684">
                  <a:moveTo>
                    <a:pt x="2953" y="5684"/>
                  </a:moveTo>
                  <a:lnTo>
                    <a:pt x="2953" y="5684"/>
                  </a:lnTo>
                  <a:lnTo>
                    <a:pt x="3029" y="5683"/>
                  </a:lnTo>
                  <a:lnTo>
                    <a:pt x="3104" y="5680"/>
                  </a:lnTo>
                  <a:lnTo>
                    <a:pt x="3179" y="5676"/>
                  </a:lnTo>
                  <a:lnTo>
                    <a:pt x="3255" y="5669"/>
                  </a:lnTo>
                  <a:lnTo>
                    <a:pt x="3329" y="5662"/>
                  </a:lnTo>
                  <a:lnTo>
                    <a:pt x="3402" y="5651"/>
                  </a:lnTo>
                  <a:lnTo>
                    <a:pt x="3475" y="5640"/>
                  </a:lnTo>
                  <a:lnTo>
                    <a:pt x="3547" y="5626"/>
                  </a:lnTo>
                  <a:lnTo>
                    <a:pt x="3619" y="5611"/>
                  </a:lnTo>
                  <a:lnTo>
                    <a:pt x="3690" y="5595"/>
                  </a:lnTo>
                  <a:lnTo>
                    <a:pt x="3761" y="5576"/>
                  </a:lnTo>
                  <a:lnTo>
                    <a:pt x="3830" y="5556"/>
                  </a:lnTo>
                  <a:lnTo>
                    <a:pt x="3899" y="5534"/>
                  </a:lnTo>
                  <a:lnTo>
                    <a:pt x="3967" y="5512"/>
                  </a:lnTo>
                  <a:lnTo>
                    <a:pt x="4034" y="5487"/>
                  </a:lnTo>
                  <a:lnTo>
                    <a:pt x="4100" y="5461"/>
                  </a:lnTo>
                  <a:lnTo>
                    <a:pt x="4167" y="5433"/>
                  </a:lnTo>
                  <a:lnTo>
                    <a:pt x="4232" y="5404"/>
                  </a:lnTo>
                  <a:lnTo>
                    <a:pt x="4296" y="5372"/>
                  </a:lnTo>
                  <a:lnTo>
                    <a:pt x="4358" y="5341"/>
                  </a:lnTo>
                  <a:lnTo>
                    <a:pt x="4421" y="5307"/>
                  </a:lnTo>
                  <a:lnTo>
                    <a:pt x="4483" y="5272"/>
                  </a:lnTo>
                  <a:lnTo>
                    <a:pt x="4542" y="5236"/>
                  </a:lnTo>
                  <a:lnTo>
                    <a:pt x="4602" y="5198"/>
                  </a:lnTo>
                  <a:lnTo>
                    <a:pt x="4660" y="5159"/>
                  </a:lnTo>
                  <a:lnTo>
                    <a:pt x="4719" y="5118"/>
                  </a:lnTo>
                  <a:lnTo>
                    <a:pt x="4775" y="5077"/>
                  </a:lnTo>
                  <a:lnTo>
                    <a:pt x="4830" y="5034"/>
                  </a:lnTo>
                  <a:lnTo>
                    <a:pt x="4883" y="4990"/>
                  </a:lnTo>
                  <a:lnTo>
                    <a:pt x="4937" y="4945"/>
                  </a:lnTo>
                  <a:lnTo>
                    <a:pt x="4989" y="4898"/>
                  </a:lnTo>
                  <a:lnTo>
                    <a:pt x="5039" y="4851"/>
                  </a:lnTo>
                  <a:lnTo>
                    <a:pt x="5089" y="4802"/>
                  </a:lnTo>
                  <a:lnTo>
                    <a:pt x="5137" y="4752"/>
                  </a:lnTo>
                  <a:lnTo>
                    <a:pt x="5184" y="4701"/>
                  </a:lnTo>
                  <a:lnTo>
                    <a:pt x="5230" y="4649"/>
                  </a:lnTo>
                  <a:lnTo>
                    <a:pt x="5275" y="4596"/>
                  </a:lnTo>
                  <a:lnTo>
                    <a:pt x="5318" y="4542"/>
                  </a:lnTo>
                  <a:lnTo>
                    <a:pt x="5360" y="4487"/>
                  </a:lnTo>
                  <a:lnTo>
                    <a:pt x="5401" y="4429"/>
                  </a:lnTo>
                  <a:lnTo>
                    <a:pt x="5440" y="4372"/>
                  </a:lnTo>
                  <a:lnTo>
                    <a:pt x="5477" y="4315"/>
                  </a:lnTo>
                  <a:lnTo>
                    <a:pt x="5514" y="4256"/>
                  </a:lnTo>
                  <a:lnTo>
                    <a:pt x="5549" y="4195"/>
                  </a:lnTo>
                  <a:lnTo>
                    <a:pt x="5581" y="4135"/>
                  </a:lnTo>
                  <a:lnTo>
                    <a:pt x="5614" y="4073"/>
                  </a:lnTo>
                  <a:lnTo>
                    <a:pt x="5644" y="4011"/>
                  </a:lnTo>
                  <a:lnTo>
                    <a:pt x="5673" y="3947"/>
                  </a:lnTo>
                  <a:lnTo>
                    <a:pt x="5700" y="3883"/>
                  </a:lnTo>
                  <a:lnTo>
                    <a:pt x="5726" y="3818"/>
                  </a:lnTo>
                  <a:lnTo>
                    <a:pt x="5750" y="3752"/>
                  </a:lnTo>
                  <a:lnTo>
                    <a:pt x="5772" y="3687"/>
                  </a:lnTo>
                  <a:lnTo>
                    <a:pt x="5793" y="3620"/>
                  </a:lnTo>
                  <a:lnTo>
                    <a:pt x="5812" y="3552"/>
                  </a:lnTo>
                  <a:lnTo>
                    <a:pt x="5829" y="3484"/>
                  </a:lnTo>
                  <a:lnTo>
                    <a:pt x="5845" y="3414"/>
                  </a:lnTo>
                  <a:lnTo>
                    <a:pt x="5859" y="3344"/>
                  </a:lnTo>
                  <a:lnTo>
                    <a:pt x="5871" y="3274"/>
                  </a:lnTo>
                  <a:lnTo>
                    <a:pt x="5882" y="3204"/>
                  </a:lnTo>
                  <a:lnTo>
                    <a:pt x="5890" y="3133"/>
                  </a:lnTo>
                  <a:lnTo>
                    <a:pt x="5896" y="3060"/>
                  </a:lnTo>
                  <a:lnTo>
                    <a:pt x="5901" y="2988"/>
                  </a:lnTo>
                  <a:lnTo>
                    <a:pt x="5904" y="2916"/>
                  </a:lnTo>
                  <a:lnTo>
                    <a:pt x="5905" y="2842"/>
                  </a:lnTo>
                  <a:lnTo>
                    <a:pt x="5905" y="2842"/>
                  </a:lnTo>
                  <a:lnTo>
                    <a:pt x="5904" y="2769"/>
                  </a:lnTo>
                  <a:lnTo>
                    <a:pt x="5901" y="2696"/>
                  </a:lnTo>
                  <a:lnTo>
                    <a:pt x="5896" y="2624"/>
                  </a:lnTo>
                  <a:lnTo>
                    <a:pt x="5890" y="2552"/>
                  </a:lnTo>
                  <a:lnTo>
                    <a:pt x="5882" y="2480"/>
                  </a:lnTo>
                  <a:lnTo>
                    <a:pt x="5871" y="2410"/>
                  </a:lnTo>
                  <a:lnTo>
                    <a:pt x="5859" y="2340"/>
                  </a:lnTo>
                  <a:lnTo>
                    <a:pt x="5845" y="2270"/>
                  </a:lnTo>
                  <a:lnTo>
                    <a:pt x="5829" y="2201"/>
                  </a:lnTo>
                  <a:lnTo>
                    <a:pt x="5812" y="2133"/>
                  </a:lnTo>
                  <a:lnTo>
                    <a:pt x="5793" y="2065"/>
                  </a:lnTo>
                  <a:lnTo>
                    <a:pt x="5772" y="1998"/>
                  </a:lnTo>
                  <a:lnTo>
                    <a:pt x="5750" y="1932"/>
                  </a:lnTo>
                  <a:lnTo>
                    <a:pt x="5726" y="1866"/>
                  </a:lnTo>
                  <a:lnTo>
                    <a:pt x="5700" y="1801"/>
                  </a:lnTo>
                  <a:lnTo>
                    <a:pt x="5673" y="1737"/>
                  </a:lnTo>
                  <a:lnTo>
                    <a:pt x="5644" y="1674"/>
                  </a:lnTo>
                  <a:lnTo>
                    <a:pt x="5614" y="1611"/>
                  </a:lnTo>
                  <a:lnTo>
                    <a:pt x="5581" y="1549"/>
                  </a:lnTo>
                  <a:lnTo>
                    <a:pt x="5549" y="1489"/>
                  </a:lnTo>
                  <a:lnTo>
                    <a:pt x="5514" y="1428"/>
                  </a:lnTo>
                  <a:lnTo>
                    <a:pt x="5477" y="1369"/>
                  </a:lnTo>
                  <a:lnTo>
                    <a:pt x="5440" y="1312"/>
                  </a:lnTo>
                  <a:lnTo>
                    <a:pt x="5401" y="1255"/>
                  </a:lnTo>
                  <a:lnTo>
                    <a:pt x="5360" y="1198"/>
                  </a:lnTo>
                  <a:lnTo>
                    <a:pt x="5318" y="1142"/>
                  </a:lnTo>
                  <a:lnTo>
                    <a:pt x="5275" y="1088"/>
                  </a:lnTo>
                  <a:lnTo>
                    <a:pt x="5230" y="1035"/>
                  </a:lnTo>
                  <a:lnTo>
                    <a:pt x="5184" y="984"/>
                  </a:lnTo>
                  <a:lnTo>
                    <a:pt x="5137" y="932"/>
                  </a:lnTo>
                  <a:lnTo>
                    <a:pt x="5089" y="882"/>
                  </a:lnTo>
                  <a:lnTo>
                    <a:pt x="5039" y="833"/>
                  </a:lnTo>
                  <a:lnTo>
                    <a:pt x="4989" y="786"/>
                  </a:lnTo>
                  <a:lnTo>
                    <a:pt x="4937" y="740"/>
                  </a:lnTo>
                  <a:lnTo>
                    <a:pt x="4883" y="694"/>
                  </a:lnTo>
                  <a:lnTo>
                    <a:pt x="4830" y="650"/>
                  </a:lnTo>
                  <a:lnTo>
                    <a:pt x="4775" y="607"/>
                  </a:lnTo>
                  <a:lnTo>
                    <a:pt x="4719" y="566"/>
                  </a:lnTo>
                  <a:lnTo>
                    <a:pt x="4660" y="525"/>
                  </a:lnTo>
                  <a:lnTo>
                    <a:pt x="4602" y="486"/>
                  </a:lnTo>
                  <a:lnTo>
                    <a:pt x="4542" y="448"/>
                  </a:lnTo>
                  <a:lnTo>
                    <a:pt x="4483" y="412"/>
                  </a:lnTo>
                  <a:lnTo>
                    <a:pt x="4421" y="377"/>
                  </a:lnTo>
                  <a:lnTo>
                    <a:pt x="4358" y="343"/>
                  </a:lnTo>
                  <a:lnTo>
                    <a:pt x="4296" y="312"/>
                  </a:lnTo>
                  <a:lnTo>
                    <a:pt x="4232" y="281"/>
                  </a:lnTo>
                  <a:lnTo>
                    <a:pt x="4167" y="251"/>
                  </a:lnTo>
                  <a:lnTo>
                    <a:pt x="4100" y="223"/>
                  </a:lnTo>
                  <a:lnTo>
                    <a:pt x="4034" y="197"/>
                  </a:lnTo>
                  <a:lnTo>
                    <a:pt x="3967" y="173"/>
                  </a:lnTo>
                  <a:lnTo>
                    <a:pt x="3899" y="150"/>
                  </a:lnTo>
                  <a:lnTo>
                    <a:pt x="3830" y="128"/>
                  </a:lnTo>
                  <a:lnTo>
                    <a:pt x="3761" y="108"/>
                  </a:lnTo>
                  <a:lnTo>
                    <a:pt x="3690" y="89"/>
                  </a:lnTo>
                  <a:lnTo>
                    <a:pt x="3619" y="73"/>
                  </a:lnTo>
                  <a:lnTo>
                    <a:pt x="3547" y="58"/>
                  </a:lnTo>
                  <a:lnTo>
                    <a:pt x="3475" y="44"/>
                  </a:lnTo>
                  <a:lnTo>
                    <a:pt x="3402" y="33"/>
                  </a:lnTo>
                  <a:lnTo>
                    <a:pt x="3329" y="22"/>
                  </a:lnTo>
                  <a:lnTo>
                    <a:pt x="3255" y="15"/>
                  </a:lnTo>
                  <a:lnTo>
                    <a:pt x="3179" y="8"/>
                  </a:lnTo>
                  <a:lnTo>
                    <a:pt x="3104" y="4"/>
                  </a:lnTo>
                  <a:lnTo>
                    <a:pt x="3029" y="1"/>
                  </a:lnTo>
                  <a:lnTo>
                    <a:pt x="2953" y="0"/>
                  </a:lnTo>
                  <a:lnTo>
                    <a:pt x="2953" y="0"/>
                  </a:lnTo>
                  <a:lnTo>
                    <a:pt x="2877" y="1"/>
                  </a:lnTo>
                  <a:lnTo>
                    <a:pt x="2801" y="4"/>
                  </a:lnTo>
                  <a:lnTo>
                    <a:pt x="2726" y="8"/>
                  </a:lnTo>
                  <a:lnTo>
                    <a:pt x="2651" y="15"/>
                  </a:lnTo>
                  <a:lnTo>
                    <a:pt x="2577" y="22"/>
                  </a:lnTo>
                  <a:lnTo>
                    <a:pt x="2504" y="33"/>
                  </a:lnTo>
                  <a:lnTo>
                    <a:pt x="2431" y="44"/>
                  </a:lnTo>
                  <a:lnTo>
                    <a:pt x="2358" y="58"/>
                  </a:lnTo>
                  <a:lnTo>
                    <a:pt x="2287" y="73"/>
                  </a:lnTo>
                  <a:lnTo>
                    <a:pt x="2216" y="89"/>
                  </a:lnTo>
                  <a:lnTo>
                    <a:pt x="2145" y="108"/>
                  </a:lnTo>
                  <a:lnTo>
                    <a:pt x="2076" y="128"/>
                  </a:lnTo>
                  <a:lnTo>
                    <a:pt x="2007" y="150"/>
                  </a:lnTo>
                  <a:lnTo>
                    <a:pt x="1939" y="173"/>
                  </a:lnTo>
                  <a:lnTo>
                    <a:pt x="1871" y="197"/>
                  </a:lnTo>
                  <a:lnTo>
                    <a:pt x="1805" y="223"/>
                  </a:lnTo>
                  <a:lnTo>
                    <a:pt x="1739" y="251"/>
                  </a:lnTo>
                  <a:lnTo>
                    <a:pt x="1674" y="281"/>
                  </a:lnTo>
                  <a:lnTo>
                    <a:pt x="1610" y="312"/>
                  </a:lnTo>
                  <a:lnTo>
                    <a:pt x="1547" y="343"/>
                  </a:lnTo>
                  <a:lnTo>
                    <a:pt x="1484" y="377"/>
                  </a:lnTo>
                  <a:lnTo>
                    <a:pt x="1423" y="412"/>
                  </a:lnTo>
                  <a:lnTo>
                    <a:pt x="1363" y="448"/>
                  </a:lnTo>
                  <a:lnTo>
                    <a:pt x="1304" y="486"/>
                  </a:lnTo>
                  <a:lnTo>
                    <a:pt x="1245" y="525"/>
                  </a:lnTo>
                  <a:lnTo>
                    <a:pt x="1187" y="566"/>
                  </a:lnTo>
                  <a:lnTo>
                    <a:pt x="1131" y="607"/>
                  </a:lnTo>
                  <a:lnTo>
                    <a:pt x="1076" y="650"/>
                  </a:lnTo>
                  <a:lnTo>
                    <a:pt x="1022" y="694"/>
                  </a:lnTo>
                  <a:lnTo>
                    <a:pt x="968" y="740"/>
                  </a:lnTo>
                  <a:lnTo>
                    <a:pt x="917" y="786"/>
                  </a:lnTo>
                  <a:lnTo>
                    <a:pt x="866" y="833"/>
                  </a:lnTo>
                  <a:lnTo>
                    <a:pt x="817" y="882"/>
                  </a:lnTo>
                  <a:lnTo>
                    <a:pt x="769" y="932"/>
                  </a:lnTo>
                  <a:lnTo>
                    <a:pt x="722" y="984"/>
                  </a:lnTo>
                  <a:lnTo>
                    <a:pt x="676" y="1035"/>
                  </a:lnTo>
                  <a:lnTo>
                    <a:pt x="631" y="1088"/>
                  </a:lnTo>
                  <a:lnTo>
                    <a:pt x="588" y="1142"/>
                  </a:lnTo>
                  <a:lnTo>
                    <a:pt x="545" y="1198"/>
                  </a:lnTo>
                  <a:lnTo>
                    <a:pt x="505" y="1255"/>
                  </a:lnTo>
                  <a:lnTo>
                    <a:pt x="466" y="1312"/>
                  </a:lnTo>
                  <a:lnTo>
                    <a:pt x="429" y="1369"/>
                  </a:lnTo>
                  <a:lnTo>
                    <a:pt x="392" y="1428"/>
                  </a:lnTo>
                  <a:lnTo>
                    <a:pt x="357" y="1489"/>
                  </a:lnTo>
                  <a:lnTo>
                    <a:pt x="325" y="1549"/>
                  </a:lnTo>
                  <a:lnTo>
                    <a:pt x="292" y="1611"/>
                  </a:lnTo>
                  <a:lnTo>
                    <a:pt x="262" y="1674"/>
                  </a:lnTo>
                  <a:lnTo>
                    <a:pt x="233" y="1737"/>
                  </a:lnTo>
                  <a:lnTo>
                    <a:pt x="206" y="1801"/>
                  </a:lnTo>
                  <a:lnTo>
                    <a:pt x="180" y="1866"/>
                  </a:lnTo>
                  <a:lnTo>
                    <a:pt x="156" y="1932"/>
                  </a:lnTo>
                  <a:lnTo>
                    <a:pt x="134" y="1998"/>
                  </a:lnTo>
                  <a:lnTo>
                    <a:pt x="112" y="2065"/>
                  </a:lnTo>
                  <a:lnTo>
                    <a:pt x="93" y="2133"/>
                  </a:lnTo>
                  <a:lnTo>
                    <a:pt x="77" y="2201"/>
                  </a:lnTo>
                  <a:lnTo>
                    <a:pt x="61" y="2270"/>
                  </a:lnTo>
                  <a:lnTo>
                    <a:pt x="46" y="2340"/>
                  </a:lnTo>
                  <a:lnTo>
                    <a:pt x="35" y="2410"/>
                  </a:lnTo>
                  <a:lnTo>
                    <a:pt x="24" y="2480"/>
                  </a:lnTo>
                  <a:lnTo>
                    <a:pt x="16" y="2552"/>
                  </a:lnTo>
                  <a:lnTo>
                    <a:pt x="9" y="2624"/>
                  </a:lnTo>
                  <a:lnTo>
                    <a:pt x="5" y="2696"/>
                  </a:lnTo>
                  <a:lnTo>
                    <a:pt x="1" y="2769"/>
                  </a:lnTo>
                  <a:lnTo>
                    <a:pt x="0" y="2842"/>
                  </a:lnTo>
                  <a:lnTo>
                    <a:pt x="0" y="2842"/>
                  </a:lnTo>
                  <a:lnTo>
                    <a:pt x="1" y="2916"/>
                  </a:lnTo>
                  <a:lnTo>
                    <a:pt x="5" y="2988"/>
                  </a:lnTo>
                  <a:lnTo>
                    <a:pt x="9" y="3060"/>
                  </a:lnTo>
                  <a:lnTo>
                    <a:pt x="16" y="3133"/>
                  </a:lnTo>
                  <a:lnTo>
                    <a:pt x="24" y="3204"/>
                  </a:lnTo>
                  <a:lnTo>
                    <a:pt x="35" y="3274"/>
                  </a:lnTo>
                  <a:lnTo>
                    <a:pt x="46" y="3344"/>
                  </a:lnTo>
                  <a:lnTo>
                    <a:pt x="61" y="3414"/>
                  </a:lnTo>
                  <a:lnTo>
                    <a:pt x="77" y="3484"/>
                  </a:lnTo>
                  <a:lnTo>
                    <a:pt x="93" y="3552"/>
                  </a:lnTo>
                  <a:lnTo>
                    <a:pt x="112" y="3620"/>
                  </a:lnTo>
                  <a:lnTo>
                    <a:pt x="134" y="3687"/>
                  </a:lnTo>
                  <a:lnTo>
                    <a:pt x="156" y="3752"/>
                  </a:lnTo>
                  <a:lnTo>
                    <a:pt x="180" y="3818"/>
                  </a:lnTo>
                  <a:lnTo>
                    <a:pt x="206" y="3883"/>
                  </a:lnTo>
                  <a:lnTo>
                    <a:pt x="233" y="3947"/>
                  </a:lnTo>
                  <a:lnTo>
                    <a:pt x="262" y="4011"/>
                  </a:lnTo>
                  <a:lnTo>
                    <a:pt x="292" y="4073"/>
                  </a:lnTo>
                  <a:lnTo>
                    <a:pt x="325" y="4135"/>
                  </a:lnTo>
                  <a:lnTo>
                    <a:pt x="357" y="4195"/>
                  </a:lnTo>
                  <a:lnTo>
                    <a:pt x="392" y="4256"/>
                  </a:lnTo>
                  <a:lnTo>
                    <a:pt x="429" y="4315"/>
                  </a:lnTo>
                  <a:lnTo>
                    <a:pt x="466" y="4372"/>
                  </a:lnTo>
                  <a:lnTo>
                    <a:pt x="505" y="4429"/>
                  </a:lnTo>
                  <a:lnTo>
                    <a:pt x="545" y="4487"/>
                  </a:lnTo>
                  <a:lnTo>
                    <a:pt x="588" y="4542"/>
                  </a:lnTo>
                  <a:lnTo>
                    <a:pt x="631" y="4596"/>
                  </a:lnTo>
                  <a:lnTo>
                    <a:pt x="676" y="4649"/>
                  </a:lnTo>
                  <a:lnTo>
                    <a:pt x="722" y="4701"/>
                  </a:lnTo>
                  <a:lnTo>
                    <a:pt x="769" y="4752"/>
                  </a:lnTo>
                  <a:lnTo>
                    <a:pt x="817" y="4802"/>
                  </a:lnTo>
                  <a:lnTo>
                    <a:pt x="866" y="4851"/>
                  </a:lnTo>
                  <a:lnTo>
                    <a:pt x="917" y="4898"/>
                  </a:lnTo>
                  <a:lnTo>
                    <a:pt x="968" y="4945"/>
                  </a:lnTo>
                  <a:lnTo>
                    <a:pt x="1022" y="4990"/>
                  </a:lnTo>
                  <a:lnTo>
                    <a:pt x="1076" y="5034"/>
                  </a:lnTo>
                  <a:lnTo>
                    <a:pt x="1131" y="5077"/>
                  </a:lnTo>
                  <a:lnTo>
                    <a:pt x="1187" y="5118"/>
                  </a:lnTo>
                  <a:lnTo>
                    <a:pt x="1245" y="5159"/>
                  </a:lnTo>
                  <a:lnTo>
                    <a:pt x="1304" y="5198"/>
                  </a:lnTo>
                  <a:lnTo>
                    <a:pt x="1363" y="5236"/>
                  </a:lnTo>
                  <a:lnTo>
                    <a:pt x="1423" y="5272"/>
                  </a:lnTo>
                  <a:lnTo>
                    <a:pt x="1484" y="5307"/>
                  </a:lnTo>
                  <a:lnTo>
                    <a:pt x="1547" y="5341"/>
                  </a:lnTo>
                  <a:lnTo>
                    <a:pt x="1610" y="5372"/>
                  </a:lnTo>
                  <a:lnTo>
                    <a:pt x="1674" y="5404"/>
                  </a:lnTo>
                  <a:lnTo>
                    <a:pt x="1739" y="5433"/>
                  </a:lnTo>
                  <a:lnTo>
                    <a:pt x="1805" y="5461"/>
                  </a:lnTo>
                  <a:lnTo>
                    <a:pt x="1871" y="5487"/>
                  </a:lnTo>
                  <a:lnTo>
                    <a:pt x="1939" y="5512"/>
                  </a:lnTo>
                  <a:lnTo>
                    <a:pt x="2007" y="5534"/>
                  </a:lnTo>
                  <a:lnTo>
                    <a:pt x="2076" y="5556"/>
                  </a:lnTo>
                  <a:lnTo>
                    <a:pt x="2145" y="5576"/>
                  </a:lnTo>
                  <a:lnTo>
                    <a:pt x="2216" y="5595"/>
                  </a:lnTo>
                  <a:lnTo>
                    <a:pt x="2287" y="5611"/>
                  </a:lnTo>
                  <a:lnTo>
                    <a:pt x="2358" y="5626"/>
                  </a:lnTo>
                  <a:lnTo>
                    <a:pt x="2431" y="5640"/>
                  </a:lnTo>
                  <a:lnTo>
                    <a:pt x="2504" y="5651"/>
                  </a:lnTo>
                  <a:lnTo>
                    <a:pt x="2577" y="5662"/>
                  </a:lnTo>
                  <a:lnTo>
                    <a:pt x="2651" y="5669"/>
                  </a:lnTo>
                  <a:lnTo>
                    <a:pt x="2726" y="5676"/>
                  </a:lnTo>
                  <a:lnTo>
                    <a:pt x="2801" y="5680"/>
                  </a:lnTo>
                  <a:lnTo>
                    <a:pt x="2877" y="5683"/>
                  </a:lnTo>
                  <a:lnTo>
                    <a:pt x="2953" y="568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9" name="Freeform 288">
              <a:extLst>
                <a:ext uri="{FF2B5EF4-FFF2-40B4-BE49-F238E27FC236}">
                  <a16:creationId xmlns:a16="http://schemas.microsoft.com/office/drawing/2014/main" xmlns="" id="{85169F3C-CDC9-0F46-A2D4-852AEA793046}"/>
                </a:ext>
              </a:extLst>
            </p:cNvPr>
            <p:cNvSpPr>
              <a:spLocks/>
            </p:cNvSpPr>
            <p:nvPr/>
          </p:nvSpPr>
          <p:spPr bwMode="auto">
            <a:xfrm flipH="1">
              <a:off x="6888816" y="979354"/>
              <a:ext cx="4614915" cy="4625416"/>
            </a:xfrm>
            <a:custGeom>
              <a:avLst/>
              <a:gdLst>
                <a:gd name="T0" fmla="*/ 2837 w 5270"/>
                <a:gd name="T1" fmla="*/ 5066 h 5074"/>
                <a:gd name="T2" fmla="*/ 3165 w 5270"/>
                <a:gd name="T3" fmla="*/ 5022 h 5074"/>
                <a:gd name="T4" fmla="*/ 3480 w 5270"/>
                <a:gd name="T5" fmla="*/ 4940 h 5074"/>
                <a:gd name="T6" fmla="*/ 3777 w 5270"/>
                <a:gd name="T7" fmla="*/ 4823 h 5074"/>
                <a:gd name="T8" fmla="*/ 4054 w 5270"/>
                <a:gd name="T9" fmla="*/ 4673 h 5074"/>
                <a:gd name="T10" fmla="*/ 4310 w 5270"/>
                <a:gd name="T11" fmla="*/ 4494 h 5074"/>
                <a:gd name="T12" fmla="*/ 4542 w 5270"/>
                <a:gd name="T13" fmla="*/ 4286 h 5074"/>
                <a:gd name="T14" fmla="*/ 4746 w 5270"/>
                <a:gd name="T15" fmla="*/ 4054 h 5074"/>
                <a:gd name="T16" fmla="*/ 4920 w 5270"/>
                <a:gd name="T17" fmla="*/ 3798 h 5074"/>
                <a:gd name="T18" fmla="*/ 5062 w 5270"/>
                <a:gd name="T19" fmla="*/ 3524 h 5074"/>
                <a:gd name="T20" fmla="*/ 5170 w 5270"/>
                <a:gd name="T21" fmla="*/ 3230 h 5074"/>
                <a:gd name="T22" fmla="*/ 5240 w 5270"/>
                <a:gd name="T23" fmla="*/ 2923 h 5074"/>
                <a:gd name="T24" fmla="*/ 5269 w 5270"/>
                <a:gd name="T25" fmla="*/ 2603 h 5074"/>
                <a:gd name="T26" fmla="*/ 5262 w 5270"/>
                <a:gd name="T27" fmla="*/ 2343 h 5074"/>
                <a:gd name="T28" fmla="*/ 5216 w 5270"/>
                <a:gd name="T29" fmla="*/ 2026 h 5074"/>
                <a:gd name="T30" fmla="*/ 5131 w 5270"/>
                <a:gd name="T31" fmla="*/ 1724 h 5074"/>
                <a:gd name="T32" fmla="*/ 5010 w 5270"/>
                <a:gd name="T33" fmla="*/ 1439 h 5074"/>
                <a:gd name="T34" fmla="*/ 4854 w 5270"/>
                <a:gd name="T35" fmla="*/ 1171 h 5074"/>
                <a:gd name="T36" fmla="*/ 4668 w 5270"/>
                <a:gd name="T37" fmla="*/ 925 h 5074"/>
                <a:gd name="T38" fmla="*/ 4452 w 5270"/>
                <a:gd name="T39" fmla="*/ 701 h 5074"/>
                <a:gd name="T40" fmla="*/ 4211 w 5270"/>
                <a:gd name="T41" fmla="*/ 505 h 5074"/>
                <a:gd name="T42" fmla="*/ 3945 w 5270"/>
                <a:gd name="T43" fmla="*/ 337 h 5074"/>
                <a:gd name="T44" fmla="*/ 3660 w 5270"/>
                <a:gd name="T45" fmla="*/ 200 h 5074"/>
                <a:gd name="T46" fmla="*/ 3355 w 5270"/>
                <a:gd name="T47" fmla="*/ 97 h 5074"/>
                <a:gd name="T48" fmla="*/ 3035 w 5270"/>
                <a:gd name="T49" fmla="*/ 30 h 5074"/>
                <a:gd name="T50" fmla="*/ 2703 w 5270"/>
                <a:gd name="T51" fmla="*/ 1 h 5074"/>
                <a:gd name="T52" fmla="*/ 2433 w 5270"/>
                <a:gd name="T53" fmla="*/ 8 h 5074"/>
                <a:gd name="T54" fmla="*/ 2104 w 5270"/>
                <a:gd name="T55" fmla="*/ 52 h 5074"/>
                <a:gd name="T56" fmla="*/ 1790 w 5270"/>
                <a:gd name="T57" fmla="*/ 134 h 5074"/>
                <a:gd name="T58" fmla="*/ 1494 w 5270"/>
                <a:gd name="T59" fmla="*/ 251 h 5074"/>
                <a:gd name="T60" fmla="*/ 1216 w 5270"/>
                <a:gd name="T61" fmla="*/ 401 h 5074"/>
                <a:gd name="T62" fmla="*/ 960 w 5270"/>
                <a:gd name="T63" fmla="*/ 580 h 5074"/>
                <a:gd name="T64" fmla="*/ 728 w 5270"/>
                <a:gd name="T65" fmla="*/ 788 h 5074"/>
                <a:gd name="T66" fmla="*/ 524 w 5270"/>
                <a:gd name="T67" fmla="*/ 1020 h 5074"/>
                <a:gd name="T68" fmla="*/ 350 w 5270"/>
                <a:gd name="T69" fmla="*/ 1276 h 5074"/>
                <a:gd name="T70" fmla="*/ 207 w 5270"/>
                <a:gd name="T71" fmla="*/ 1551 h 5074"/>
                <a:gd name="T72" fmla="*/ 100 w 5270"/>
                <a:gd name="T73" fmla="*/ 1844 h 5074"/>
                <a:gd name="T74" fmla="*/ 30 w 5270"/>
                <a:gd name="T75" fmla="*/ 2152 h 5074"/>
                <a:gd name="T76" fmla="*/ 1 w 5270"/>
                <a:gd name="T77" fmla="*/ 2471 h 5074"/>
                <a:gd name="T78" fmla="*/ 8 w 5270"/>
                <a:gd name="T79" fmla="*/ 2733 h 5074"/>
                <a:gd name="T80" fmla="*/ 54 w 5270"/>
                <a:gd name="T81" fmla="*/ 3048 h 5074"/>
                <a:gd name="T82" fmla="*/ 139 w 5270"/>
                <a:gd name="T83" fmla="*/ 3350 h 5074"/>
                <a:gd name="T84" fmla="*/ 260 w 5270"/>
                <a:gd name="T85" fmla="*/ 3636 h 5074"/>
                <a:gd name="T86" fmla="*/ 416 w 5270"/>
                <a:gd name="T87" fmla="*/ 3903 h 5074"/>
                <a:gd name="T88" fmla="*/ 602 w 5270"/>
                <a:gd name="T89" fmla="*/ 4149 h 5074"/>
                <a:gd name="T90" fmla="*/ 818 w 5270"/>
                <a:gd name="T91" fmla="*/ 4373 h 5074"/>
                <a:gd name="T92" fmla="*/ 1059 w 5270"/>
                <a:gd name="T93" fmla="*/ 4569 h 5074"/>
                <a:gd name="T94" fmla="*/ 1325 w 5270"/>
                <a:gd name="T95" fmla="*/ 4737 h 5074"/>
                <a:gd name="T96" fmla="*/ 1611 w 5270"/>
                <a:gd name="T97" fmla="*/ 4874 h 5074"/>
                <a:gd name="T98" fmla="*/ 1915 w 5270"/>
                <a:gd name="T99" fmla="*/ 4978 h 5074"/>
                <a:gd name="T100" fmla="*/ 2234 w 5270"/>
                <a:gd name="T101" fmla="*/ 5045 h 5074"/>
                <a:gd name="T102" fmla="*/ 2566 w 5270"/>
                <a:gd name="T103" fmla="*/ 5073 h 50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270" h="5074">
                  <a:moveTo>
                    <a:pt x="2635" y="5074"/>
                  </a:moveTo>
                  <a:lnTo>
                    <a:pt x="2635" y="5074"/>
                  </a:lnTo>
                  <a:lnTo>
                    <a:pt x="2703" y="5073"/>
                  </a:lnTo>
                  <a:lnTo>
                    <a:pt x="2771" y="5070"/>
                  </a:lnTo>
                  <a:lnTo>
                    <a:pt x="2837" y="5066"/>
                  </a:lnTo>
                  <a:lnTo>
                    <a:pt x="2904" y="5061"/>
                  </a:lnTo>
                  <a:lnTo>
                    <a:pt x="2970" y="5053"/>
                  </a:lnTo>
                  <a:lnTo>
                    <a:pt x="3035" y="5045"/>
                  </a:lnTo>
                  <a:lnTo>
                    <a:pt x="3100" y="5034"/>
                  </a:lnTo>
                  <a:lnTo>
                    <a:pt x="3165" y="5022"/>
                  </a:lnTo>
                  <a:lnTo>
                    <a:pt x="3229" y="5009"/>
                  </a:lnTo>
                  <a:lnTo>
                    <a:pt x="3292" y="4994"/>
                  </a:lnTo>
                  <a:lnTo>
                    <a:pt x="3355" y="4978"/>
                  </a:lnTo>
                  <a:lnTo>
                    <a:pt x="3418" y="4959"/>
                  </a:lnTo>
                  <a:lnTo>
                    <a:pt x="3480" y="4940"/>
                  </a:lnTo>
                  <a:lnTo>
                    <a:pt x="3540" y="4919"/>
                  </a:lnTo>
                  <a:lnTo>
                    <a:pt x="3601" y="4898"/>
                  </a:lnTo>
                  <a:lnTo>
                    <a:pt x="3660" y="4874"/>
                  </a:lnTo>
                  <a:lnTo>
                    <a:pt x="3719" y="4849"/>
                  </a:lnTo>
                  <a:lnTo>
                    <a:pt x="3777" y="4823"/>
                  </a:lnTo>
                  <a:lnTo>
                    <a:pt x="3834" y="4796"/>
                  </a:lnTo>
                  <a:lnTo>
                    <a:pt x="3890" y="4767"/>
                  </a:lnTo>
                  <a:lnTo>
                    <a:pt x="3945" y="4737"/>
                  </a:lnTo>
                  <a:lnTo>
                    <a:pt x="4000" y="4707"/>
                  </a:lnTo>
                  <a:lnTo>
                    <a:pt x="4054" y="4673"/>
                  </a:lnTo>
                  <a:lnTo>
                    <a:pt x="4107" y="4640"/>
                  </a:lnTo>
                  <a:lnTo>
                    <a:pt x="4159" y="4605"/>
                  </a:lnTo>
                  <a:lnTo>
                    <a:pt x="4211" y="4569"/>
                  </a:lnTo>
                  <a:lnTo>
                    <a:pt x="4260" y="4532"/>
                  </a:lnTo>
                  <a:lnTo>
                    <a:pt x="4310" y="4494"/>
                  </a:lnTo>
                  <a:lnTo>
                    <a:pt x="4358" y="4455"/>
                  </a:lnTo>
                  <a:lnTo>
                    <a:pt x="4406" y="4414"/>
                  </a:lnTo>
                  <a:lnTo>
                    <a:pt x="4452" y="4373"/>
                  </a:lnTo>
                  <a:lnTo>
                    <a:pt x="4497" y="4330"/>
                  </a:lnTo>
                  <a:lnTo>
                    <a:pt x="4542" y="4286"/>
                  </a:lnTo>
                  <a:lnTo>
                    <a:pt x="4585" y="4242"/>
                  </a:lnTo>
                  <a:lnTo>
                    <a:pt x="4627" y="4196"/>
                  </a:lnTo>
                  <a:lnTo>
                    <a:pt x="4668" y="4149"/>
                  </a:lnTo>
                  <a:lnTo>
                    <a:pt x="4707" y="4102"/>
                  </a:lnTo>
                  <a:lnTo>
                    <a:pt x="4746" y="4054"/>
                  </a:lnTo>
                  <a:lnTo>
                    <a:pt x="4783" y="4005"/>
                  </a:lnTo>
                  <a:lnTo>
                    <a:pt x="4819" y="3954"/>
                  </a:lnTo>
                  <a:lnTo>
                    <a:pt x="4854" y="3903"/>
                  </a:lnTo>
                  <a:lnTo>
                    <a:pt x="4889" y="3851"/>
                  </a:lnTo>
                  <a:lnTo>
                    <a:pt x="4920" y="3798"/>
                  </a:lnTo>
                  <a:lnTo>
                    <a:pt x="4951" y="3745"/>
                  </a:lnTo>
                  <a:lnTo>
                    <a:pt x="4982" y="3691"/>
                  </a:lnTo>
                  <a:lnTo>
                    <a:pt x="5010" y="3636"/>
                  </a:lnTo>
                  <a:lnTo>
                    <a:pt x="5037" y="3580"/>
                  </a:lnTo>
                  <a:lnTo>
                    <a:pt x="5062" y="3524"/>
                  </a:lnTo>
                  <a:lnTo>
                    <a:pt x="5087" y="3467"/>
                  </a:lnTo>
                  <a:lnTo>
                    <a:pt x="5110" y="3409"/>
                  </a:lnTo>
                  <a:lnTo>
                    <a:pt x="5131" y="3350"/>
                  </a:lnTo>
                  <a:lnTo>
                    <a:pt x="5151" y="3291"/>
                  </a:lnTo>
                  <a:lnTo>
                    <a:pt x="5170" y="3230"/>
                  </a:lnTo>
                  <a:lnTo>
                    <a:pt x="5187" y="3170"/>
                  </a:lnTo>
                  <a:lnTo>
                    <a:pt x="5203" y="3109"/>
                  </a:lnTo>
                  <a:lnTo>
                    <a:pt x="5216" y="3048"/>
                  </a:lnTo>
                  <a:lnTo>
                    <a:pt x="5228" y="2985"/>
                  </a:lnTo>
                  <a:lnTo>
                    <a:pt x="5240" y="2923"/>
                  </a:lnTo>
                  <a:lnTo>
                    <a:pt x="5249" y="2860"/>
                  </a:lnTo>
                  <a:lnTo>
                    <a:pt x="5257" y="2796"/>
                  </a:lnTo>
                  <a:lnTo>
                    <a:pt x="5262" y="2733"/>
                  </a:lnTo>
                  <a:lnTo>
                    <a:pt x="5267" y="2668"/>
                  </a:lnTo>
                  <a:lnTo>
                    <a:pt x="5269" y="2603"/>
                  </a:lnTo>
                  <a:lnTo>
                    <a:pt x="5270" y="2537"/>
                  </a:lnTo>
                  <a:lnTo>
                    <a:pt x="5270" y="2537"/>
                  </a:lnTo>
                  <a:lnTo>
                    <a:pt x="5269" y="2471"/>
                  </a:lnTo>
                  <a:lnTo>
                    <a:pt x="5267" y="2406"/>
                  </a:lnTo>
                  <a:lnTo>
                    <a:pt x="5262" y="2343"/>
                  </a:lnTo>
                  <a:lnTo>
                    <a:pt x="5257" y="2278"/>
                  </a:lnTo>
                  <a:lnTo>
                    <a:pt x="5249" y="2214"/>
                  </a:lnTo>
                  <a:lnTo>
                    <a:pt x="5240" y="2152"/>
                  </a:lnTo>
                  <a:lnTo>
                    <a:pt x="5228" y="2089"/>
                  </a:lnTo>
                  <a:lnTo>
                    <a:pt x="5216" y="2026"/>
                  </a:lnTo>
                  <a:lnTo>
                    <a:pt x="5203" y="1965"/>
                  </a:lnTo>
                  <a:lnTo>
                    <a:pt x="5187" y="1904"/>
                  </a:lnTo>
                  <a:lnTo>
                    <a:pt x="5170" y="1844"/>
                  </a:lnTo>
                  <a:lnTo>
                    <a:pt x="5151" y="1783"/>
                  </a:lnTo>
                  <a:lnTo>
                    <a:pt x="5131" y="1724"/>
                  </a:lnTo>
                  <a:lnTo>
                    <a:pt x="5110" y="1666"/>
                  </a:lnTo>
                  <a:lnTo>
                    <a:pt x="5087" y="1608"/>
                  </a:lnTo>
                  <a:lnTo>
                    <a:pt x="5062" y="1551"/>
                  </a:lnTo>
                  <a:lnTo>
                    <a:pt x="5037" y="1494"/>
                  </a:lnTo>
                  <a:lnTo>
                    <a:pt x="5010" y="1439"/>
                  </a:lnTo>
                  <a:lnTo>
                    <a:pt x="4982" y="1384"/>
                  </a:lnTo>
                  <a:lnTo>
                    <a:pt x="4951" y="1329"/>
                  </a:lnTo>
                  <a:lnTo>
                    <a:pt x="4920" y="1276"/>
                  </a:lnTo>
                  <a:lnTo>
                    <a:pt x="4889" y="1223"/>
                  </a:lnTo>
                  <a:lnTo>
                    <a:pt x="4854" y="1171"/>
                  </a:lnTo>
                  <a:lnTo>
                    <a:pt x="4819" y="1120"/>
                  </a:lnTo>
                  <a:lnTo>
                    <a:pt x="4783" y="1070"/>
                  </a:lnTo>
                  <a:lnTo>
                    <a:pt x="4746" y="1020"/>
                  </a:lnTo>
                  <a:lnTo>
                    <a:pt x="4707" y="972"/>
                  </a:lnTo>
                  <a:lnTo>
                    <a:pt x="4668" y="925"/>
                  </a:lnTo>
                  <a:lnTo>
                    <a:pt x="4627" y="878"/>
                  </a:lnTo>
                  <a:lnTo>
                    <a:pt x="4585" y="832"/>
                  </a:lnTo>
                  <a:lnTo>
                    <a:pt x="4542" y="788"/>
                  </a:lnTo>
                  <a:lnTo>
                    <a:pt x="4497" y="744"/>
                  </a:lnTo>
                  <a:lnTo>
                    <a:pt x="4452" y="701"/>
                  </a:lnTo>
                  <a:lnTo>
                    <a:pt x="4406" y="660"/>
                  </a:lnTo>
                  <a:lnTo>
                    <a:pt x="4358" y="620"/>
                  </a:lnTo>
                  <a:lnTo>
                    <a:pt x="4310" y="580"/>
                  </a:lnTo>
                  <a:lnTo>
                    <a:pt x="4260" y="543"/>
                  </a:lnTo>
                  <a:lnTo>
                    <a:pt x="4211" y="505"/>
                  </a:lnTo>
                  <a:lnTo>
                    <a:pt x="4159" y="469"/>
                  </a:lnTo>
                  <a:lnTo>
                    <a:pt x="4107" y="435"/>
                  </a:lnTo>
                  <a:lnTo>
                    <a:pt x="4054" y="401"/>
                  </a:lnTo>
                  <a:lnTo>
                    <a:pt x="4000" y="369"/>
                  </a:lnTo>
                  <a:lnTo>
                    <a:pt x="3945" y="337"/>
                  </a:lnTo>
                  <a:lnTo>
                    <a:pt x="3890" y="307"/>
                  </a:lnTo>
                  <a:lnTo>
                    <a:pt x="3834" y="278"/>
                  </a:lnTo>
                  <a:lnTo>
                    <a:pt x="3777" y="251"/>
                  </a:lnTo>
                  <a:lnTo>
                    <a:pt x="3719" y="225"/>
                  </a:lnTo>
                  <a:lnTo>
                    <a:pt x="3660" y="200"/>
                  </a:lnTo>
                  <a:lnTo>
                    <a:pt x="3601" y="176"/>
                  </a:lnTo>
                  <a:lnTo>
                    <a:pt x="3540" y="155"/>
                  </a:lnTo>
                  <a:lnTo>
                    <a:pt x="3480" y="134"/>
                  </a:lnTo>
                  <a:lnTo>
                    <a:pt x="3418" y="115"/>
                  </a:lnTo>
                  <a:lnTo>
                    <a:pt x="3355" y="97"/>
                  </a:lnTo>
                  <a:lnTo>
                    <a:pt x="3292" y="80"/>
                  </a:lnTo>
                  <a:lnTo>
                    <a:pt x="3229" y="65"/>
                  </a:lnTo>
                  <a:lnTo>
                    <a:pt x="3165" y="52"/>
                  </a:lnTo>
                  <a:lnTo>
                    <a:pt x="3100" y="40"/>
                  </a:lnTo>
                  <a:lnTo>
                    <a:pt x="3035" y="30"/>
                  </a:lnTo>
                  <a:lnTo>
                    <a:pt x="2970" y="21"/>
                  </a:lnTo>
                  <a:lnTo>
                    <a:pt x="2904" y="13"/>
                  </a:lnTo>
                  <a:lnTo>
                    <a:pt x="2837" y="8"/>
                  </a:lnTo>
                  <a:lnTo>
                    <a:pt x="2771" y="4"/>
                  </a:lnTo>
                  <a:lnTo>
                    <a:pt x="2703" y="1"/>
                  </a:lnTo>
                  <a:lnTo>
                    <a:pt x="2635" y="0"/>
                  </a:lnTo>
                  <a:lnTo>
                    <a:pt x="2635" y="0"/>
                  </a:lnTo>
                  <a:lnTo>
                    <a:pt x="2566" y="1"/>
                  </a:lnTo>
                  <a:lnTo>
                    <a:pt x="2499" y="4"/>
                  </a:lnTo>
                  <a:lnTo>
                    <a:pt x="2433" y="8"/>
                  </a:lnTo>
                  <a:lnTo>
                    <a:pt x="2366" y="13"/>
                  </a:lnTo>
                  <a:lnTo>
                    <a:pt x="2299" y="21"/>
                  </a:lnTo>
                  <a:lnTo>
                    <a:pt x="2234" y="30"/>
                  </a:lnTo>
                  <a:lnTo>
                    <a:pt x="2169" y="40"/>
                  </a:lnTo>
                  <a:lnTo>
                    <a:pt x="2104" y="52"/>
                  </a:lnTo>
                  <a:lnTo>
                    <a:pt x="2040" y="65"/>
                  </a:lnTo>
                  <a:lnTo>
                    <a:pt x="1978" y="80"/>
                  </a:lnTo>
                  <a:lnTo>
                    <a:pt x="1915" y="97"/>
                  </a:lnTo>
                  <a:lnTo>
                    <a:pt x="1852" y="115"/>
                  </a:lnTo>
                  <a:lnTo>
                    <a:pt x="1790" y="134"/>
                  </a:lnTo>
                  <a:lnTo>
                    <a:pt x="1730" y="155"/>
                  </a:lnTo>
                  <a:lnTo>
                    <a:pt x="1670" y="176"/>
                  </a:lnTo>
                  <a:lnTo>
                    <a:pt x="1611" y="200"/>
                  </a:lnTo>
                  <a:lnTo>
                    <a:pt x="1551" y="225"/>
                  </a:lnTo>
                  <a:lnTo>
                    <a:pt x="1494" y="251"/>
                  </a:lnTo>
                  <a:lnTo>
                    <a:pt x="1437" y="278"/>
                  </a:lnTo>
                  <a:lnTo>
                    <a:pt x="1380" y="307"/>
                  </a:lnTo>
                  <a:lnTo>
                    <a:pt x="1325" y="337"/>
                  </a:lnTo>
                  <a:lnTo>
                    <a:pt x="1270" y="369"/>
                  </a:lnTo>
                  <a:lnTo>
                    <a:pt x="1216" y="401"/>
                  </a:lnTo>
                  <a:lnTo>
                    <a:pt x="1163" y="435"/>
                  </a:lnTo>
                  <a:lnTo>
                    <a:pt x="1110" y="469"/>
                  </a:lnTo>
                  <a:lnTo>
                    <a:pt x="1059" y="505"/>
                  </a:lnTo>
                  <a:lnTo>
                    <a:pt x="1009" y="543"/>
                  </a:lnTo>
                  <a:lnTo>
                    <a:pt x="960" y="580"/>
                  </a:lnTo>
                  <a:lnTo>
                    <a:pt x="912" y="620"/>
                  </a:lnTo>
                  <a:lnTo>
                    <a:pt x="864" y="660"/>
                  </a:lnTo>
                  <a:lnTo>
                    <a:pt x="818" y="701"/>
                  </a:lnTo>
                  <a:lnTo>
                    <a:pt x="773" y="744"/>
                  </a:lnTo>
                  <a:lnTo>
                    <a:pt x="728" y="788"/>
                  </a:lnTo>
                  <a:lnTo>
                    <a:pt x="685" y="832"/>
                  </a:lnTo>
                  <a:lnTo>
                    <a:pt x="644" y="878"/>
                  </a:lnTo>
                  <a:lnTo>
                    <a:pt x="602" y="925"/>
                  </a:lnTo>
                  <a:lnTo>
                    <a:pt x="563" y="972"/>
                  </a:lnTo>
                  <a:lnTo>
                    <a:pt x="524" y="1020"/>
                  </a:lnTo>
                  <a:lnTo>
                    <a:pt x="487" y="1070"/>
                  </a:lnTo>
                  <a:lnTo>
                    <a:pt x="451" y="1120"/>
                  </a:lnTo>
                  <a:lnTo>
                    <a:pt x="416" y="1171"/>
                  </a:lnTo>
                  <a:lnTo>
                    <a:pt x="382" y="1223"/>
                  </a:lnTo>
                  <a:lnTo>
                    <a:pt x="350" y="1276"/>
                  </a:lnTo>
                  <a:lnTo>
                    <a:pt x="318" y="1329"/>
                  </a:lnTo>
                  <a:lnTo>
                    <a:pt x="288" y="1384"/>
                  </a:lnTo>
                  <a:lnTo>
                    <a:pt x="260" y="1439"/>
                  </a:lnTo>
                  <a:lnTo>
                    <a:pt x="233" y="1494"/>
                  </a:lnTo>
                  <a:lnTo>
                    <a:pt x="207" y="1551"/>
                  </a:lnTo>
                  <a:lnTo>
                    <a:pt x="183" y="1608"/>
                  </a:lnTo>
                  <a:lnTo>
                    <a:pt x="160" y="1666"/>
                  </a:lnTo>
                  <a:lnTo>
                    <a:pt x="139" y="1724"/>
                  </a:lnTo>
                  <a:lnTo>
                    <a:pt x="119" y="1783"/>
                  </a:lnTo>
                  <a:lnTo>
                    <a:pt x="100" y="1844"/>
                  </a:lnTo>
                  <a:lnTo>
                    <a:pt x="83" y="1904"/>
                  </a:lnTo>
                  <a:lnTo>
                    <a:pt x="67" y="1965"/>
                  </a:lnTo>
                  <a:lnTo>
                    <a:pt x="54" y="2026"/>
                  </a:lnTo>
                  <a:lnTo>
                    <a:pt x="41" y="2089"/>
                  </a:lnTo>
                  <a:lnTo>
                    <a:pt x="30" y="2152"/>
                  </a:lnTo>
                  <a:lnTo>
                    <a:pt x="21" y="2214"/>
                  </a:lnTo>
                  <a:lnTo>
                    <a:pt x="13" y="2278"/>
                  </a:lnTo>
                  <a:lnTo>
                    <a:pt x="8" y="2343"/>
                  </a:lnTo>
                  <a:lnTo>
                    <a:pt x="3" y="2406"/>
                  </a:lnTo>
                  <a:lnTo>
                    <a:pt x="1" y="2471"/>
                  </a:lnTo>
                  <a:lnTo>
                    <a:pt x="0" y="2537"/>
                  </a:lnTo>
                  <a:lnTo>
                    <a:pt x="0" y="2537"/>
                  </a:lnTo>
                  <a:lnTo>
                    <a:pt x="1" y="2603"/>
                  </a:lnTo>
                  <a:lnTo>
                    <a:pt x="3" y="2668"/>
                  </a:lnTo>
                  <a:lnTo>
                    <a:pt x="8" y="2733"/>
                  </a:lnTo>
                  <a:lnTo>
                    <a:pt x="13" y="2796"/>
                  </a:lnTo>
                  <a:lnTo>
                    <a:pt x="21" y="2860"/>
                  </a:lnTo>
                  <a:lnTo>
                    <a:pt x="30" y="2923"/>
                  </a:lnTo>
                  <a:lnTo>
                    <a:pt x="41" y="2985"/>
                  </a:lnTo>
                  <a:lnTo>
                    <a:pt x="54" y="3048"/>
                  </a:lnTo>
                  <a:lnTo>
                    <a:pt x="67" y="3109"/>
                  </a:lnTo>
                  <a:lnTo>
                    <a:pt x="83" y="3170"/>
                  </a:lnTo>
                  <a:lnTo>
                    <a:pt x="100" y="3230"/>
                  </a:lnTo>
                  <a:lnTo>
                    <a:pt x="119" y="3291"/>
                  </a:lnTo>
                  <a:lnTo>
                    <a:pt x="139" y="3350"/>
                  </a:lnTo>
                  <a:lnTo>
                    <a:pt x="160" y="3409"/>
                  </a:lnTo>
                  <a:lnTo>
                    <a:pt x="183" y="3467"/>
                  </a:lnTo>
                  <a:lnTo>
                    <a:pt x="207" y="3524"/>
                  </a:lnTo>
                  <a:lnTo>
                    <a:pt x="233" y="3580"/>
                  </a:lnTo>
                  <a:lnTo>
                    <a:pt x="260" y="3636"/>
                  </a:lnTo>
                  <a:lnTo>
                    <a:pt x="288" y="3691"/>
                  </a:lnTo>
                  <a:lnTo>
                    <a:pt x="318" y="3745"/>
                  </a:lnTo>
                  <a:lnTo>
                    <a:pt x="350" y="3798"/>
                  </a:lnTo>
                  <a:lnTo>
                    <a:pt x="382" y="3851"/>
                  </a:lnTo>
                  <a:lnTo>
                    <a:pt x="416" y="3903"/>
                  </a:lnTo>
                  <a:lnTo>
                    <a:pt x="451" y="3954"/>
                  </a:lnTo>
                  <a:lnTo>
                    <a:pt x="487" y="4005"/>
                  </a:lnTo>
                  <a:lnTo>
                    <a:pt x="524" y="4054"/>
                  </a:lnTo>
                  <a:lnTo>
                    <a:pt x="563" y="4102"/>
                  </a:lnTo>
                  <a:lnTo>
                    <a:pt x="602" y="4149"/>
                  </a:lnTo>
                  <a:lnTo>
                    <a:pt x="644" y="4196"/>
                  </a:lnTo>
                  <a:lnTo>
                    <a:pt x="685" y="4242"/>
                  </a:lnTo>
                  <a:lnTo>
                    <a:pt x="728" y="4286"/>
                  </a:lnTo>
                  <a:lnTo>
                    <a:pt x="773" y="4330"/>
                  </a:lnTo>
                  <a:lnTo>
                    <a:pt x="818" y="4373"/>
                  </a:lnTo>
                  <a:lnTo>
                    <a:pt x="864" y="4414"/>
                  </a:lnTo>
                  <a:lnTo>
                    <a:pt x="912" y="4455"/>
                  </a:lnTo>
                  <a:lnTo>
                    <a:pt x="960" y="4494"/>
                  </a:lnTo>
                  <a:lnTo>
                    <a:pt x="1009" y="4532"/>
                  </a:lnTo>
                  <a:lnTo>
                    <a:pt x="1059" y="4569"/>
                  </a:lnTo>
                  <a:lnTo>
                    <a:pt x="1110" y="4605"/>
                  </a:lnTo>
                  <a:lnTo>
                    <a:pt x="1163" y="4640"/>
                  </a:lnTo>
                  <a:lnTo>
                    <a:pt x="1216" y="4673"/>
                  </a:lnTo>
                  <a:lnTo>
                    <a:pt x="1270" y="4707"/>
                  </a:lnTo>
                  <a:lnTo>
                    <a:pt x="1325" y="4737"/>
                  </a:lnTo>
                  <a:lnTo>
                    <a:pt x="1380" y="4767"/>
                  </a:lnTo>
                  <a:lnTo>
                    <a:pt x="1437" y="4796"/>
                  </a:lnTo>
                  <a:lnTo>
                    <a:pt x="1494" y="4823"/>
                  </a:lnTo>
                  <a:lnTo>
                    <a:pt x="1551" y="4849"/>
                  </a:lnTo>
                  <a:lnTo>
                    <a:pt x="1611" y="4874"/>
                  </a:lnTo>
                  <a:lnTo>
                    <a:pt x="1670" y="4898"/>
                  </a:lnTo>
                  <a:lnTo>
                    <a:pt x="1730" y="4919"/>
                  </a:lnTo>
                  <a:lnTo>
                    <a:pt x="1790" y="4940"/>
                  </a:lnTo>
                  <a:lnTo>
                    <a:pt x="1852" y="4959"/>
                  </a:lnTo>
                  <a:lnTo>
                    <a:pt x="1915" y="4978"/>
                  </a:lnTo>
                  <a:lnTo>
                    <a:pt x="1978" y="4994"/>
                  </a:lnTo>
                  <a:lnTo>
                    <a:pt x="2040" y="5009"/>
                  </a:lnTo>
                  <a:lnTo>
                    <a:pt x="2104" y="5022"/>
                  </a:lnTo>
                  <a:lnTo>
                    <a:pt x="2169" y="5034"/>
                  </a:lnTo>
                  <a:lnTo>
                    <a:pt x="2234" y="5045"/>
                  </a:lnTo>
                  <a:lnTo>
                    <a:pt x="2299" y="5053"/>
                  </a:lnTo>
                  <a:lnTo>
                    <a:pt x="2366" y="5061"/>
                  </a:lnTo>
                  <a:lnTo>
                    <a:pt x="2433" y="5066"/>
                  </a:lnTo>
                  <a:lnTo>
                    <a:pt x="2499" y="5070"/>
                  </a:lnTo>
                  <a:lnTo>
                    <a:pt x="2566" y="5073"/>
                  </a:lnTo>
                  <a:lnTo>
                    <a:pt x="2635" y="5074"/>
                  </a:lnTo>
                  <a:close/>
                </a:path>
              </a:pathLst>
            </a:custGeom>
            <a:solidFill>
              <a:schemeClr val="bg1">
                <a:lumMod val="9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0" name="Freeform 289">
              <a:extLst>
                <a:ext uri="{FF2B5EF4-FFF2-40B4-BE49-F238E27FC236}">
                  <a16:creationId xmlns:a16="http://schemas.microsoft.com/office/drawing/2014/main" xmlns="" id="{FFE17285-3D28-C24D-B30C-022C2E99848C}"/>
                </a:ext>
              </a:extLst>
            </p:cNvPr>
            <p:cNvSpPr>
              <a:spLocks/>
            </p:cNvSpPr>
            <p:nvPr/>
          </p:nvSpPr>
          <p:spPr bwMode="auto">
            <a:xfrm flipH="1">
              <a:off x="6888816" y="979354"/>
              <a:ext cx="4614915" cy="4625416"/>
            </a:xfrm>
            <a:custGeom>
              <a:avLst/>
              <a:gdLst>
                <a:gd name="T0" fmla="*/ 2837 w 5270"/>
                <a:gd name="T1" fmla="*/ 5066 h 5074"/>
                <a:gd name="T2" fmla="*/ 3165 w 5270"/>
                <a:gd name="T3" fmla="*/ 5022 h 5074"/>
                <a:gd name="T4" fmla="*/ 3480 w 5270"/>
                <a:gd name="T5" fmla="*/ 4940 h 5074"/>
                <a:gd name="T6" fmla="*/ 3777 w 5270"/>
                <a:gd name="T7" fmla="*/ 4823 h 5074"/>
                <a:gd name="T8" fmla="*/ 4054 w 5270"/>
                <a:gd name="T9" fmla="*/ 4673 h 5074"/>
                <a:gd name="T10" fmla="*/ 4310 w 5270"/>
                <a:gd name="T11" fmla="*/ 4494 h 5074"/>
                <a:gd name="T12" fmla="*/ 4542 w 5270"/>
                <a:gd name="T13" fmla="*/ 4286 h 5074"/>
                <a:gd name="T14" fmla="*/ 4746 w 5270"/>
                <a:gd name="T15" fmla="*/ 4054 h 5074"/>
                <a:gd name="T16" fmla="*/ 4920 w 5270"/>
                <a:gd name="T17" fmla="*/ 3798 h 5074"/>
                <a:gd name="T18" fmla="*/ 5062 w 5270"/>
                <a:gd name="T19" fmla="*/ 3524 h 5074"/>
                <a:gd name="T20" fmla="*/ 5170 w 5270"/>
                <a:gd name="T21" fmla="*/ 3230 h 5074"/>
                <a:gd name="T22" fmla="*/ 5240 w 5270"/>
                <a:gd name="T23" fmla="*/ 2923 h 5074"/>
                <a:gd name="T24" fmla="*/ 5269 w 5270"/>
                <a:gd name="T25" fmla="*/ 2603 h 5074"/>
                <a:gd name="T26" fmla="*/ 5262 w 5270"/>
                <a:gd name="T27" fmla="*/ 2343 h 5074"/>
                <a:gd name="T28" fmla="*/ 5216 w 5270"/>
                <a:gd name="T29" fmla="*/ 2026 h 5074"/>
                <a:gd name="T30" fmla="*/ 5131 w 5270"/>
                <a:gd name="T31" fmla="*/ 1724 h 5074"/>
                <a:gd name="T32" fmla="*/ 5010 w 5270"/>
                <a:gd name="T33" fmla="*/ 1439 h 5074"/>
                <a:gd name="T34" fmla="*/ 4854 w 5270"/>
                <a:gd name="T35" fmla="*/ 1171 h 5074"/>
                <a:gd name="T36" fmla="*/ 4668 w 5270"/>
                <a:gd name="T37" fmla="*/ 925 h 5074"/>
                <a:gd name="T38" fmla="*/ 4452 w 5270"/>
                <a:gd name="T39" fmla="*/ 701 h 5074"/>
                <a:gd name="T40" fmla="*/ 4211 w 5270"/>
                <a:gd name="T41" fmla="*/ 505 h 5074"/>
                <a:gd name="T42" fmla="*/ 3945 w 5270"/>
                <a:gd name="T43" fmla="*/ 337 h 5074"/>
                <a:gd name="T44" fmla="*/ 3660 w 5270"/>
                <a:gd name="T45" fmla="*/ 200 h 5074"/>
                <a:gd name="T46" fmla="*/ 3355 w 5270"/>
                <a:gd name="T47" fmla="*/ 97 h 5074"/>
                <a:gd name="T48" fmla="*/ 3035 w 5270"/>
                <a:gd name="T49" fmla="*/ 30 h 5074"/>
                <a:gd name="T50" fmla="*/ 2703 w 5270"/>
                <a:gd name="T51" fmla="*/ 1 h 5074"/>
                <a:gd name="T52" fmla="*/ 2433 w 5270"/>
                <a:gd name="T53" fmla="*/ 8 h 5074"/>
                <a:gd name="T54" fmla="*/ 2104 w 5270"/>
                <a:gd name="T55" fmla="*/ 52 h 5074"/>
                <a:gd name="T56" fmla="*/ 1790 w 5270"/>
                <a:gd name="T57" fmla="*/ 134 h 5074"/>
                <a:gd name="T58" fmla="*/ 1494 w 5270"/>
                <a:gd name="T59" fmla="*/ 251 h 5074"/>
                <a:gd name="T60" fmla="*/ 1216 w 5270"/>
                <a:gd name="T61" fmla="*/ 401 h 5074"/>
                <a:gd name="T62" fmla="*/ 960 w 5270"/>
                <a:gd name="T63" fmla="*/ 580 h 5074"/>
                <a:gd name="T64" fmla="*/ 728 w 5270"/>
                <a:gd name="T65" fmla="*/ 788 h 5074"/>
                <a:gd name="T66" fmla="*/ 524 w 5270"/>
                <a:gd name="T67" fmla="*/ 1020 h 5074"/>
                <a:gd name="T68" fmla="*/ 350 w 5270"/>
                <a:gd name="T69" fmla="*/ 1276 h 5074"/>
                <a:gd name="T70" fmla="*/ 207 w 5270"/>
                <a:gd name="T71" fmla="*/ 1551 h 5074"/>
                <a:gd name="T72" fmla="*/ 100 w 5270"/>
                <a:gd name="T73" fmla="*/ 1844 h 5074"/>
                <a:gd name="T74" fmla="*/ 30 w 5270"/>
                <a:gd name="T75" fmla="*/ 2152 h 5074"/>
                <a:gd name="T76" fmla="*/ 1 w 5270"/>
                <a:gd name="T77" fmla="*/ 2471 h 5074"/>
                <a:gd name="T78" fmla="*/ 8 w 5270"/>
                <a:gd name="T79" fmla="*/ 2733 h 5074"/>
                <a:gd name="T80" fmla="*/ 54 w 5270"/>
                <a:gd name="T81" fmla="*/ 3048 h 5074"/>
                <a:gd name="T82" fmla="*/ 139 w 5270"/>
                <a:gd name="T83" fmla="*/ 3350 h 5074"/>
                <a:gd name="T84" fmla="*/ 260 w 5270"/>
                <a:gd name="T85" fmla="*/ 3636 h 5074"/>
                <a:gd name="T86" fmla="*/ 416 w 5270"/>
                <a:gd name="T87" fmla="*/ 3903 h 5074"/>
                <a:gd name="T88" fmla="*/ 602 w 5270"/>
                <a:gd name="T89" fmla="*/ 4149 h 5074"/>
                <a:gd name="T90" fmla="*/ 818 w 5270"/>
                <a:gd name="T91" fmla="*/ 4373 h 5074"/>
                <a:gd name="T92" fmla="*/ 1059 w 5270"/>
                <a:gd name="T93" fmla="*/ 4569 h 5074"/>
                <a:gd name="T94" fmla="*/ 1325 w 5270"/>
                <a:gd name="T95" fmla="*/ 4737 h 5074"/>
                <a:gd name="T96" fmla="*/ 1611 w 5270"/>
                <a:gd name="T97" fmla="*/ 4874 h 5074"/>
                <a:gd name="T98" fmla="*/ 1915 w 5270"/>
                <a:gd name="T99" fmla="*/ 4978 h 5074"/>
                <a:gd name="T100" fmla="*/ 2234 w 5270"/>
                <a:gd name="T101" fmla="*/ 5045 h 5074"/>
                <a:gd name="T102" fmla="*/ 2566 w 5270"/>
                <a:gd name="T103" fmla="*/ 5073 h 50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270" h="5074">
                  <a:moveTo>
                    <a:pt x="2635" y="5074"/>
                  </a:moveTo>
                  <a:lnTo>
                    <a:pt x="2635" y="5074"/>
                  </a:lnTo>
                  <a:lnTo>
                    <a:pt x="2703" y="5073"/>
                  </a:lnTo>
                  <a:lnTo>
                    <a:pt x="2771" y="5070"/>
                  </a:lnTo>
                  <a:lnTo>
                    <a:pt x="2837" y="5066"/>
                  </a:lnTo>
                  <a:lnTo>
                    <a:pt x="2904" y="5061"/>
                  </a:lnTo>
                  <a:lnTo>
                    <a:pt x="2970" y="5053"/>
                  </a:lnTo>
                  <a:lnTo>
                    <a:pt x="3035" y="5045"/>
                  </a:lnTo>
                  <a:lnTo>
                    <a:pt x="3100" y="5034"/>
                  </a:lnTo>
                  <a:lnTo>
                    <a:pt x="3165" y="5022"/>
                  </a:lnTo>
                  <a:lnTo>
                    <a:pt x="3229" y="5009"/>
                  </a:lnTo>
                  <a:lnTo>
                    <a:pt x="3292" y="4994"/>
                  </a:lnTo>
                  <a:lnTo>
                    <a:pt x="3355" y="4978"/>
                  </a:lnTo>
                  <a:lnTo>
                    <a:pt x="3418" y="4959"/>
                  </a:lnTo>
                  <a:lnTo>
                    <a:pt x="3480" y="4940"/>
                  </a:lnTo>
                  <a:lnTo>
                    <a:pt x="3540" y="4919"/>
                  </a:lnTo>
                  <a:lnTo>
                    <a:pt x="3601" y="4898"/>
                  </a:lnTo>
                  <a:lnTo>
                    <a:pt x="3660" y="4874"/>
                  </a:lnTo>
                  <a:lnTo>
                    <a:pt x="3719" y="4849"/>
                  </a:lnTo>
                  <a:lnTo>
                    <a:pt x="3777" y="4823"/>
                  </a:lnTo>
                  <a:lnTo>
                    <a:pt x="3834" y="4796"/>
                  </a:lnTo>
                  <a:lnTo>
                    <a:pt x="3890" y="4767"/>
                  </a:lnTo>
                  <a:lnTo>
                    <a:pt x="3945" y="4737"/>
                  </a:lnTo>
                  <a:lnTo>
                    <a:pt x="4000" y="4707"/>
                  </a:lnTo>
                  <a:lnTo>
                    <a:pt x="4054" y="4673"/>
                  </a:lnTo>
                  <a:lnTo>
                    <a:pt x="4107" y="4640"/>
                  </a:lnTo>
                  <a:lnTo>
                    <a:pt x="4159" y="4605"/>
                  </a:lnTo>
                  <a:lnTo>
                    <a:pt x="4211" y="4569"/>
                  </a:lnTo>
                  <a:lnTo>
                    <a:pt x="4260" y="4532"/>
                  </a:lnTo>
                  <a:lnTo>
                    <a:pt x="4310" y="4494"/>
                  </a:lnTo>
                  <a:lnTo>
                    <a:pt x="4358" y="4455"/>
                  </a:lnTo>
                  <a:lnTo>
                    <a:pt x="4406" y="4414"/>
                  </a:lnTo>
                  <a:lnTo>
                    <a:pt x="4452" y="4373"/>
                  </a:lnTo>
                  <a:lnTo>
                    <a:pt x="4497" y="4330"/>
                  </a:lnTo>
                  <a:lnTo>
                    <a:pt x="4542" y="4286"/>
                  </a:lnTo>
                  <a:lnTo>
                    <a:pt x="4585" y="4242"/>
                  </a:lnTo>
                  <a:lnTo>
                    <a:pt x="4627" y="4196"/>
                  </a:lnTo>
                  <a:lnTo>
                    <a:pt x="4668" y="4149"/>
                  </a:lnTo>
                  <a:lnTo>
                    <a:pt x="4707" y="4102"/>
                  </a:lnTo>
                  <a:lnTo>
                    <a:pt x="4746" y="4054"/>
                  </a:lnTo>
                  <a:lnTo>
                    <a:pt x="4783" y="4005"/>
                  </a:lnTo>
                  <a:lnTo>
                    <a:pt x="4819" y="3954"/>
                  </a:lnTo>
                  <a:lnTo>
                    <a:pt x="4854" y="3903"/>
                  </a:lnTo>
                  <a:lnTo>
                    <a:pt x="4889" y="3851"/>
                  </a:lnTo>
                  <a:lnTo>
                    <a:pt x="4920" y="3798"/>
                  </a:lnTo>
                  <a:lnTo>
                    <a:pt x="4951" y="3745"/>
                  </a:lnTo>
                  <a:lnTo>
                    <a:pt x="4982" y="3691"/>
                  </a:lnTo>
                  <a:lnTo>
                    <a:pt x="5010" y="3636"/>
                  </a:lnTo>
                  <a:lnTo>
                    <a:pt x="5037" y="3580"/>
                  </a:lnTo>
                  <a:lnTo>
                    <a:pt x="5062" y="3524"/>
                  </a:lnTo>
                  <a:lnTo>
                    <a:pt x="5087" y="3467"/>
                  </a:lnTo>
                  <a:lnTo>
                    <a:pt x="5110" y="3409"/>
                  </a:lnTo>
                  <a:lnTo>
                    <a:pt x="5131" y="3350"/>
                  </a:lnTo>
                  <a:lnTo>
                    <a:pt x="5151" y="3291"/>
                  </a:lnTo>
                  <a:lnTo>
                    <a:pt x="5170" y="3230"/>
                  </a:lnTo>
                  <a:lnTo>
                    <a:pt x="5187" y="3170"/>
                  </a:lnTo>
                  <a:lnTo>
                    <a:pt x="5203" y="3109"/>
                  </a:lnTo>
                  <a:lnTo>
                    <a:pt x="5216" y="3048"/>
                  </a:lnTo>
                  <a:lnTo>
                    <a:pt x="5228" y="2985"/>
                  </a:lnTo>
                  <a:lnTo>
                    <a:pt x="5240" y="2923"/>
                  </a:lnTo>
                  <a:lnTo>
                    <a:pt x="5249" y="2860"/>
                  </a:lnTo>
                  <a:lnTo>
                    <a:pt x="5257" y="2796"/>
                  </a:lnTo>
                  <a:lnTo>
                    <a:pt x="5262" y="2733"/>
                  </a:lnTo>
                  <a:lnTo>
                    <a:pt x="5267" y="2668"/>
                  </a:lnTo>
                  <a:lnTo>
                    <a:pt x="5269" y="2603"/>
                  </a:lnTo>
                  <a:lnTo>
                    <a:pt x="5270" y="2537"/>
                  </a:lnTo>
                  <a:lnTo>
                    <a:pt x="5270" y="2537"/>
                  </a:lnTo>
                  <a:lnTo>
                    <a:pt x="5269" y="2471"/>
                  </a:lnTo>
                  <a:lnTo>
                    <a:pt x="5267" y="2406"/>
                  </a:lnTo>
                  <a:lnTo>
                    <a:pt x="5262" y="2343"/>
                  </a:lnTo>
                  <a:lnTo>
                    <a:pt x="5257" y="2278"/>
                  </a:lnTo>
                  <a:lnTo>
                    <a:pt x="5249" y="2214"/>
                  </a:lnTo>
                  <a:lnTo>
                    <a:pt x="5240" y="2152"/>
                  </a:lnTo>
                  <a:lnTo>
                    <a:pt x="5228" y="2089"/>
                  </a:lnTo>
                  <a:lnTo>
                    <a:pt x="5216" y="2026"/>
                  </a:lnTo>
                  <a:lnTo>
                    <a:pt x="5203" y="1965"/>
                  </a:lnTo>
                  <a:lnTo>
                    <a:pt x="5187" y="1904"/>
                  </a:lnTo>
                  <a:lnTo>
                    <a:pt x="5170" y="1844"/>
                  </a:lnTo>
                  <a:lnTo>
                    <a:pt x="5151" y="1783"/>
                  </a:lnTo>
                  <a:lnTo>
                    <a:pt x="5131" y="1724"/>
                  </a:lnTo>
                  <a:lnTo>
                    <a:pt x="5110" y="1666"/>
                  </a:lnTo>
                  <a:lnTo>
                    <a:pt x="5087" y="1608"/>
                  </a:lnTo>
                  <a:lnTo>
                    <a:pt x="5062" y="1551"/>
                  </a:lnTo>
                  <a:lnTo>
                    <a:pt x="5037" y="1494"/>
                  </a:lnTo>
                  <a:lnTo>
                    <a:pt x="5010" y="1439"/>
                  </a:lnTo>
                  <a:lnTo>
                    <a:pt x="4982" y="1384"/>
                  </a:lnTo>
                  <a:lnTo>
                    <a:pt x="4951" y="1329"/>
                  </a:lnTo>
                  <a:lnTo>
                    <a:pt x="4920" y="1276"/>
                  </a:lnTo>
                  <a:lnTo>
                    <a:pt x="4889" y="1223"/>
                  </a:lnTo>
                  <a:lnTo>
                    <a:pt x="4854" y="1171"/>
                  </a:lnTo>
                  <a:lnTo>
                    <a:pt x="4819" y="1120"/>
                  </a:lnTo>
                  <a:lnTo>
                    <a:pt x="4783" y="1070"/>
                  </a:lnTo>
                  <a:lnTo>
                    <a:pt x="4746" y="1020"/>
                  </a:lnTo>
                  <a:lnTo>
                    <a:pt x="4707" y="972"/>
                  </a:lnTo>
                  <a:lnTo>
                    <a:pt x="4668" y="925"/>
                  </a:lnTo>
                  <a:lnTo>
                    <a:pt x="4627" y="878"/>
                  </a:lnTo>
                  <a:lnTo>
                    <a:pt x="4585" y="832"/>
                  </a:lnTo>
                  <a:lnTo>
                    <a:pt x="4542" y="788"/>
                  </a:lnTo>
                  <a:lnTo>
                    <a:pt x="4497" y="744"/>
                  </a:lnTo>
                  <a:lnTo>
                    <a:pt x="4452" y="701"/>
                  </a:lnTo>
                  <a:lnTo>
                    <a:pt x="4406" y="660"/>
                  </a:lnTo>
                  <a:lnTo>
                    <a:pt x="4358" y="620"/>
                  </a:lnTo>
                  <a:lnTo>
                    <a:pt x="4310" y="580"/>
                  </a:lnTo>
                  <a:lnTo>
                    <a:pt x="4260" y="543"/>
                  </a:lnTo>
                  <a:lnTo>
                    <a:pt x="4211" y="505"/>
                  </a:lnTo>
                  <a:lnTo>
                    <a:pt x="4159" y="469"/>
                  </a:lnTo>
                  <a:lnTo>
                    <a:pt x="4107" y="435"/>
                  </a:lnTo>
                  <a:lnTo>
                    <a:pt x="4054" y="401"/>
                  </a:lnTo>
                  <a:lnTo>
                    <a:pt x="4000" y="369"/>
                  </a:lnTo>
                  <a:lnTo>
                    <a:pt x="3945" y="337"/>
                  </a:lnTo>
                  <a:lnTo>
                    <a:pt x="3890" y="307"/>
                  </a:lnTo>
                  <a:lnTo>
                    <a:pt x="3834" y="278"/>
                  </a:lnTo>
                  <a:lnTo>
                    <a:pt x="3777" y="251"/>
                  </a:lnTo>
                  <a:lnTo>
                    <a:pt x="3719" y="225"/>
                  </a:lnTo>
                  <a:lnTo>
                    <a:pt x="3660" y="200"/>
                  </a:lnTo>
                  <a:lnTo>
                    <a:pt x="3601" y="176"/>
                  </a:lnTo>
                  <a:lnTo>
                    <a:pt x="3540" y="155"/>
                  </a:lnTo>
                  <a:lnTo>
                    <a:pt x="3480" y="134"/>
                  </a:lnTo>
                  <a:lnTo>
                    <a:pt x="3418" y="115"/>
                  </a:lnTo>
                  <a:lnTo>
                    <a:pt x="3355" y="97"/>
                  </a:lnTo>
                  <a:lnTo>
                    <a:pt x="3292" y="80"/>
                  </a:lnTo>
                  <a:lnTo>
                    <a:pt x="3229" y="65"/>
                  </a:lnTo>
                  <a:lnTo>
                    <a:pt x="3165" y="52"/>
                  </a:lnTo>
                  <a:lnTo>
                    <a:pt x="3100" y="40"/>
                  </a:lnTo>
                  <a:lnTo>
                    <a:pt x="3035" y="30"/>
                  </a:lnTo>
                  <a:lnTo>
                    <a:pt x="2970" y="21"/>
                  </a:lnTo>
                  <a:lnTo>
                    <a:pt x="2904" y="13"/>
                  </a:lnTo>
                  <a:lnTo>
                    <a:pt x="2837" y="8"/>
                  </a:lnTo>
                  <a:lnTo>
                    <a:pt x="2771" y="4"/>
                  </a:lnTo>
                  <a:lnTo>
                    <a:pt x="2703" y="1"/>
                  </a:lnTo>
                  <a:lnTo>
                    <a:pt x="2635" y="0"/>
                  </a:lnTo>
                  <a:lnTo>
                    <a:pt x="2635" y="0"/>
                  </a:lnTo>
                  <a:lnTo>
                    <a:pt x="2566" y="1"/>
                  </a:lnTo>
                  <a:lnTo>
                    <a:pt x="2499" y="4"/>
                  </a:lnTo>
                  <a:lnTo>
                    <a:pt x="2433" y="8"/>
                  </a:lnTo>
                  <a:lnTo>
                    <a:pt x="2366" y="13"/>
                  </a:lnTo>
                  <a:lnTo>
                    <a:pt x="2299" y="21"/>
                  </a:lnTo>
                  <a:lnTo>
                    <a:pt x="2234" y="30"/>
                  </a:lnTo>
                  <a:lnTo>
                    <a:pt x="2169" y="40"/>
                  </a:lnTo>
                  <a:lnTo>
                    <a:pt x="2104" y="52"/>
                  </a:lnTo>
                  <a:lnTo>
                    <a:pt x="2040" y="65"/>
                  </a:lnTo>
                  <a:lnTo>
                    <a:pt x="1978" y="80"/>
                  </a:lnTo>
                  <a:lnTo>
                    <a:pt x="1915" y="97"/>
                  </a:lnTo>
                  <a:lnTo>
                    <a:pt x="1852" y="115"/>
                  </a:lnTo>
                  <a:lnTo>
                    <a:pt x="1790" y="134"/>
                  </a:lnTo>
                  <a:lnTo>
                    <a:pt x="1730" y="155"/>
                  </a:lnTo>
                  <a:lnTo>
                    <a:pt x="1670" y="176"/>
                  </a:lnTo>
                  <a:lnTo>
                    <a:pt x="1611" y="200"/>
                  </a:lnTo>
                  <a:lnTo>
                    <a:pt x="1551" y="225"/>
                  </a:lnTo>
                  <a:lnTo>
                    <a:pt x="1494" y="251"/>
                  </a:lnTo>
                  <a:lnTo>
                    <a:pt x="1437" y="278"/>
                  </a:lnTo>
                  <a:lnTo>
                    <a:pt x="1380" y="307"/>
                  </a:lnTo>
                  <a:lnTo>
                    <a:pt x="1325" y="337"/>
                  </a:lnTo>
                  <a:lnTo>
                    <a:pt x="1270" y="369"/>
                  </a:lnTo>
                  <a:lnTo>
                    <a:pt x="1216" y="401"/>
                  </a:lnTo>
                  <a:lnTo>
                    <a:pt x="1163" y="435"/>
                  </a:lnTo>
                  <a:lnTo>
                    <a:pt x="1110" y="469"/>
                  </a:lnTo>
                  <a:lnTo>
                    <a:pt x="1059" y="505"/>
                  </a:lnTo>
                  <a:lnTo>
                    <a:pt x="1009" y="543"/>
                  </a:lnTo>
                  <a:lnTo>
                    <a:pt x="960" y="580"/>
                  </a:lnTo>
                  <a:lnTo>
                    <a:pt x="912" y="620"/>
                  </a:lnTo>
                  <a:lnTo>
                    <a:pt x="864" y="660"/>
                  </a:lnTo>
                  <a:lnTo>
                    <a:pt x="818" y="701"/>
                  </a:lnTo>
                  <a:lnTo>
                    <a:pt x="773" y="744"/>
                  </a:lnTo>
                  <a:lnTo>
                    <a:pt x="728" y="788"/>
                  </a:lnTo>
                  <a:lnTo>
                    <a:pt x="685" y="832"/>
                  </a:lnTo>
                  <a:lnTo>
                    <a:pt x="644" y="878"/>
                  </a:lnTo>
                  <a:lnTo>
                    <a:pt x="602" y="925"/>
                  </a:lnTo>
                  <a:lnTo>
                    <a:pt x="563" y="972"/>
                  </a:lnTo>
                  <a:lnTo>
                    <a:pt x="524" y="1020"/>
                  </a:lnTo>
                  <a:lnTo>
                    <a:pt x="487" y="1070"/>
                  </a:lnTo>
                  <a:lnTo>
                    <a:pt x="451" y="1120"/>
                  </a:lnTo>
                  <a:lnTo>
                    <a:pt x="416" y="1171"/>
                  </a:lnTo>
                  <a:lnTo>
                    <a:pt x="382" y="1223"/>
                  </a:lnTo>
                  <a:lnTo>
                    <a:pt x="350" y="1276"/>
                  </a:lnTo>
                  <a:lnTo>
                    <a:pt x="318" y="1329"/>
                  </a:lnTo>
                  <a:lnTo>
                    <a:pt x="288" y="1384"/>
                  </a:lnTo>
                  <a:lnTo>
                    <a:pt x="260" y="1439"/>
                  </a:lnTo>
                  <a:lnTo>
                    <a:pt x="233" y="1494"/>
                  </a:lnTo>
                  <a:lnTo>
                    <a:pt x="207" y="1551"/>
                  </a:lnTo>
                  <a:lnTo>
                    <a:pt x="183" y="1608"/>
                  </a:lnTo>
                  <a:lnTo>
                    <a:pt x="160" y="1666"/>
                  </a:lnTo>
                  <a:lnTo>
                    <a:pt x="139" y="1724"/>
                  </a:lnTo>
                  <a:lnTo>
                    <a:pt x="119" y="1783"/>
                  </a:lnTo>
                  <a:lnTo>
                    <a:pt x="100" y="1844"/>
                  </a:lnTo>
                  <a:lnTo>
                    <a:pt x="83" y="1904"/>
                  </a:lnTo>
                  <a:lnTo>
                    <a:pt x="67" y="1965"/>
                  </a:lnTo>
                  <a:lnTo>
                    <a:pt x="54" y="2026"/>
                  </a:lnTo>
                  <a:lnTo>
                    <a:pt x="41" y="2089"/>
                  </a:lnTo>
                  <a:lnTo>
                    <a:pt x="30" y="2152"/>
                  </a:lnTo>
                  <a:lnTo>
                    <a:pt x="21" y="2214"/>
                  </a:lnTo>
                  <a:lnTo>
                    <a:pt x="13" y="2278"/>
                  </a:lnTo>
                  <a:lnTo>
                    <a:pt x="8" y="2343"/>
                  </a:lnTo>
                  <a:lnTo>
                    <a:pt x="3" y="2406"/>
                  </a:lnTo>
                  <a:lnTo>
                    <a:pt x="1" y="2471"/>
                  </a:lnTo>
                  <a:lnTo>
                    <a:pt x="0" y="2537"/>
                  </a:lnTo>
                  <a:lnTo>
                    <a:pt x="0" y="2537"/>
                  </a:lnTo>
                  <a:lnTo>
                    <a:pt x="1" y="2603"/>
                  </a:lnTo>
                  <a:lnTo>
                    <a:pt x="3" y="2668"/>
                  </a:lnTo>
                  <a:lnTo>
                    <a:pt x="8" y="2733"/>
                  </a:lnTo>
                  <a:lnTo>
                    <a:pt x="13" y="2796"/>
                  </a:lnTo>
                  <a:lnTo>
                    <a:pt x="21" y="2860"/>
                  </a:lnTo>
                  <a:lnTo>
                    <a:pt x="30" y="2923"/>
                  </a:lnTo>
                  <a:lnTo>
                    <a:pt x="41" y="2985"/>
                  </a:lnTo>
                  <a:lnTo>
                    <a:pt x="54" y="3048"/>
                  </a:lnTo>
                  <a:lnTo>
                    <a:pt x="67" y="3109"/>
                  </a:lnTo>
                  <a:lnTo>
                    <a:pt x="83" y="3170"/>
                  </a:lnTo>
                  <a:lnTo>
                    <a:pt x="100" y="3230"/>
                  </a:lnTo>
                  <a:lnTo>
                    <a:pt x="119" y="3291"/>
                  </a:lnTo>
                  <a:lnTo>
                    <a:pt x="139" y="3350"/>
                  </a:lnTo>
                  <a:lnTo>
                    <a:pt x="160" y="3409"/>
                  </a:lnTo>
                  <a:lnTo>
                    <a:pt x="183" y="3467"/>
                  </a:lnTo>
                  <a:lnTo>
                    <a:pt x="207" y="3524"/>
                  </a:lnTo>
                  <a:lnTo>
                    <a:pt x="233" y="3580"/>
                  </a:lnTo>
                  <a:lnTo>
                    <a:pt x="260" y="3636"/>
                  </a:lnTo>
                  <a:lnTo>
                    <a:pt x="288" y="3691"/>
                  </a:lnTo>
                  <a:lnTo>
                    <a:pt x="318" y="3745"/>
                  </a:lnTo>
                  <a:lnTo>
                    <a:pt x="350" y="3798"/>
                  </a:lnTo>
                  <a:lnTo>
                    <a:pt x="382" y="3851"/>
                  </a:lnTo>
                  <a:lnTo>
                    <a:pt x="416" y="3903"/>
                  </a:lnTo>
                  <a:lnTo>
                    <a:pt x="451" y="3954"/>
                  </a:lnTo>
                  <a:lnTo>
                    <a:pt x="487" y="4005"/>
                  </a:lnTo>
                  <a:lnTo>
                    <a:pt x="524" y="4054"/>
                  </a:lnTo>
                  <a:lnTo>
                    <a:pt x="563" y="4102"/>
                  </a:lnTo>
                  <a:lnTo>
                    <a:pt x="602" y="4149"/>
                  </a:lnTo>
                  <a:lnTo>
                    <a:pt x="644" y="4196"/>
                  </a:lnTo>
                  <a:lnTo>
                    <a:pt x="685" y="4242"/>
                  </a:lnTo>
                  <a:lnTo>
                    <a:pt x="728" y="4286"/>
                  </a:lnTo>
                  <a:lnTo>
                    <a:pt x="773" y="4330"/>
                  </a:lnTo>
                  <a:lnTo>
                    <a:pt x="818" y="4373"/>
                  </a:lnTo>
                  <a:lnTo>
                    <a:pt x="864" y="4414"/>
                  </a:lnTo>
                  <a:lnTo>
                    <a:pt x="912" y="4455"/>
                  </a:lnTo>
                  <a:lnTo>
                    <a:pt x="960" y="4494"/>
                  </a:lnTo>
                  <a:lnTo>
                    <a:pt x="1009" y="4532"/>
                  </a:lnTo>
                  <a:lnTo>
                    <a:pt x="1059" y="4569"/>
                  </a:lnTo>
                  <a:lnTo>
                    <a:pt x="1110" y="4605"/>
                  </a:lnTo>
                  <a:lnTo>
                    <a:pt x="1163" y="4640"/>
                  </a:lnTo>
                  <a:lnTo>
                    <a:pt x="1216" y="4673"/>
                  </a:lnTo>
                  <a:lnTo>
                    <a:pt x="1270" y="4707"/>
                  </a:lnTo>
                  <a:lnTo>
                    <a:pt x="1325" y="4737"/>
                  </a:lnTo>
                  <a:lnTo>
                    <a:pt x="1380" y="4767"/>
                  </a:lnTo>
                  <a:lnTo>
                    <a:pt x="1437" y="4796"/>
                  </a:lnTo>
                  <a:lnTo>
                    <a:pt x="1494" y="4823"/>
                  </a:lnTo>
                  <a:lnTo>
                    <a:pt x="1551" y="4849"/>
                  </a:lnTo>
                  <a:lnTo>
                    <a:pt x="1611" y="4874"/>
                  </a:lnTo>
                  <a:lnTo>
                    <a:pt x="1670" y="4898"/>
                  </a:lnTo>
                  <a:lnTo>
                    <a:pt x="1730" y="4919"/>
                  </a:lnTo>
                  <a:lnTo>
                    <a:pt x="1790" y="4940"/>
                  </a:lnTo>
                  <a:lnTo>
                    <a:pt x="1852" y="4959"/>
                  </a:lnTo>
                  <a:lnTo>
                    <a:pt x="1915" y="4978"/>
                  </a:lnTo>
                  <a:lnTo>
                    <a:pt x="1978" y="4994"/>
                  </a:lnTo>
                  <a:lnTo>
                    <a:pt x="2040" y="5009"/>
                  </a:lnTo>
                  <a:lnTo>
                    <a:pt x="2104" y="5022"/>
                  </a:lnTo>
                  <a:lnTo>
                    <a:pt x="2169" y="5034"/>
                  </a:lnTo>
                  <a:lnTo>
                    <a:pt x="2234" y="5045"/>
                  </a:lnTo>
                  <a:lnTo>
                    <a:pt x="2299" y="5053"/>
                  </a:lnTo>
                  <a:lnTo>
                    <a:pt x="2366" y="5061"/>
                  </a:lnTo>
                  <a:lnTo>
                    <a:pt x="2433" y="5066"/>
                  </a:lnTo>
                  <a:lnTo>
                    <a:pt x="2499" y="5070"/>
                  </a:lnTo>
                  <a:lnTo>
                    <a:pt x="2566" y="5073"/>
                  </a:lnTo>
                  <a:lnTo>
                    <a:pt x="2635" y="507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1" name="Freeform 291">
              <a:extLst>
                <a:ext uri="{FF2B5EF4-FFF2-40B4-BE49-F238E27FC236}">
                  <a16:creationId xmlns:a16="http://schemas.microsoft.com/office/drawing/2014/main" xmlns="" id="{1D05A346-86B7-1744-BF28-402094CBBB5E}"/>
                </a:ext>
              </a:extLst>
            </p:cNvPr>
            <p:cNvSpPr>
              <a:spLocks/>
            </p:cNvSpPr>
            <p:nvPr/>
          </p:nvSpPr>
          <p:spPr bwMode="auto">
            <a:xfrm flipH="1">
              <a:off x="6899317" y="979354"/>
              <a:ext cx="4599165" cy="2181920"/>
            </a:xfrm>
            <a:custGeom>
              <a:avLst/>
              <a:gdLst>
                <a:gd name="T0" fmla="*/ 2638 w 5255"/>
                <a:gd name="T1" fmla="*/ 0 h 2390"/>
                <a:gd name="T2" fmla="*/ 2642 w 5255"/>
                <a:gd name="T3" fmla="*/ 0 h 2390"/>
                <a:gd name="T4" fmla="*/ 2649 w 5255"/>
                <a:gd name="T5" fmla="*/ 0 h 2390"/>
                <a:gd name="T6" fmla="*/ 2653 w 5255"/>
                <a:gd name="T7" fmla="*/ 0 h 2390"/>
                <a:gd name="T8" fmla="*/ 2660 w 5255"/>
                <a:gd name="T9" fmla="*/ 0 h 2390"/>
                <a:gd name="T10" fmla="*/ 2667 w 5255"/>
                <a:gd name="T11" fmla="*/ 0 h 2390"/>
                <a:gd name="T12" fmla="*/ 2675 w 5255"/>
                <a:gd name="T13" fmla="*/ 0 h 2390"/>
                <a:gd name="T14" fmla="*/ 2679 w 5255"/>
                <a:gd name="T15" fmla="*/ 0 h 2390"/>
                <a:gd name="T16" fmla="*/ 2686 w 5255"/>
                <a:gd name="T17" fmla="*/ 0 h 2390"/>
                <a:gd name="T18" fmla="*/ 2690 w 5255"/>
                <a:gd name="T19" fmla="*/ 1 h 2390"/>
                <a:gd name="T20" fmla="*/ 2697 w 5255"/>
                <a:gd name="T21" fmla="*/ 1 h 2390"/>
                <a:gd name="T22" fmla="*/ 2705 w 5255"/>
                <a:gd name="T23" fmla="*/ 1 h 2390"/>
                <a:gd name="T24" fmla="*/ 2712 w 5255"/>
                <a:gd name="T25" fmla="*/ 1 h 2390"/>
                <a:gd name="T26" fmla="*/ 2716 w 5255"/>
                <a:gd name="T27" fmla="*/ 1 h 2390"/>
                <a:gd name="T28" fmla="*/ 2723 w 5255"/>
                <a:gd name="T29" fmla="*/ 1 h 2390"/>
                <a:gd name="T30" fmla="*/ 2727 w 5255"/>
                <a:gd name="T31" fmla="*/ 3 h 2390"/>
                <a:gd name="T32" fmla="*/ 2733 w 5255"/>
                <a:gd name="T33" fmla="*/ 3 h 2390"/>
                <a:gd name="T34" fmla="*/ 2751 w 5255"/>
                <a:gd name="T35" fmla="*/ 3 h 2390"/>
                <a:gd name="T36" fmla="*/ 2757 w 5255"/>
                <a:gd name="T37" fmla="*/ 4 h 2390"/>
                <a:gd name="T38" fmla="*/ 3182 w 5255"/>
                <a:gd name="T39" fmla="*/ 57 h 2390"/>
                <a:gd name="T40" fmla="*/ 3793 w 5255"/>
                <a:gd name="T41" fmla="*/ 261 h 2390"/>
                <a:gd name="T42" fmla="*/ 4327 w 5255"/>
                <a:gd name="T43" fmla="*/ 597 h 2390"/>
                <a:gd name="T44" fmla="*/ 4760 w 5255"/>
                <a:gd name="T45" fmla="*/ 1044 h 2390"/>
                <a:gd name="T46" fmla="*/ 5072 w 5255"/>
                <a:gd name="T47" fmla="*/ 1581 h 2390"/>
                <a:gd name="T48" fmla="*/ 5241 w 5255"/>
                <a:gd name="T49" fmla="*/ 2188 h 2390"/>
                <a:gd name="T50" fmla="*/ 4984 w 5255"/>
                <a:gd name="T51" fmla="*/ 2044 h 2390"/>
                <a:gd name="T52" fmla="*/ 4187 w 5255"/>
                <a:gd name="T53" fmla="*/ 1590 h 2390"/>
                <a:gd name="T54" fmla="*/ 3173 w 5255"/>
                <a:gd name="T55" fmla="*/ 1345 h 2390"/>
                <a:gd name="T56" fmla="*/ 2127 w 5255"/>
                <a:gd name="T57" fmla="*/ 1348 h 2390"/>
                <a:gd name="T58" fmla="*/ 1074 w 5255"/>
                <a:gd name="T59" fmla="*/ 1615 h 2390"/>
                <a:gd name="T60" fmla="*/ 456 w 5255"/>
                <a:gd name="T61" fmla="*/ 1954 h 2390"/>
                <a:gd name="T62" fmla="*/ 123 w 5255"/>
                <a:gd name="T63" fmla="*/ 2244 h 2390"/>
                <a:gd name="T64" fmla="*/ 36 w 5255"/>
                <a:gd name="T65" fmla="*/ 2094 h 2390"/>
                <a:gd name="T66" fmla="*/ 232 w 5255"/>
                <a:gd name="T67" fmla="*/ 1486 h 2390"/>
                <a:gd name="T68" fmla="*/ 572 w 5255"/>
                <a:gd name="T69" fmla="*/ 955 h 2390"/>
                <a:gd name="T70" fmla="*/ 1033 w 5255"/>
                <a:gd name="T71" fmla="*/ 521 h 2390"/>
                <a:gd name="T72" fmla="*/ 1594 w 5255"/>
                <a:gd name="T73" fmla="*/ 205 h 2390"/>
                <a:gd name="T74" fmla="*/ 2232 w 5255"/>
                <a:gd name="T75" fmla="*/ 30 h 2390"/>
                <a:gd name="T76" fmla="*/ 2482 w 5255"/>
                <a:gd name="T77" fmla="*/ 5 h 2390"/>
                <a:gd name="T78" fmla="*/ 2491 w 5255"/>
                <a:gd name="T79" fmla="*/ 4 h 2390"/>
                <a:gd name="T80" fmla="*/ 2496 w 5255"/>
                <a:gd name="T81" fmla="*/ 4 h 2390"/>
                <a:gd name="T82" fmla="*/ 2504 w 5255"/>
                <a:gd name="T83" fmla="*/ 4 h 2390"/>
                <a:gd name="T84" fmla="*/ 2527 w 5255"/>
                <a:gd name="T85" fmla="*/ 3 h 2390"/>
                <a:gd name="T86" fmla="*/ 2532 w 5255"/>
                <a:gd name="T87" fmla="*/ 3 h 2390"/>
                <a:gd name="T88" fmla="*/ 2537 w 5255"/>
                <a:gd name="T89" fmla="*/ 1 h 2390"/>
                <a:gd name="T90" fmla="*/ 2543 w 5255"/>
                <a:gd name="T91" fmla="*/ 1 h 2390"/>
                <a:gd name="T92" fmla="*/ 2549 w 5255"/>
                <a:gd name="T93" fmla="*/ 1 h 2390"/>
                <a:gd name="T94" fmla="*/ 2555 w 5255"/>
                <a:gd name="T95" fmla="*/ 1 h 2390"/>
                <a:gd name="T96" fmla="*/ 2560 w 5255"/>
                <a:gd name="T97" fmla="*/ 1 h 2390"/>
                <a:gd name="T98" fmla="*/ 2566 w 5255"/>
                <a:gd name="T99" fmla="*/ 1 h 2390"/>
                <a:gd name="T100" fmla="*/ 2571 w 5255"/>
                <a:gd name="T101" fmla="*/ 1 h 2390"/>
                <a:gd name="T102" fmla="*/ 2578 w 5255"/>
                <a:gd name="T103" fmla="*/ 0 h 2390"/>
                <a:gd name="T104" fmla="*/ 2584 w 5255"/>
                <a:gd name="T105" fmla="*/ 0 h 2390"/>
                <a:gd name="T106" fmla="*/ 2590 w 5255"/>
                <a:gd name="T107" fmla="*/ 0 h 2390"/>
                <a:gd name="T108" fmla="*/ 2595 w 5255"/>
                <a:gd name="T109" fmla="*/ 0 h 2390"/>
                <a:gd name="T110" fmla="*/ 2602 w 5255"/>
                <a:gd name="T111" fmla="*/ 0 h 2390"/>
                <a:gd name="T112" fmla="*/ 2607 w 5255"/>
                <a:gd name="T113" fmla="*/ 0 h 2390"/>
                <a:gd name="T114" fmla="*/ 2613 w 5255"/>
                <a:gd name="T115" fmla="*/ 0 h 2390"/>
                <a:gd name="T116" fmla="*/ 2619 w 5255"/>
                <a:gd name="T117" fmla="*/ 0 h 2390"/>
                <a:gd name="T118" fmla="*/ 2624 w 5255"/>
                <a:gd name="T119" fmla="*/ 0 h 2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255" h="2390">
                  <a:moveTo>
                    <a:pt x="2631" y="0"/>
                  </a:moveTo>
                  <a:lnTo>
                    <a:pt x="2631" y="0"/>
                  </a:lnTo>
                  <a:lnTo>
                    <a:pt x="2633" y="0"/>
                  </a:lnTo>
                  <a:lnTo>
                    <a:pt x="2633" y="0"/>
                  </a:lnTo>
                  <a:lnTo>
                    <a:pt x="2633" y="0"/>
                  </a:lnTo>
                  <a:lnTo>
                    <a:pt x="2633" y="0"/>
                  </a:lnTo>
                  <a:lnTo>
                    <a:pt x="2635" y="0"/>
                  </a:lnTo>
                  <a:lnTo>
                    <a:pt x="2635" y="0"/>
                  </a:lnTo>
                  <a:lnTo>
                    <a:pt x="2635" y="0"/>
                  </a:lnTo>
                  <a:lnTo>
                    <a:pt x="2635" y="0"/>
                  </a:lnTo>
                  <a:lnTo>
                    <a:pt x="2638" y="0"/>
                  </a:lnTo>
                  <a:lnTo>
                    <a:pt x="2638" y="0"/>
                  </a:lnTo>
                  <a:lnTo>
                    <a:pt x="2638" y="0"/>
                  </a:lnTo>
                  <a:lnTo>
                    <a:pt x="2638" y="0"/>
                  </a:lnTo>
                  <a:lnTo>
                    <a:pt x="2639" y="0"/>
                  </a:lnTo>
                  <a:lnTo>
                    <a:pt x="2639" y="0"/>
                  </a:lnTo>
                  <a:lnTo>
                    <a:pt x="2640" y="0"/>
                  </a:lnTo>
                  <a:lnTo>
                    <a:pt x="2640" y="0"/>
                  </a:lnTo>
                  <a:lnTo>
                    <a:pt x="2641" y="0"/>
                  </a:lnTo>
                  <a:lnTo>
                    <a:pt x="2641" y="0"/>
                  </a:lnTo>
                  <a:lnTo>
                    <a:pt x="2642" y="0"/>
                  </a:lnTo>
                  <a:lnTo>
                    <a:pt x="2642" y="0"/>
                  </a:lnTo>
                  <a:lnTo>
                    <a:pt x="2643" y="0"/>
                  </a:lnTo>
                  <a:lnTo>
                    <a:pt x="2643" y="0"/>
                  </a:lnTo>
                  <a:lnTo>
                    <a:pt x="2644" y="0"/>
                  </a:lnTo>
                  <a:lnTo>
                    <a:pt x="2644" y="0"/>
                  </a:lnTo>
                  <a:lnTo>
                    <a:pt x="2645" y="0"/>
                  </a:lnTo>
                  <a:lnTo>
                    <a:pt x="2645" y="0"/>
                  </a:lnTo>
                  <a:lnTo>
                    <a:pt x="2647" y="0"/>
                  </a:lnTo>
                  <a:lnTo>
                    <a:pt x="2647" y="0"/>
                  </a:lnTo>
                  <a:lnTo>
                    <a:pt x="2648" y="0"/>
                  </a:lnTo>
                  <a:lnTo>
                    <a:pt x="2648" y="0"/>
                  </a:lnTo>
                  <a:lnTo>
                    <a:pt x="2649" y="0"/>
                  </a:lnTo>
                  <a:lnTo>
                    <a:pt x="2649" y="0"/>
                  </a:lnTo>
                  <a:lnTo>
                    <a:pt x="2650" y="0"/>
                  </a:lnTo>
                  <a:lnTo>
                    <a:pt x="2650" y="0"/>
                  </a:lnTo>
                  <a:lnTo>
                    <a:pt x="2651" y="0"/>
                  </a:lnTo>
                  <a:lnTo>
                    <a:pt x="2651" y="0"/>
                  </a:lnTo>
                  <a:lnTo>
                    <a:pt x="2651" y="0"/>
                  </a:lnTo>
                  <a:lnTo>
                    <a:pt x="2651" y="0"/>
                  </a:lnTo>
                  <a:lnTo>
                    <a:pt x="2652" y="0"/>
                  </a:lnTo>
                  <a:lnTo>
                    <a:pt x="2652" y="0"/>
                  </a:lnTo>
                  <a:lnTo>
                    <a:pt x="2653" y="0"/>
                  </a:lnTo>
                  <a:lnTo>
                    <a:pt x="2653" y="0"/>
                  </a:lnTo>
                  <a:lnTo>
                    <a:pt x="2654" y="0"/>
                  </a:lnTo>
                  <a:lnTo>
                    <a:pt x="2654" y="0"/>
                  </a:lnTo>
                  <a:lnTo>
                    <a:pt x="2656" y="0"/>
                  </a:lnTo>
                  <a:lnTo>
                    <a:pt x="2656" y="0"/>
                  </a:lnTo>
                  <a:lnTo>
                    <a:pt x="2657" y="0"/>
                  </a:lnTo>
                  <a:lnTo>
                    <a:pt x="2657" y="0"/>
                  </a:lnTo>
                  <a:lnTo>
                    <a:pt x="2658" y="0"/>
                  </a:lnTo>
                  <a:lnTo>
                    <a:pt x="2658" y="0"/>
                  </a:lnTo>
                  <a:lnTo>
                    <a:pt x="2659" y="0"/>
                  </a:lnTo>
                  <a:lnTo>
                    <a:pt x="2659" y="0"/>
                  </a:lnTo>
                  <a:lnTo>
                    <a:pt x="2660" y="0"/>
                  </a:lnTo>
                  <a:lnTo>
                    <a:pt x="2660" y="0"/>
                  </a:lnTo>
                  <a:lnTo>
                    <a:pt x="2661" y="0"/>
                  </a:lnTo>
                  <a:lnTo>
                    <a:pt x="2661" y="0"/>
                  </a:lnTo>
                  <a:lnTo>
                    <a:pt x="2662" y="0"/>
                  </a:lnTo>
                  <a:lnTo>
                    <a:pt x="2662" y="0"/>
                  </a:lnTo>
                  <a:lnTo>
                    <a:pt x="2663" y="0"/>
                  </a:lnTo>
                  <a:lnTo>
                    <a:pt x="2663" y="0"/>
                  </a:lnTo>
                  <a:lnTo>
                    <a:pt x="2667" y="0"/>
                  </a:lnTo>
                  <a:lnTo>
                    <a:pt x="2667" y="0"/>
                  </a:lnTo>
                  <a:lnTo>
                    <a:pt x="2667" y="0"/>
                  </a:lnTo>
                  <a:lnTo>
                    <a:pt x="2667" y="0"/>
                  </a:lnTo>
                  <a:lnTo>
                    <a:pt x="2669" y="0"/>
                  </a:lnTo>
                  <a:lnTo>
                    <a:pt x="2669" y="0"/>
                  </a:lnTo>
                  <a:lnTo>
                    <a:pt x="2670" y="0"/>
                  </a:lnTo>
                  <a:lnTo>
                    <a:pt x="2670" y="0"/>
                  </a:lnTo>
                  <a:lnTo>
                    <a:pt x="2671" y="0"/>
                  </a:lnTo>
                  <a:lnTo>
                    <a:pt x="2671" y="0"/>
                  </a:lnTo>
                  <a:lnTo>
                    <a:pt x="2672" y="0"/>
                  </a:lnTo>
                  <a:lnTo>
                    <a:pt x="2672" y="0"/>
                  </a:lnTo>
                  <a:lnTo>
                    <a:pt x="2674" y="0"/>
                  </a:lnTo>
                  <a:lnTo>
                    <a:pt x="2674" y="0"/>
                  </a:lnTo>
                  <a:lnTo>
                    <a:pt x="2675" y="0"/>
                  </a:lnTo>
                  <a:lnTo>
                    <a:pt x="2675" y="0"/>
                  </a:lnTo>
                  <a:lnTo>
                    <a:pt x="2676" y="0"/>
                  </a:lnTo>
                  <a:lnTo>
                    <a:pt x="2676" y="0"/>
                  </a:lnTo>
                  <a:lnTo>
                    <a:pt x="2677" y="0"/>
                  </a:lnTo>
                  <a:lnTo>
                    <a:pt x="2677" y="0"/>
                  </a:lnTo>
                  <a:lnTo>
                    <a:pt x="2677" y="0"/>
                  </a:lnTo>
                  <a:lnTo>
                    <a:pt x="2677" y="0"/>
                  </a:lnTo>
                  <a:lnTo>
                    <a:pt x="2678" y="0"/>
                  </a:lnTo>
                  <a:lnTo>
                    <a:pt x="2678" y="0"/>
                  </a:lnTo>
                  <a:lnTo>
                    <a:pt x="2679" y="0"/>
                  </a:lnTo>
                  <a:lnTo>
                    <a:pt x="2679" y="0"/>
                  </a:lnTo>
                  <a:lnTo>
                    <a:pt x="2680" y="0"/>
                  </a:lnTo>
                  <a:lnTo>
                    <a:pt x="2680" y="0"/>
                  </a:lnTo>
                  <a:lnTo>
                    <a:pt x="2681" y="0"/>
                  </a:lnTo>
                  <a:lnTo>
                    <a:pt x="2681" y="0"/>
                  </a:lnTo>
                  <a:lnTo>
                    <a:pt x="2682" y="0"/>
                  </a:lnTo>
                  <a:lnTo>
                    <a:pt x="2682" y="0"/>
                  </a:lnTo>
                  <a:lnTo>
                    <a:pt x="2684" y="0"/>
                  </a:lnTo>
                  <a:lnTo>
                    <a:pt x="2684" y="0"/>
                  </a:lnTo>
                  <a:lnTo>
                    <a:pt x="2685" y="0"/>
                  </a:lnTo>
                  <a:lnTo>
                    <a:pt x="2685" y="0"/>
                  </a:lnTo>
                  <a:lnTo>
                    <a:pt x="2686" y="0"/>
                  </a:lnTo>
                  <a:lnTo>
                    <a:pt x="2686" y="0"/>
                  </a:lnTo>
                  <a:lnTo>
                    <a:pt x="2687" y="1"/>
                  </a:lnTo>
                  <a:lnTo>
                    <a:pt x="2687" y="1"/>
                  </a:lnTo>
                  <a:lnTo>
                    <a:pt x="2687" y="1"/>
                  </a:lnTo>
                  <a:lnTo>
                    <a:pt x="2687" y="1"/>
                  </a:lnTo>
                  <a:lnTo>
                    <a:pt x="2689" y="1"/>
                  </a:lnTo>
                  <a:lnTo>
                    <a:pt x="2689" y="1"/>
                  </a:lnTo>
                  <a:lnTo>
                    <a:pt x="2689" y="1"/>
                  </a:lnTo>
                  <a:lnTo>
                    <a:pt x="2689" y="1"/>
                  </a:lnTo>
                  <a:lnTo>
                    <a:pt x="2690" y="1"/>
                  </a:lnTo>
                  <a:lnTo>
                    <a:pt x="2690" y="1"/>
                  </a:lnTo>
                  <a:lnTo>
                    <a:pt x="2691" y="1"/>
                  </a:lnTo>
                  <a:lnTo>
                    <a:pt x="2691" y="1"/>
                  </a:lnTo>
                  <a:lnTo>
                    <a:pt x="2693" y="1"/>
                  </a:lnTo>
                  <a:lnTo>
                    <a:pt x="2693" y="1"/>
                  </a:lnTo>
                  <a:lnTo>
                    <a:pt x="2694" y="1"/>
                  </a:lnTo>
                  <a:lnTo>
                    <a:pt x="2694" y="1"/>
                  </a:lnTo>
                  <a:lnTo>
                    <a:pt x="2695" y="1"/>
                  </a:lnTo>
                  <a:lnTo>
                    <a:pt x="2695" y="1"/>
                  </a:lnTo>
                  <a:lnTo>
                    <a:pt x="2696" y="1"/>
                  </a:lnTo>
                  <a:lnTo>
                    <a:pt x="2696" y="1"/>
                  </a:lnTo>
                  <a:lnTo>
                    <a:pt x="2697" y="1"/>
                  </a:lnTo>
                  <a:lnTo>
                    <a:pt x="2697" y="1"/>
                  </a:lnTo>
                  <a:lnTo>
                    <a:pt x="2698" y="1"/>
                  </a:lnTo>
                  <a:lnTo>
                    <a:pt x="2698" y="1"/>
                  </a:lnTo>
                  <a:lnTo>
                    <a:pt x="2699" y="1"/>
                  </a:lnTo>
                  <a:lnTo>
                    <a:pt x="2699" y="1"/>
                  </a:lnTo>
                  <a:lnTo>
                    <a:pt x="2699" y="1"/>
                  </a:lnTo>
                  <a:lnTo>
                    <a:pt x="2699" y="1"/>
                  </a:lnTo>
                  <a:lnTo>
                    <a:pt x="2705" y="1"/>
                  </a:lnTo>
                  <a:lnTo>
                    <a:pt x="2705" y="1"/>
                  </a:lnTo>
                  <a:lnTo>
                    <a:pt x="2705" y="1"/>
                  </a:lnTo>
                  <a:lnTo>
                    <a:pt x="2705" y="1"/>
                  </a:lnTo>
                  <a:lnTo>
                    <a:pt x="2706" y="1"/>
                  </a:lnTo>
                  <a:lnTo>
                    <a:pt x="2706" y="1"/>
                  </a:lnTo>
                  <a:lnTo>
                    <a:pt x="2707" y="1"/>
                  </a:lnTo>
                  <a:lnTo>
                    <a:pt x="2707" y="1"/>
                  </a:lnTo>
                  <a:lnTo>
                    <a:pt x="2708" y="1"/>
                  </a:lnTo>
                  <a:lnTo>
                    <a:pt x="2708" y="1"/>
                  </a:lnTo>
                  <a:lnTo>
                    <a:pt x="2709" y="1"/>
                  </a:lnTo>
                  <a:lnTo>
                    <a:pt x="2709" y="1"/>
                  </a:lnTo>
                  <a:lnTo>
                    <a:pt x="2711" y="1"/>
                  </a:lnTo>
                  <a:lnTo>
                    <a:pt x="2711" y="1"/>
                  </a:lnTo>
                  <a:lnTo>
                    <a:pt x="2712" y="1"/>
                  </a:lnTo>
                  <a:lnTo>
                    <a:pt x="2712" y="1"/>
                  </a:lnTo>
                  <a:lnTo>
                    <a:pt x="2713" y="1"/>
                  </a:lnTo>
                  <a:lnTo>
                    <a:pt x="2713" y="1"/>
                  </a:lnTo>
                  <a:lnTo>
                    <a:pt x="2713" y="1"/>
                  </a:lnTo>
                  <a:lnTo>
                    <a:pt x="2713" y="1"/>
                  </a:lnTo>
                  <a:lnTo>
                    <a:pt x="2715" y="1"/>
                  </a:lnTo>
                  <a:lnTo>
                    <a:pt x="2715" y="1"/>
                  </a:lnTo>
                  <a:lnTo>
                    <a:pt x="2715" y="1"/>
                  </a:lnTo>
                  <a:lnTo>
                    <a:pt x="2715" y="1"/>
                  </a:lnTo>
                  <a:lnTo>
                    <a:pt x="2716" y="1"/>
                  </a:lnTo>
                  <a:lnTo>
                    <a:pt x="2716" y="1"/>
                  </a:lnTo>
                  <a:lnTo>
                    <a:pt x="2717" y="1"/>
                  </a:lnTo>
                  <a:lnTo>
                    <a:pt x="2717" y="1"/>
                  </a:lnTo>
                  <a:lnTo>
                    <a:pt x="2718" y="1"/>
                  </a:lnTo>
                  <a:lnTo>
                    <a:pt x="2718" y="1"/>
                  </a:lnTo>
                  <a:lnTo>
                    <a:pt x="2719" y="1"/>
                  </a:lnTo>
                  <a:lnTo>
                    <a:pt x="2719" y="1"/>
                  </a:lnTo>
                  <a:lnTo>
                    <a:pt x="2721" y="1"/>
                  </a:lnTo>
                  <a:lnTo>
                    <a:pt x="2721" y="1"/>
                  </a:lnTo>
                  <a:lnTo>
                    <a:pt x="2722" y="1"/>
                  </a:lnTo>
                  <a:lnTo>
                    <a:pt x="2722" y="1"/>
                  </a:lnTo>
                  <a:lnTo>
                    <a:pt x="2723" y="1"/>
                  </a:lnTo>
                  <a:lnTo>
                    <a:pt x="2723" y="1"/>
                  </a:lnTo>
                  <a:lnTo>
                    <a:pt x="2723" y="1"/>
                  </a:lnTo>
                  <a:lnTo>
                    <a:pt x="2723" y="1"/>
                  </a:lnTo>
                  <a:lnTo>
                    <a:pt x="2725" y="1"/>
                  </a:lnTo>
                  <a:lnTo>
                    <a:pt x="2725" y="1"/>
                  </a:lnTo>
                  <a:lnTo>
                    <a:pt x="2725" y="1"/>
                  </a:lnTo>
                  <a:lnTo>
                    <a:pt x="2725" y="1"/>
                  </a:lnTo>
                  <a:lnTo>
                    <a:pt x="2727" y="3"/>
                  </a:lnTo>
                  <a:lnTo>
                    <a:pt x="2727" y="3"/>
                  </a:lnTo>
                  <a:lnTo>
                    <a:pt x="2727" y="3"/>
                  </a:lnTo>
                  <a:lnTo>
                    <a:pt x="2727" y="3"/>
                  </a:lnTo>
                  <a:lnTo>
                    <a:pt x="2728" y="3"/>
                  </a:lnTo>
                  <a:lnTo>
                    <a:pt x="2728" y="3"/>
                  </a:lnTo>
                  <a:lnTo>
                    <a:pt x="2730" y="3"/>
                  </a:lnTo>
                  <a:lnTo>
                    <a:pt x="2730" y="3"/>
                  </a:lnTo>
                  <a:lnTo>
                    <a:pt x="2731" y="3"/>
                  </a:lnTo>
                  <a:lnTo>
                    <a:pt x="2731" y="3"/>
                  </a:lnTo>
                  <a:lnTo>
                    <a:pt x="2732" y="3"/>
                  </a:lnTo>
                  <a:lnTo>
                    <a:pt x="2732" y="3"/>
                  </a:lnTo>
                  <a:lnTo>
                    <a:pt x="2733" y="3"/>
                  </a:lnTo>
                  <a:lnTo>
                    <a:pt x="2733" y="3"/>
                  </a:lnTo>
                  <a:lnTo>
                    <a:pt x="2733" y="3"/>
                  </a:lnTo>
                  <a:lnTo>
                    <a:pt x="2733" y="3"/>
                  </a:lnTo>
                  <a:lnTo>
                    <a:pt x="2746" y="3"/>
                  </a:lnTo>
                  <a:lnTo>
                    <a:pt x="2746" y="3"/>
                  </a:lnTo>
                  <a:lnTo>
                    <a:pt x="2746" y="3"/>
                  </a:lnTo>
                  <a:lnTo>
                    <a:pt x="2749" y="3"/>
                  </a:lnTo>
                  <a:lnTo>
                    <a:pt x="2749" y="3"/>
                  </a:lnTo>
                  <a:lnTo>
                    <a:pt x="2749" y="3"/>
                  </a:lnTo>
                  <a:lnTo>
                    <a:pt x="2749" y="3"/>
                  </a:lnTo>
                  <a:lnTo>
                    <a:pt x="2751" y="3"/>
                  </a:lnTo>
                  <a:lnTo>
                    <a:pt x="2751" y="3"/>
                  </a:lnTo>
                  <a:lnTo>
                    <a:pt x="2751" y="3"/>
                  </a:lnTo>
                  <a:lnTo>
                    <a:pt x="2753" y="3"/>
                  </a:lnTo>
                  <a:lnTo>
                    <a:pt x="2753" y="3"/>
                  </a:lnTo>
                  <a:lnTo>
                    <a:pt x="2753" y="3"/>
                  </a:lnTo>
                  <a:lnTo>
                    <a:pt x="2753" y="3"/>
                  </a:lnTo>
                  <a:lnTo>
                    <a:pt x="2754" y="4"/>
                  </a:lnTo>
                  <a:lnTo>
                    <a:pt x="2754" y="4"/>
                  </a:lnTo>
                  <a:lnTo>
                    <a:pt x="2755" y="4"/>
                  </a:lnTo>
                  <a:lnTo>
                    <a:pt x="2755" y="4"/>
                  </a:lnTo>
                  <a:lnTo>
                    <a:pt x="2757" y="4"/>
                  </a:lnTo>
                  <a:lnTo>
                    <a:pt x="2757" y="4"/>
                  </a:lnTo>
                  <a:lnTo>
                    <a:pt x="2757" y="4"/>
                  </a:lnTo>
                  <a:lnTo>
                    <a:pt x="2757" y="4"/>
                  </a:lnTo>
                  <a:lnTo>
                    <a:pt x="2761" y="4"/>
                  </a:lnTo>
                  <a:lnTo>
                    <a:pt x="2761" y="4"/>
                  </a:lnTo>
                  <a:lnTo>
                    <a:pt x="2761" y="4"/>
                  </a:lnTo>
                  <a:lnTo>
                    <a:pt x="2822" y="7"/>
                  </a:lnTo>
                  <a:lnTo>
                    <a:pt x="2883" y="12"/>
                  </a:lnTo>
                  <a:lnTo>
                    <a:pt x="2944" y="18"/>
                  </a:lnTo>
                  <a:lnTo>
                    <a:pt x="3003" y="25"/>
                  </a:lnTo>
                  <a:lnTo>
                    <a:pt x="3064" y="35"/>
                  </a:lnTo>
                  <a:lnTo>
                    <a:pt x="3122" y="45"/>
                  </a:lnTo>
                  <a:lnTo>
                    <a:pt x="3182" y="57"/>
                  </a:lnTo>
                  <a:lnTo>
                    <a:pt x="3240" y="68"/>
                  </a:lnTo>
                  <a:lnTo>
                    <a:pt x="3297" y="82"/>
                  </a:lnTo>
                  <a:lnTo>
                    <a:pt x="3356" y="98"/>
                  </a:lnTo>
                  <a:lnTo>
                    <a:pt x="3412" y="114"/>
                  </a:lnTo>
                  <a:lnTo>
                    <a:pt x="3468" y="132"/>
                  </a:lnTo>
                  <a:lnTo>
                    <a:pt x="3524" y="151"/>
                  </a:lnTo>
                  <a:lnTo>
                    <a:pt x="3579" y="170"/>
                  </a:lnTo>
                  <a:lnTo>
                    <a:pt x="3634" y="192"/>
                  </a:lnTo>
                  <a:lnTo>
                    <a:pt x="3688" y="213"/>
                  </a:lnTo>
                  <a:lnTo>
                    <a:pt x="3740" y="237"/>
                  </a:lnTo>
                  <a:lnTo>
                    <a:pt x="3793" y="261"/>
                  </a:lnTo>
                  <a:lnTo>
                    <a:pt x="3846" y="287"/>
                  </a:lnTo>
                  <a:lnTo>
                    <a:pt x="3897" y="313"/>
                  </a:lnTo>
                  <a:lnTo>
                    <a:pt x="3948" y="341"/>
                  </a:lnTo>
                  <a:lnTo>
                    <a:pt x="3997" y="369"/>
                  </a:lnTo>
                  <a:lnTo>
                    <a:pt x="4047" y="399"/>
                  </a:lnTo>
                  <a:lnTo>
                    <a:pt x="4096" y="429"/>
                  </a:lnTo>
                  <a:lnTo>
                    <a:pt x="4143" y="460"/>
                  </a:lnTo>
                  <a:lnTo>
                    <a:pt x="4190" y="494"/>
                  </a:lnTo>
                  <a:lnTo>
                    <a:pt x="4236" y="527"/>
                  </a:lnTo>
                  <a:lnTo>
                    <a:pt x="4282" y="562"/>
                  </a:lnTo>
                  <a:lnTo>
                    <a:pt x="4327" y="597"/>
                  </a:lnTo>
                  <a:lnTo>
                    <a:pt x="4371" y="633"/>
                  </a:lnTo>
                  <a:lnTo>
                    <a:pt x="4413" y="671"/>
                  </a:lnTo>
                  <a:lnTo>
                    <a:pt x="4456" y="709"/>
                  </a:lnTo>
                  <a:lnTo>
                    <a:pt x="4496" y="748"/>
                  </a:lnTo>
                  <a:lnTo>
                    <a:pt x="4537" y="788"/>
                  </a:lnTo>
                  <a:lnTo>
                    <a:pt x="4576" y="829"/>
                  </a:lnTo>
                  <a:lnTo>
                    <a:pt x="4615" y="870"/>
                  </a:lnTo>
                  <a:lnTo>
                    <a:pt x="4652" y="912"/>
                  </a:lnTo>
                  <a:lnTo>
                    <a:pt x="4689" y="955"/>
                  </a:lnTo>
                  <a:lnTo>
                    <a:pt x="4725" y="999"/>
                  </a:lnTo>
                  <a:lnTo>
                    <a:pt x="4760" y="1044"/>
                  </a:lnTo>
                  <a:lnTo>
                    <a:pt x="4794" y="1089"/>
                  </a:lnTo>
                  <a:lnTo>
                    <a:pt x="4826" y="1135"/>
                  </a:lnTo>
                  <a:lnTo>
                    <a:pt x="4858" y="1182"/>
                  </a:lnTo>
                  <a:lnTo>
                    <a:pt x="4888" y="1229"/>
                  </a:lnTo>
                  <a:lnTo>
                    <a:pt x="4918" y="1278"/>
                  </a:lnTo>
                  <a:lnTo>
                    <a:pt x="4946" y="1327"/>
                  </a:lnTo>
                  <a:lnTo>
                    <a:pt x="4973" y="1376"/>
                  </a:lnTo>
                  <a:lnTo>
                    <a:pt x="5000" y="1427"/>
                  </a:lnTo>
                  <a:lnTo>
                    <a:pt x="5025" y="1478"/>
                  </a:lnTo>
                  <a:lnTo>
                    <a:pt x="5048" y="1530"/>
                  </a:lnTo>
                  <a:lnTo>
                    <a:pt x="5072" y="1581"/>
                  </a:lnTo>
                  <a:lnTo>
                    <a:pt x="5093" y="1633"/>
                  </a:lnTo>
                  <a:lnTo>
                    <a:pt x="5113" y="1687"/>
                  </a:lnTo>
                  <a:lnTo>
                    <a:pt x="5132" y="1740"/>
                  </a:lnTo>
                  <a:lnTo>
                    <a:pt x="5150" y="1795"/>
                  </a:lnTo>
                  <a:lnTo>
                    <a:pt x="5167" y="1849"/>
                  </a:lnTo>
                  <a:lnTo>
                    <a:pt x="5183" y="1905"/>
                  </a:lnTo>
                  <a:lnTo>
                    <a:pt x="5198" y="1960"/>
                  </a:lnTo>
                  <a:lnTo>
                    <a:pt x="5210" y="2017"/>
                  </a:lnTo>
                  <a:lnTo>
                    <a:pt x="5222" y="2074"/>
                  </a:lnTo>
                  <a:lnTo>
                    <a:pt x="5232" y="2131"/>
                  </a:lnTo>
                  <a:lnTo>
                    <a:pt x="5241" y="2188"/>
                  </a:lnTo>
                  <a:lnTo>
                    <a:pt x="5249" y="2247"/>
                  </a:lnTo>
                  <a:lnTo>
                    <a:pt x="5255" y="2305"/>
                  </a:lnTo>
                  <a:lnTo>
                    <a:pt x="5255" y="2305"/>
                  </a:lnTo>
                  <a:lnTo>
                    <a:pt x="5231" y="2277"/>
                  </a:lnTo>
                  <a:lnTo>
                    <a:pt x="5207" y="2250"/>
                  </a:lnTo>
                  <a:lnTo>
                    <a:pt x="5181" y="2223"/>
                  </a:lnTo>
                  <a:lnTo>
                    <a:pt x="5155" y="2197"/>
                  </a:lnTo>
                  <a:lnTo>
                    <a:pt x="5128" y="2170"/>
                  </a:lnTo>
                  <a:lnTo>
                    <a:pt x="5101" y="2144"/>
                  </a:lnTo>
                  <a:lnTo>
                    <a:pt x="5044" y="2093"/>
                  </a:lnTo>
                  <a:lnTo>
                    <a:pt x="4984" y="2044"/>
                  </a:lnTo>
                  <a:lnTo>
                    <a:pt x="4924" y="1995"/>
                  </a:lnTo>
                  <a:lnTo>
                    <a:pt x="4860" y="1947"/>
                  </a:lnTo>
                  <a:lnTo>
                    <a:pt x="4794" y="1902"/>
                  </a:lnTo>
                  <a:lnTo>
                    <a:pt x="4725" y="1858"/>
                  </a:lnTo>
                  <a:lnTo>
                    <a:pt x="4655" y="1815"/>
                  </a:lnTo>
                  <a:lnTo>
                    <a:pt x="4582" y="1774"/>
                  </a:lnTo>
                  <a:lnTo>
                    <a:pt x="4507" y="1734"/>
                  </a:lnTo>
                  <a:lnTo>
                    <a:pt x="4429" y="1695"/>
                  </a:lnTo>
                  <a:lnTo>
                    <a:pt x="4351" y="1658"/>
                  </a:lnTo>
                  <a:lnTo>
                    <a:pt x="4270" y="1623"/>
                  </a:lnTo>
                  <a:lnTo>
                    <a:pt x="4187" y="1590"/>
                  </a:lnTo>
                  <a:lnTo>
                    <a:pt x="4103" y="1559"/>
                  </a:lnTo>
                  <a:lnTo>
                    <a:pt x="4016" y="1528"/>
                  </a:lnTo>
                  <a:lnTo>
                    <a:pt x="3929" y="1500"/>
                  </a:lnTo>
                  <a:lnTo>
                    <a:pt x="3839" y="1474"/>
                  </a:lnTo>
                  <a:lnTo>
                    <a:pt x="3748" y="1450"/>
                  </a:lnTo>
                  <a:lnTo>
                    <a:pt x="3655" y="1427"/>
                  </a:lnTo>
                  <a:lnTo>
                    <a:pt x="3562" y="1406"/>
                  </a:lnTo>
                  <a:lnTo>
                    <a:pt x="3467" y="1388"/>
                  </a:lnTo>
                  <a:lnTo>
                    <a:pt x="3370" y="1372"/>
                  </a:lnTo>
                  <a:lnTo>
                    <a:pt x="3271" y="1358"/>
                  </a:lnTo>
                  <a:lnTo>
                    <a:pt x="3173" y="1345"/>
                  </a:lnTo>
                  <a:lnTo>
                    <a:pt x="3073" y="1335"/>
                  </a:lnTo>
                  <a:lnTo>
                    <a:pt x="2972" y="1328"/>
                  </a:lnTo>
                  <a:lnTo>
                    <a:pt x="2870" y="1321"/>
                  </a:lnTo>
                  <a:lnTo>
                    <a:pt x="2767" y="1318"/>
                  </a:lnTo>
                  <a:lnTo>
                    <a:pt x="2662" y="1317"/>
                  </a:lnTo>
                  <a:lnTo>
                    <a:pt x="2662" y="1317"/>
                  </a:lnTo>
                  <a:lnTo>
                    <a:pt x="2553" y="1318"/>
                  </a:lnTo>
                  <a:lnTo>
                    <a:pt x="2445" y="1322"/>
                  </a:lnTo>
                  <a:lnTo>
                    <a:pt x="2338" y="1329"/>
                  </a:lnTo>
                  <a:lnTo>
                    <a:pt x="2233" y="1337"/>
                  </a:lnTo>
                  <a:lnTo>
                    <a:pt x="2127" y="1348"/>
                  </a:lnTo>
                  <a:lnTo>
                    <a:pt x="2024" y="1361"/>
                  </a:lnTo>
                  <a:lnTo>
                    <a:pt x="1922" y="1377"/>
                  </a:lnTo>
                  <a:lnTo>
                    <a:pt x="1821" y="1396"/>
                  </a:lnTo>
                  <a:lnTo>
                    <a:pt x="1722" y="1415"/>
                  </a:lnTo>
                  <a:lnTo>
                    <a:pt x="1625" y="1438"/>
                  </a:lnTo>
                  <a:lnTo>
                    <a:pt x="1528" y="1463"/>
                  </a:lnTo>
                  <a:lnTo>
                    <a:pt x="1434" y="1489"/>
                  </a:lnTo>
                  <a:lnTo>
                    <a:pt x="1341" y="1518"/>
                  </a:lnTo>
                  <a:lnTo>
                    <a:pt x="1250" y="1548"/>
                  </a:lnTo>
                  <a:lnTo>
                    <a:pt x="1161" y="1580"/>
                  </a:lnTo>
                  <a:lnTo>
                    <a:pt x="1074" y="1615"/>
                  </a:lnTo>
                  <a:lnTo>
                    <a:pt x="989" y="1652"/>
                  </a:lnTo>
                  <a:lnTo>
                    <a:pt x="906" y="1689"/>
                  </a:lnTo>
                  <a:lnTo>
                    <a:pt x="825" y="1729"/>
                  </a:lnTo>
                  <a:lnTo>
                    <a:pt x="746" y="1771"/>
                  </a:lnTo>
                  <a:lnTo>
                    <a:pt x="670" y="1815"/>
                  </a:lnTo>
                  <a:lnTo>
                    <a:pt x="633" y="1837"/>
                  </a:lnTo>
                  <a:lnTo>
                    <a:pt x="596" y="1860"/>
                  </a:lnTo>
                  <a:lnTo>
                    <a:pt x="560" y="1883"/>
                  </a:lnTo>
                  <a:lnTo>
                    <a:pt x="524" y="1906"/>
                  </a:lnTo>
                  <a:lnTo>
                    <a:pt x="489" y="1930"/>
                  </a:lnTo>
                  <a:lnTo>
                    <a:pt x="456" y="1954"/>
                  </a:lnTo>
                  <a:lnTo>
                    <a:pt x="422" y="1979"/>
                  </a:lnTo>
                  <a:lnTo>
                    <a:pt x="388" y="2004"/>
                  </a:lnTo>
                  <a:lnTo>
                    <a:pt x="357" y="2030"/>
                  </a:lnTo>
                  <a:lnTo>
                    <a:pt x="324" y="2055"/>
                  </a:lnTo>
                  <a:lnTo>
                    <a:pt x="294" y="2081"/>
                  </a:lnTo>
                  <a:lnTo>
                    <a:pt x="264" y="2107"/>
                  </a:lnTo>
                  <a:lnTo>
                    <a:pt x="234" y="2134"/>
                  </a:lnTo>
                  <a:lnTo>
                    <a:pt x="206" y="2161"/>
                  </a:lnTo>
                  <a:lnTo>
                    <a:pt x="178" y="2189"/>
                  </a:lnTo>
                  <a:lnTo>
                    <a:pt x="149" y="2216"/>
                  </a:lnTo>
                  <a:lnTo>
                    <a:pt x="123" y="2244"/>
                  </a:lnTo>
                  <a:lnTo>
                    <a:pt x="97" y="2274"/>
                  </a:lnTo>
                  <a:lnTo>
                    <a:pt x="72" y="2302"/>
                  </a:lnTo>
                  <a:lnTo>
                    <a:pt x="47" y="2331"/>
                  </a:lnTo>
                  <a:lnTo>
                    <a:pt x="24" y="2360"/>
                  </a:lnTo>
                  <a:lnTo>
                    <a:pt x="0" y="2390"/>
                  </a:lnTo>
                  <a:lnTo>
                    <a:pt x="0" y="2390"/>
                  </a:lnTo>
                  <a:lnTo>
                    <a:pt x="5" y="2330"/>
                  </a:lnTo>
                  <a:lnTo>
                    <a:pt x="10" y="2270"/>
                  </a:lnTo>
                  <a:lnTo>
                    <a:pt x="17" y="2211"/>
                  </a:lnTo>
                  <a:lnTo>
                    <a:pt x="26" y="2153"/>
                  </a:lnTo>
                  <a:lnTo>
                    <a:pt x="36" y="2094"/>
                  </a:lnTo>
                  <a:lnTo>
                    <a:pt x="47" y="2037"/>
                  </a:lnTo>
                  <a:lnTo>
                    <a:pt x="60" y="1979"/>
                  </a:lnTo>
                  <a:lnTo>
                    <a:pt x="74" y="1923"/>
                  </a:lnTo>
                  <a:lnTo>
                    <a:pt x="90" y="1866"/>
                  </a:lnTo>
                  <a:lnTo>
                    <a:pt x="106" y="1810"/>
                  </a:lnTo>
                  <a:lnTo>
                    <a:pt x="124" y="1755"/>
                  </a:lnTo>
                  <a:lnTo>
                    <a:pt x="144" y="1700"/>
                  </a:lnTo>
                  <a:lnTo>
                    <a:pt x="164" y="1646"/>
                  </a:lnTo>
                  <a:lnTo>
                    <a:pt x="185" y="1592"/>
                  </a:lnTo>
                  <a:lnTo>
                    <a:pt x="209" y="1539"/>
                  </a:lnTo>
                  <a:lnTo>
                    <a:pt x="232" y="1486"/>
                  </a:lnTo>
                  <a:lnTo>
                    <a:pt x="258" y="1435"/>
                  </a:lnTo>
                  <a:lnTo>
                    <a:pt x="284" y="1384"/>
                  </a:lnTo>
                  <a:lnTo>
                    <a:pt x="312" y="1333"/>
                  </a:lnTo>
                  <a:lnTo>
                    <a:pt x="340" y="1283"/>
                  </a:lnTo>
                  <a:lnTo>
                    <a:pt x="370" y="1235"/>
                  </a:lnTo>
                  <a:lnTo>
                    <a:pt x="402" y="1186"/>
                  </a:lnTo>
                  <a:lnTo>
                    <a:pt x="433" y="1139"/>
                  </a:lnTo>
                  <a:lnTo>
                    <a:pt x="467" y="1091"/>
                  </a:lnTo>
                  <a:lnTo>
                    <a:pt x="501" y="1045"/>
                  </a:lnTo>
                  <a:lnTo>
                    <a:pt x="536" y="999"/>
                  </a:lnTo>
                  <a:lnTo>
                    <a:pt x="572" y="955"/>
                  </a:lnTo>
                  <a:lnTo>
                    <a:pt x="609" y="911"/>
                  </a:lnTo>
                  <a:lnTo>
                    <a:pt x="648" y="869"/>
                  </a:lnTo>
                  <a:lnTo>
                    <a:pt x="687" y="827"/>
                  </a:lnTo>
                  <a:lnTo>
                    <a:pt x="727" y="784"/>
                  </a:lnTo>
                  <a:lnTo>
                    <a:pt x="769" y="744"/>
                  </a:lnTo>
                  <a:lnTo>
                    <a:pt x="810" y="705"/>
                  </a:lnTo>
                  <a:lnTo>
                    <a:pt x="854" y="666"/>
                  </a:lnTo>
                  <a:lnTo>
                    <a:pt x="898" y="628"/>
                  </a:lnTo>
                  <a:lnTo>
                    <a:pt x="941" y="591"/>
                  </a:lnTo>
                  <a:lnTo>
                    <a:pt x="987" y="555"/>
                  </a:lnTo>
                  <a:lnTo>
                    <a:pt x="1033" y="521"/>
                  </a:lnTo>
                  <a:lnTo>
                    <a:pt x="1081" y="486"/>
                  </a:lnTo>
                  <a:lnTo>
                    <a:pt x="1129" y="454"/>
                  </a:lnTo>
                  <a:lnTo>
                    <a:pt x="1178" y="422"/>
                  </a:lnTo>
                  <a:lnTo>
                    <a:pt x="1228" y="391"/>
                  </a:lnTo>
                  <a:lnTo>
                    <a:pt x="1278" y="361"/>
                  </a:lnTo>
                  <a:lnTo>
                    <a:pt x="1328" y="332"/>
                  </a:lnTo>
                  <a:lnTo>
                    <a:pt x="1380" y="305"/>
                  </a:lnTo>
                  <a:lnTo>
                    <a:pt x="1433" y="278"/>
                  </a:lnTo>
                  <a:lnTo>
                    <a:pt x="1486" y="252"/>
                  </a:lnTo>
                  <a:lnTo>
                    <a:pt x="1539" y="228"/>
                  </a:lnTo>
                  <a:lnTo>
                    <a:pt x="1594" y="205"/>
                  </a:lnTo>
                  <a:lnTo>
                    <a:pt x="1649" y="183"/>
                  </a:lnTo>
                  <a:lnTo>
                    <a:pt x="1705" y="162"/>
                  </a:lnTo>
                  <a:lnTo>
                    <a:pt x="1761" y="142"/>
                  </a:lnTo>
                  <a:lnTo>
                    <a:pt x="1819" y="124"/>
                  </a:lnTo>
                  <a:lnTo>
                    <a:pt x="1876" y="106"/>
                  </a:lnTo>
                  <a:lnTo>
                    <a:pt x="1934" y="90"/>
                  </a:lnTo>
                  <a:lnTo>
                    <a:pt x="1993" y="76"/>
                  </a:lnTo>
                  <a:lnTo>
                    <a:pt x="2051" y="62"/>
                  </a:lnTo>
                  <a:lnTo>
                    <a:pt x="2111" y="50"/>
                  </a:lnTo>
                  <a:lnTo>
                    <a:pt x="2171" y="39"/>
                  </a:lnTo>
                  <a:lnTo>
                    <a:pt x="2232" y="30"/>
                  </a:lnTo>
                  <a:lnTo>
                    <a:pt x="2292" y="21"/>
                  </a:lnTo>
                  <a:lnTo>
                    <a:pt x="2354" y="14"/>
                  </a:lnTo>
                  <a:lnTo>
                    <a:pt x="2415" y="9"/>
                  </a:lnTo>
                  <a:lnTo>
                    <a:pt x="2478" y="5"/>
                  </a:lnTo>
                  <a:lnTo>
                    <a:pt x="2478" y="5"/>
                  </a:lnTo>
                  <a:lnTo>
                    <a:pt x="2478" y="5"/>
                  </a:lnTo>
                  <a:lnTo>
                    <a:pt x="2479" y="5"/>
                  </a:lnTo>
                  <a:lnTo>
                    <a:pt x="2481" y="5"/>
                  </a:lnTo>
                  <a:lnTo>
                    <a:pt x="2481" y="5"/>
                  </a:lnTo>
                  <a:lnTo>
                    <a:pt x="2482" y="5"/>
                  </a:lnTo>
                  <a:lnTo>
                    <a:pt x="2482" y="5"/>
                  </a:lnTo>
                  <a:lnTo>
                    <a:pt x="2482" y="5"/>
                  </a:lnTo>
                  <a:lnTo>
                    <a:pt x="2486" y="4"/>
                  </a:lnTo>
                  <a:lnTo>
                    <a:pt x="2486" y="4"/>
                  </a:lnTo>
                  <a:lnTo>
                    <a:pt x="2486" y="4"/>
                  </a:lnTo>
                  <a:lnTo>
                    <a:pt x="2488" y="4"/>
                  </a:lnTo>
                  <a:lnTo>
                    <a:pt x="2488" y="4"/>
                  </a:lnTo>
                  <a:lnTo>
                    <a:pt x="2488" y="4"/>
                  </a:lnTo>
                  <a:lnTo>
                    <a:pt x="2488" y="4"/>
                  </a:lnTo>
                  <a:lnTo>
                    <a:pt x="2490" y="4"/>
                  </a:lnTo>
                  <a:lnTo>
                    <a:pt x="2490" y="4"/>
                  </a:lnTo>
                  <a:lnTo>
                    <a:pt x="2491" y="4"/>
                  </a:lnTo>
                  <a:lnTo>
                    <a:pt x="2491" y="4"/>
                  </a:lnTo>
                  <a:lnTo>
                    <a:pt x="2492" y="4"/>
                  </a:lnTo>
                  <a:lnTo>
                    <a:pt x="2492" y="4"/>
                  </a:lnTo>
                  <a:lnTo>
                    <a:pt x="2492" y="4"/>
                  </a:lnTo>
                  <a:lnTo>
                    <a:pt x="2492" y="4"/>
                  </a:lnTo>
                  <a:lnTo>
                    <a:pt x="2494" y="4"/>
                  </a:lnTo>
                  <a:lnTo>
                    <a:pt x="2494" y="4"/>
                  </a:lnTo>
                  <a:lnTo>
                    <a:pt x="2494" y="4"/>
                  </a:lnTo>
                  <a:lnTo>
                    <a:pt x="2494" y="4"/>
                  </a:lnTo>
                  <a:lnTo>
                    <a:pt x="2496" y="4"/>
                  </a:lnTo>
                  <a:lnTo>
                    <a:pt x="2496" y="4"/>
                  </a:lnTo>
                  <a:lnTo>
                    <a:pt x="2496" y="4"/>
                  </a:lnTo>
                  <a:lnTo>
                    <a:pt x="2496" y="4"/>
                  </a:lnTo>
                  <a:lnTo>
                    <a:pt x="2499" y="4"/>
                  </a:lnTo>
                  <a:lnTo>
                    <a:pt x="2499" y="4"/>
                  </a:lnTo>
                  <a:lnTo>
                    <a:pt x="2499" y="4"/>
                  </a:lnTo>
                  <a:lnTo>
                    <a:pt x="2499" y="4"/>
                  </a:lnTo>
                  <a:lnTo>
                    <a:pt x="2502" y="4"/>
                  </a:lnTo>
                  <a:lnTo>
                    <a:pt x="2503" y="4"/>
                  </a:lnTo>
                  <a:lnTo>
                    <a:pt x="2503" y="4"/>
                  </a:lnTo>
                  <a:lnTo>
                    <a:pt x="2504" y="4"/>
                  </a:lnTo>
                  <a:lnTo>
                    <a:pt x="2504" y="4"/>
                  </a:lnTo>
                  <a:lnTo>
                    <a:pt x="2504" y="4"/>
                  </a:lnTo>
                  <a:lnTo>
                    <a:pt x="2504" y="4"/>
                  </a:lnTo>
                  <a:lnTo>
                    <a:pt x="2506" y="4"/>
                  </a:lnTo>
                  <a:lnTo>
                    <a:pt x="2506" y="4"/>
                  </a:lnTo>
                  <a:lnTo>
                    <a:pt x="2506" y="4"/>
                  </a:lnTo>
                  <a:lnTo>
                    <a:pt x="2506" y="4"/>
                  </a:lnTo>
                  <a:lnTo>
                    <a:pt x="2524" y="3"/>
                  </a:lnTo>
                  <a:lnTo>
                    <a:pt x="2524" y="3"/>
                  </a:lnTo>
                  <a:lnTo>
                    <a:pt x="2524" y="3"/>
                  </a:lnTo>
                  <a:lnTo>
                    <a:pt x="2527" y="3"/>
                  </a:lnTo>
                  <a:lnTo>
                    <a:pt x="2527" y="3"/>
                  </a:lnTo>
                  <a:lnTo>
                    <a:pt x="2527" y="3"/>
                  </a:lnTo>
                  <a:lnTo>
                    <a:pt x="2527" y="3"/>
                  </a:lnTo>
                  <a:lnTo>
                    <a:pt x="2529" y="3"/>
                  </a:lnTo>
                  <a:lnTo>
                    <a:pt x="2529" y="3"/>
                  </a:lnTo>
                  <a:lnTo>
                    <a:pt x="2529" y="3"/>
                  </a:lnTo>
                  <a:lnTo>
                    <a:pt x="2529" y="3"/>
                  </a:lnTo>
                  <a:lnTo>
                    <a:pt x="2530" y="3"/>
                  </a:lnTo>
                  <a:lnTo>
                    <a:pt x="2530" y="3"/>
                  </a:lnTo>
                  <a:lnTo>
                    <a:pt x="2531" y="3"/>
                  </a:lnTo>
                  <a:lnTo>
                    <a:pt x="2531" y="3"/>
                  </a:lnTo>
                  <a:lnTo>
                    <a:pt x="2532" y="3"/>
                  </a:lnTo>
                  <a:lnTo>
                    <a:pt x="2532" y="3"/>
                  </a:lnTo>
                  <a:lnTo>
                    <a:pt x="2533" y="3"/>
                  </a:lnTo>
                  <a:lnTo>
                    <a:pt x="2533" y="3"/>
                  </a:lnTo>
                  <a:lnTo>
                    <a:pt x="2534" y="3"/>
                  </a:lnTo>
                  <a:lnTo>
                    <a:pt x="2534" y="3"/>
                  </a:lnTo>
                  <a:lnTo>
                    <a:pt x="2536" y="3"/>
                  </a:lnTo>
                  <a:lnTo>
                    <a:pt x="2536" y="3"/>
                  </a:lnTo>
                  <a:lnTo>
                    <a:pt x="2537" y="1"/>
                  </a:lnTo>
                  <a:lnTo>
                    <a:pt x="2537" y="1"/>
                  </a:lnTo>
                  <a:lnTo>
                    <a:pt x="2537" y="1"/>
                  </a:lnTo>
                  <a:lnTo>
                    <a:pt x="2537" y="1"/>
                  </a:lnTo>
                  <a:lnTo>
                    <a:pt x="2539" y="1"/>
                  </a:lnTo>
                  <a:lnTo>
                    <a:pt x="2539" y="1"/>
                  </a:lnTo>
                  <a:lnTo>
                    <a:pt x="2539" y="1"/>
                  </a:lnTo>
                  <a:lnTo>
                    <a:pt x="2539" y="1"/>
                  </a:lnTo>
                  <a:lnTo>
                    <a:pt x="2540" y="1"/>
                  </a:lnTo>
                  <a:lnTo>
                    <a:pt x="2540" y="1"/>
                  </a:lnTo>
                  <a:lnTo>
                    <a:pt x="2541" y="1"/>
                  </a:lnTo>
                  <a:lnTo>
                    <a:pt x="2541" y="1"/>
                  </a:lnTo>
                  <a:lnTo>
                    <a:pt x="2542" y="1"/>
                  </a:lnTo>
                  <a:lnTo>
                    <a:pt x="2542" y="1"/>
                  </a:lnTo>
                  <a:lnTo>
                    <a:pt x="2543" y="1"/>
                  </a:lnTo>
                  <a:lnTo>
                    <a:pt x="2543" y="1"/>
                  </a:lnTo>
                  <a:lnTo>
                    <a:pt x="2544" y="1"/>
                  </a:lnTo>
                  <a:lnTo>
                    <a:pt x="2544" y="1"/>
                  </a:lnTo>
                  <a:lnTo>
                    <a:pt x="2546" y="1"/>
                  </a:lnTo>
                  <a:lnTo>
                    <a:pt x="2546" y="1"/>
                  </a:lnTo>
                  <a:lnTo>
                    <a:pt x="2547" y="1"/>
                  </a:lnTo>
                  <a:lnTo>
                    <a:pt x="2547" y="1"/>
                  </a:lnTo>
                  <a:lnTo>
                    <a:pt x="2548" y="1"/>
                  </a:lnTo>
                  <a:lnTo>
                    <a:pt x="2548" y="1"/>
                  </a:lnTo>
                  <a:lnTo>
                    <a:pt x="2549" y="1"/>
                  </a:lnTo>
                  <a:lnTo>
                    <a:pt x="2549" y="1"/>
                  </a:lnTo>
                  <a:lnTo>
                    <a:pt x="2549" y="1"/>
                  </a:lnTo>
                  <a:lnTo>
                    <a:pt x="2549" y="1"/>
                  </a:lnTo>
                  <a:lnTo>
                    <a:pt x="2551" y="1"/>
                  </a:lnTo>
                  <a:lnTo>
                    <a:pt x="2551" y="1"/>
                  </a:lnTo>
                  <a:lnTo>
                    <a:pt x="2551" y="1"/>
                  </a:lnTo>
                  <a:lnTo>
                    <a:pt x="2551" y="1"/>
                  </a:lnTo>
                  <a:lnTo>
                    <a:pt x="2552" y="1"/>
                  </a:lnTo>
                  <a:lnTo>
                    <a:pt x="2552" y="1"/>
                  </a:lnTo>
                  <a:lnTo>
                    <a:pt x="2553" y="1"/>
                  </a:lnTo>
                  <a:lnTo>
                    <a:pt x="2553" y="1"/>
                  </a:lnTo>
                  <a:lnTo>
                    <a:pt x="2555" y="1"/>
                  </a:lnTo>
                  <a:lnTo>
                    <a:pt x="2555" y="1"/>
                  </a:lnTo>
                  <a:lnTo>
                    <a:pt x="2556" y="1"/>
                  </a:lnTo>
                  <a:lnTo>
                    <a:pt x="2556" y="1"/>
                  </a:lnTo>
                  <a:lnTo>
                    <a:pt x="2557" y="1"/>
                  </a:lnTo>
                  <a:lnTo>
                    <a:pt x="2557" y="1"/>
                  </a:lnTo>
                  <a:lnTo>
                    <a:pt x="2558" y="1"/>
                  </a:lnTo>
                  <a:lnTo>
                    <a:pt x="2558" y="1"/>
                  </a:lnTo>
                  <a:lnTo>
                    <a:pt x="2559" y="1"/>
                  </a:lnTo>
                  <a:lnTo>
                    <a:pt x="2559" y="1"/>
                  </a:lnTo>
                  <a:lnTo>
                    <a:pt x="2560" y="1"/>
                  </a:lnTo>
                  <a:lnTo>
                    <a:pt x="2560" y="1"/>
                  </a:lnTo>
                  <a:lnTo>
                    <a:pt x="2561" y="1"/>
                  </a:lnTo>
                  <a:lnTo>
                    <a:pt x="2561" y="1"/>
                  </a:lnTo>
                  <a:lnTo>
                    <a:pt x="2562" y="1"/>
                  </a:lnTo>
                  <a:lnTo>
                    <a:pt x="2562" y="1"/>
                  </a:lnTo>
                  <a:lnTo>
                    <a:pt x="2564" y="1"/>
                  </a:lnTo>
                  <a:lnTo>
                    <a:pt x="2564" y="1"/>
                  </a:lnTo>
                  <a:lnTo>
                    <a:pt x="2565" y="1"/>
                  </a:lnTo>
                  <a:lnTo>
                    <a:pt x="2565" y="1"/>
                  </a:lnTo>
                  <a:lnTo>
                    <a:pt x="2566" y="1"/>
                  </a:lnTo>
                  <a:lnTo>
                    <a:pt x="2566" y="1"/>
                  </a:lnTo>
                  <a:lnTo>
                    <a:pt x="2566" y="1"/>
                  </a:lnTo>
                  <a:lnTo>
                    <a:pt x="2566" y="1"/>
                  </a:lnTo>
                  <a:lnTo>
                    <a:pt x="2567" y="1"/>
                  </a:lnTo>
                  <a:lnTo>
                    <a:pt x="2567" y="1"/>
                  </a:lnTo>
                  <a:lnTo>
                    <a:pt x="2568" y="1"/>
                  </a:lnTo>
                  <a:lnTo>
                    <a:pt x="2568" y="1"/>
                  </a:lnTo>
                  <a:lnTo>
                    <a:pt x="2569" y="1"/>
                  </a:lnTo>
                  <a:lnTo>
                    <a:pt x="2569" y="1"/>
                  </a:lnTo>
                  <a:lnTo>
                    <a:pt x="2571" y="1"/>
                  </a:lnTo>
                  <a:lnTo>
                    <a:pt x="2571" y="1"/>
                  </a:lnTo>
                  <a:lnTo>
                    <a:pt x="2571" y="1"/>
                  </a:lnTo>
                  <a:lnTo>
                    <a:pt x="2571" y="1"/>
                  </a:lnTo>
                  <a:lnTo>
                    <a:pt x="2573" y="1"/>
                  </a:lnTo>
                  <a:lnTo>
                    <a:pt x="2573" y="1"/>
                  </a:lnTo>
                  <a:lnTo>
                    <a:pt x="2575" y="1"/>
                  </a:lnTo>
                  <a:lnTo>
                    <a:pt x="2575" y="1"/>
                  </a:lnTo>
                  <a:lnTo>
                    <a:pt x="2576" y="1"/>
                  </a:lnTo>
                  <a:lnTo>
                    <a:pt x="2576" y="1"/>
                  </a:lnTo>
                  <a:lnTo>
                    <a:pt x="2577" y="0"/>
                  </a:lnTo>
                  <a:lnTo>
                    <a:pt x="2577" y="0"/>
                  </a:lnTo>
                  <a:lnTo>
                    <a:pt x="2578" y="0"/>
                  </a:lnTo>
                  <a:lnTo>
                    <a:pt x="2578" y="0"/>
                  </a:lnTo>
                  <a:lnTo>
                    <a:pt x="2578" y="0"/>
                  </a:lnTo>
                  <a:lnTo>
                    <a:pt x="2578" y="0"/>
                  </a:lnTo>
                  <a:lnTo>
                    <a:pt x="2579" y="0"/>
                  </a:lnTo>
                  <a:lnTo>
                    <a:pt x="2579" y="0"/>
                  </a:lnTo>
                  <a:lnTo>
                    <a:pt x="2580" y="0"/>
                  </a:lnTo>
                  <a:lnTo>
                    <a:pt x="2580" y="0"/>
                  </a:lnTo>
                  <a:lnTo>
                    <a:pt x="2582" y="0"/>
                  </a:lnTo>
                  <a:lnTo>
                    <a:pt x="2582" y="0"/>
                  </a:lnTo>
                  <a:lnTo>
                    <a:pt x="2583" y="0"/>
                  </a:lnTo>
                  <a:lnTo>
                    <a:pt x="2583" y="0"/>
                  </a:lnTo>
                  <a:lnTo>
                    <a:pt x="2584" y="0"/>
                  </a:lnTo>
                  <a:lnTo>
                    <a:pt x="2584" y="0"/>
                  </a:lnTo>
                  <a:lnTo>
                    <a:pt x="2585" y="0"/>
                  </a:lnTo>
                  <a:lnTo>
                    <a:pt x="2585" y="0"/>
                  </a:lnTo>
                  <a:lnTo>
                    <a:pt x="2586" y="0"/>
                  </a:lnTo>
                  <a:lnTo>
                    <a:pt x="2586" y="0"/>
                  </a:lnTo>
                  <a:lnTo>
                    <a:pt x="2587" y="0"/>
                  </a:lnTo>
                  <a:lnTo>
                    <a:pt x="2587" y="0"/>
                  </a:lnTo>
                  <a:lnTo>
                    <a:pt x="2588" y="0"/>
                  </a:lnTo>
                  <a:lnTo>
                    <a:pt x="2588" y="0"/>
                  </a:lnTo>
                  <a:lnTo>
                    <a:pt x="2589" y="0"/>
                  </a:lnTo>
                  <a:lnTo>
                    <a:pt x="2589" y="0"/>
                  </a:lnTo>
                  <a:lnTo>
                    <a:pt x="2590" y="0"/>
                  </a:lnTo>
                  <a:lnTo>
                    <a:pt x="2590" y="0"/>
                  </a:lnTo>
                  <a:lnTo>
                    <a:pt x="2592" y="0"/>
                  </a:lnTo>
                  <a:lnTo>
                    <a:pt x="2592" y="0"/>
                  </a:lnTo>
                  <a:lnTo>
                    <a:pt x="2593" y="0"/>
                  </a:lnTo>
                  <a:lnTo>
                    <a:pt x="2593" y="0"/>
                  </a:lnTo>
                  <a:lnTo>
                    <a:pt x="2594" y="0"/>
                  </a:lnTo>
                  <a:lnTo>
                    <a:pt x="2594" y="0"/>
                  </a:lnTo>
                  <a:lnTo>
                    <a:pt x="2594" y="0"/>
                  </a:lnTo>
                  <a:lnTo>
                    <a:pt x="2594" y="0"/>
                  </a:lnTo>
                  <a:lnTo>
                    <a:pt x="2595" y="0"/>
                  </a:lnTo>
                  <a:lnTo>
                    <a:pt x="2595" y="0"/>
                  </a:lnTo>
                  <a:lnTo>
                    <a:pt x="2596" y="0"/>
                  </a:lnTo>
                  <a:lnTo>
                    <a:pt x="2596" y="0"/>
                  </a:lnTo>
                  <a:lnTo>
                    <a:pt x="2597" y="0"/>
                  </a:lnTo>
                  <a:lnTo>
                    <a:pt x="2597" y="0"/>
                  </a:lnTo>
                  <a:lnTo>
                    <a:pt x="2598" y="0"/>
                  </a:lnTo>
                  <a:lnTo>
                    <a:pt x="2598" y="0"/>
                  </a:lnTo>
                  <a:lnTo>
                    <a:pt x="2599" y="0"/>
                  </a:lnTo>
                  <a:lnTo>
                    <a:pt x="2599" y="0"/>
                  </a:lnTo>
                  <a:lnTo>
                    <a:pt x="2601" y="0"/>
                  </a:lnTo>
                  <a:lnTo>
                    <a:pt x="2601" y="0"/>
                  </a:lnTo>
                  <a:lnTo>
                    <a:pt x="2602" y="0"/>
                  </a:lnTo>
                  <a:lnTo>
                    <a:pt x="2602" y="0"/>
                  </a:lnTo>
                  <a:lnTo>
                    <a:pt x="2603" y="0"/>
                  </a:lnTo>
                  <a:lnTo>
                    <a:pt x="2603" y="0"/>
                  </a:lnTo>
                  <a:lnTo>
                    <a:pt x="2604" y="0"/>
                  </a:lnTo>
                  <a:lnTo>
                    <a:pt x="2604" y="0"/>
                  </a:lnTo>
                  <a:lnTo>
                    <a:pt x="2605" y="0"/>
                  </a:lnTo>
                  <a:lnTo>
                    <a:pt x="2605" y="0"/>
                  </a:lnTo>
                  <a:lnTo>
                    <a:pt x="2606" y="0"/>
                  </a:lnTo>
                  <a:lnTo>
                    <a:pt x="2606" y="0"/>
                  </a:lnTo>
                  <a:lnTo>
                    <a:pt x="2607" y="0"/>
                  </a:lnTo>
                  <a:lnTo>
                    <a:pt x="2607" y="0"/>
                  </a:lnTo>
                  <a:lnTo>
                    <a:pt x="2608" y="0"/>
                  </a:lnTo>
                  <a:lnTo>
                    <a:pt x="2608" y="0"/>
                  </a:lnTo>
                  <a:lnTo>
                    <a:pt x="2608" y="0"/>
                  </a:lnTo>
                  <a:lnTo>
                    <a:pt x="2608" y="0"/>
                  </a:lnTo>
                  <a:lnTo>
                    <a:pt x="2610" y="0"/>
                  </a:lnTo>
                  <a:lnTo>
                    <a:pt x="2610" y="0"/>
                  </a:lnTo>
                  <a:lnTo>
                    <a:pt x="2611" y="0"/>
                  </a:lnTo>
                  <a:lnTo>
                    <a:pt x="2611" y="0"/>
                  </a:lnTo>
                  <a:lnTo>
                    <a:pt x="2612" y="0"/>
                  </a:lnTo>
                  <a:lnTo>
                    <a:pt x="2612" y="0"/>
                  </a:lnTo>
                  <a:lnTo>
                    <a:pt x="2613" y="0"/>
                  </a:lnTo>
                  <a:lnTo>
                    <a:pt x="2613" y="0"/>
                  </a:lnTo>
                  <a:lnTo>
                    <a:pt x="2614" y="0"/>
                  </a:lnTo>
                  <a:lnTo>
                    <a:pt x="2614" y="0"/>
                  </a:lnTo>
                  <a:lnTo>
                    <a:pt x="2615" y="0"/>
                  </a:lnTo>
                  <a:lnTo>
                    <a:pt x="2615" y="0"/>
                  </a:lnTo>
                  <a:lnTo>
                    <a:pt x="2616" y="0"/>
                  </a:lnTo>
                  <a:lnTo>
                    <a:pt x="2616" y="0"/>
                  </a:lnTo>
                  <a:lnTo>
                    <a:pt x="2617" y="0"/>
                  </a:lnTo>
                  <a:lnTo>
                    <a:pt x="2617" y="0"/>
                  </a:lnTo>
                  <a:lnTo>
                    <a:pt x="2619" y="0"/>
                  </a:lnTo>
                  <a:lnTo>
                    <a:pt x="2619" y="0"/>
                  </a:lnTo>
                  <a:lnTo>
                    <a:pt x="2620" y="0"/>
                  </a:lnTo>
                  <a:lnTo>
                    <a:pt x="2620" y="0"/>
                  </a:lnTo>
                  <a:lnTo>
                    <a:pt x="2621" y="0"/>
                  </a:lnTo>
                  <a:lnTo>
                    <a:pt x="2621" y="0"/>
                  </a:lnTo>
                  <a:lnTo>
                    <a:pt x="2622" y="0"/>
                  </a:lnTo>
                  <a:lnTo>
                    <a:pt x="2622" y="0"/>
                  </a:lnTo>
                  <a:lnTo>
                    <a:pt x="2623" y="0"/>
                  </a:lnTo>
                  <a:lnTo>
                    <a:pt x="2623" y="0"/>
                  </a:lnTo>
                  <a:lnTo>
                    <a:pt x="2624" y="0"/>
                  </a:lnTo>
                  <a:lnTo>
                    <a:pt x="2624" y="0"/>
                  </a:lnTo>
                  <a:lnTo>
                    <a:pt x="2624" y="0"/>
                  </a:lnTo>
                  <a:lnTo>
                    <a:pt x="2624" y="0"/>
                  </a:lnTo>
                  <a:lnTo>
                    <a:pt x="2626" y="0"/>
                  </a:lnTo>
                  <a:lnTo>
                    <a:pt x="2626" y="0"/>
                  </a:lnTo>
                  <a:lnTo>
                    <a:pt x="2626" y="0"/>
                  </a:lnTo>
                  <a:lnTo>
                    <a:pt x="2626" y="0"/>
                  </a:lnTo>
                  <a:lnTo>
                    <a:pt x="2629" y="0"/>
                  </a:lnTo>
                  <a:lnTo>
                    <a:pt x="2629" y="0"/>
                  </a:lnTo>
                  <a:lnTo>
                    <a:pt x="2629" y="0"/>
                  </a:lnTo>
                  <a:lnTo>
                    <a:pt x="2629" y="0"/>
                  </a:lnTo>
                  <a:lnTo>
                    <a:pt x="2631"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2" name="Freeform 292">
              <a:extLst>
                <a:ext uri="{FF2B5EF4-FFF2-40B4-BE49-F238E27FC236}">
                  <a16:creationId xmlns:a16="http://schemas.microsoft.com/office/drawing/2014/main" xmlns="" id="{C82066D4-6AFE-3C45-B8A1-0DCBD3DB7091}"/>
                </a:ext>
              </a:extLst>
            </p:cNvPr>
            <p:cNvSpPr>
              <a:spLocks/>
            </p:cNvSpPr>
            <p:nvPr/>
          </p:nvSpPr>
          <p:spPr bwMode="auto">
            <a:xfrm flipH="1">
              <a:off x="6899317" y="979354"/>
              <a:ext cx="4599165" cy="2181920"/>
            </a:xfrm>
            <a:custGeom>
              <a:avLst/>
              <a:gdLst>
                <a:gd name="T0" fmla="*/ 2638 w 5255"/>
                <a:gd name="T1" fmla="*/ 0 h 2390"/>
                <a:gd name="T2" fmla="*/ 2642 w 5255"/>
                <a:gd name="T3" fmla="*/ 0 h 2390"/>
                <a:gd name="T4" fmla="*/ 2649 w 5255"/>
                <a:gd name="T5" fmla="*/ 0 h 2390"/>
                <a:gd name="T6" fmla="*/ 2653 w 5255"/>
                <a:gd name="T7" fmla="*/ 0 h 2390"/>
                <a:gd name="T8" fmla="*/ 2660 w 5255"/>
                <a:gd name="T9" fmla="*/ 0 h 2390"/>
                <a:gd name="T10" fmla="*/ 2667 w 5255"/>
                <a:gd name="T11" fmla="*/ 0 h 2390"/>
                <a:gd name="T12" fmla="*/ 2675 w 5255"/>
                <a:gd name="T13" fmla="*/ 0 h 2390"/>
                <a:gd name="T14" fmla="*/ 2679 w 5255"/>
                <a:gd name="T15" fmla="*/ 0 h 2390"/>
                <a:gd name="T16" fmla="*/ 2686 w 5255"/>
                <a:gd name="T17" fmla="*/ 0 h 2390"/>
                <a:gd name="T18" fmla="*/ 2690 w 5255"/>
                <a:gd name="T19" fmla="*/ 1 h 2390"/>
                <a:gd name="T20" fmla="*/ 2697 w 5255"/>
                <a:gd name="T21" fmla="*/ 1 h 2390"/>
                <a:gd name="T22" fmla="*/ 2705 w 5255"/>
                <a:gd name="T23" fmla="*/ 1 h 2390"/>
                <a:gd name="T24" fmla="*/ 2712 w 5255"/>
                <a:gd name="T25" fmla="*/ 1 h 2390"/>
                <a:gd name="T26" fmla="*/ 2716 w 5255"/>
                <a:gd name="T27" fmla="*/ 1 h 2390"/>
                <a:gd name="T28" fmla="*/ 2723 w 5255"/>
                <a:gd name="T29" fmla="*/ 1 h 2390"/>
                <a:gd name="T30" fmla="*/ 2727 w 5255"/>
                <a:gd name="T31" fmla="*/ 3 h 2390"/>
                <a:gd name="T32" fmla="*/ 2733 w 5255"/>
                <a:gd name="T33" fmla="*/ 3 h 2390"/>
                <a:gd name="T34" fmla="*/ 2751 w 5255"/>
                <a:gd name="T35" fmla="*/ 3 h 2390"/>
                <a:gd name="T36" fmla="*/ 2757 w 5255"/>
                <a:gd name="T37" fmla="*/ 4 h 2390"/>
                <a:gd name="T38" fmla="*/ 3182 w 5255"/>
                <a:gd name="T39" fmla="*/ 57 h 2390"/>
                <a:gd name="T40" fmla="*/ 3793 w 5255"/>
                <a:gd name="T41" fmla="*/ 261 h 2390"/>
                <a:gd name="T42" fmla="*/ 4327 w 5255"/>
                <a:gd name="T43" fmla="*/ 597 h 2390"/>
                <a:gd name="T44" fmla="*/ 4760 w 5255"/>
                <a:gd name="T45" fmla="*/ 1044 h 2390"/>
                <a:gd name="T46" fmla="*/ 5072 w 5255"/>
                <a:gd name="T47" fmla="*/ 1581 h 2390"/>
                <a:gd name="T48" fmla="*/ 5241 w 5255"/>
                <a:gd name="T49" fmla="*/ 2188 h 2390"/>
                <a:gd name="T50" fmla="*/ 4984 w 5255"/>
                <a:gd name="T51" fmla="*/ 2044 h 2390"/>
                <a:gd name="T52" fmla="*/ 4187 w 5255"/>
                <a:gd name="T53" fmla="*/ 1590 h 2390"/>
                <a:gd name="T54" fmla="*/ 3173 w 5255"/>
                <a:gd name="T55" fmla="*/ 1345 h 2390"/>
                <a:gd name="T56" fmla="*/ 2127 w 5255"/>
                <a:gd name="T57" fmla="*/ 1348 h 2390"/>
                <a:gd name="T58" fmla="*/ 1074 w 5255"/>
                <a:gd name="T59" fmla="*/ 1615 h 2390"/>
                <a:gd name="T60" fmla="*/ 456 w 5255"/>
                <a:gd name="T61" fmla="*/ 1954 h 2390"/>
                <a:gd name="T62" fmla="*/ 123 w 5255"/>
                <a:gd name="T63" fmla="*/ 2244 h 2390"/>
                <a:gd name="T64" fmla="*/ 36 w 5255"/>
                <a:gd name="T65" fmla="*/ 2094 h 2390"/>
                <a:gd name="T66" fmla="*/ 232 w 5255"/>
                <a:gd name="T67" fmla="*/ 1486 h 2390"/>
                <a:gd name="T68" fmla="*/ 572 w 5255"/>
                <a:gd name="T69" fmla="*/ 955 h 2390"/>
                <a:gd name="T70" fmla="*/ 1033 w 5255"/>
                <a:gd name="T71" fmla="*/ 521 h 2390"/>
                <a:gd name="T72" fmla="*/ 1594 w 5255"/>
                <a:gd name="T73" fmla="*/ 205 h 2390"/>
                <a:gd name="T74" fmla="*/ 2232 w 5255"/>
                <a:gd name="T75" fmla="*/ 30 h 2390"/>
                <a:gd name="T76" fmla="*/ 2482 w 5255"/>
                <a:gd name="T77" fmla="*/ 5 h 2390"/>
                <a:gd name="T78" fmla="*/ 2491 w 5255"/>
                <a:gd name="T79" fmla="*/ 4 h 2390"/>
                <a:gd name="T80" fmla="*/ 2496 w 5255"/>
                <a:gd name="T81" fmla="*/ 4 h 2390"/>
                <a:gd name="T82" fmla="*/ 2504 w 5255"/>
                <a:gd name="T83" fmla="*/ 4 h 2390"/>
                <a:gd name="T84" fmla="*/ 2527 w 5255"/>
                <a:gd name="T85" fmla="*/ 3 h 2390"/>
                <a:gd name="T86" fmla="*/ 2532 w 5255"/>
                <a:gd name="T87" fmla="*/ 3 h 2390"/>
                <a:gd name="T88" fmla="*/ 2537 w 5255"/>
                <a:gd name="T89" fmla="*/ 1 h 2390"/>
                <a:gd name="T90" fmla="*/ 2543 w 5255"/>
                <a:gd name="T91" fmla="*/ 1 h 2390"/>
                <a:gd name="T92" fmla="*/ 2549 w 5255"/>
                <a:gd name="T93" fmla="*/ 1 h 2390"/>
                <a:gd name="T94" fmla="*/ 2555 w 5255"/>
                <a:gd name="T95" fmla="*/ 1 h 2390"/>
                <a:gd name="T96" fmla="*/ 2560 w 5255"/>
                <a:gd name="T97" fmla="*/ 1 h 2390"/>
                <a:gd name="T98" fmla="*/ 2566 w 5255"/>
                <a:gd name="T99" fmla="*/ 1 h 2390"/>
                <a:gd name="T100" fmla="*/ 2571 w 5255"/>
                <a:gd name="T101" fmla="*/ 1 h 2390"/>
                <a:gd name="T102" fmla="*/ 2578 w 5255"/>
                <a:gd name="T103" fmla="*/ 0 h 2390"/>
                <a:gd name="T104" fmla="*/ 2584 w 5255"/>
                <a:gd name="T105" fmla="*/ 0 h 2390"/>
                <a:gd name="T106" fmla="*/ 2590 w 5255"/>
                <a:gd name="T107" fmla="*/ 0 h 2390"/>
                <a:gd name="T108" fmla="*/ 2595 w 5255"/>
                <a:gd name="T109" fmla="*/ 0 h 2390"/>
                <a:gd name="T110" fmla="*/ 2602 w 5255"/>
                <a:gd name="T111" fmla="*/ 0 h 2390"/>
                <a:gd name="T112" fmla="*/ 2607 w 5255"/>
                <a:gd name="T113" fmla="*/ 0 h 2390"/>
                <a:gd name="T114" fmla="*/ 2613 w 5255"/>
                <a:gd name="T115" fmla="*/ 0 h 2390"/>
                <a:gd name="T116" fmla="*/ 2619 w 5255"/>
                <a:gd name="T117" fmla="*/ 0 h 2390"/>
                <a:gd name="T118" fmla="*/ 2624 w 5255"/>
                <a:gd name="T119" fmla="*/ 0 h 2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255" h="2390">
                  <a:moveTo>
                    <a:pt x="2631" y="0"/>
                  </a:moveTo>
                  <a:lnTo>
                    <a:pt x="2631" y="0"/>
                  </a:lnTo>
                  <a:lnTo>
                    <a:pt x="2633" y="0"/>
                  </a:lnTo>
                  <a:lnTo>
                    <a:pt x="2633" y="0"/>
                  </a:lnTo>
                  <a:lnTo>
                    <a:pt x="2633" y="0"/>
                  </a:lnTo>
                  <a:lnTo>
                    <a:pt x="2633" y="0"/>
                  </a:lnTo>
                  <a:lnTo>
                    <a:pt x="2635" y="0"/>
                  </a:lnTo>
                  <a:lnTo>
                    <a:pt x="2635" y="0"/>
                  </a:lnTo>
                  <a:lnTo>
                    <a:pt x="2635" y="0"/>
                  </a:lnTo>
                  <a:lnTo>
                    <a:pt x="2635" y="0"/>
                  </a:lnTo>
                  <a:lnTo>
                    <a:pt x="2638" y="0"/>
                  </a:lnTo>
                  <a:lnTo>
                    <a:pt x="2638" y="0"/>
                  </a:lnTo>
                  <a:lnTo>
                    <a:pt x="2638" y="0"/>
                  </a:lnTo>
                  <a:lnTo>
                    <a:pt x="2638" y="0"/>
                  </a:lnTo>
                  <a:lnTo>
                    <a:pt x="2639" y="0"/>
                  </a:lnTo>
                  <a:lnTo>
                    <a:pt x="2639" y="0"/>
                  </a:lnTo>
                  <a:lnTo>
                    <a:pt x="2640" y="0"/>
                  </a:lnTo>
                  <a:lnTo>
                    <a:pt x="2640" y="0"/>
                  </a:lnTo>
                  <a:lnTo>
                    <a:pt x="2641" y="0"/>
                  </a:lnTo>
                  <a:lnTo>
                    <a:pt x="2641" y="0"/>
                  </a:lnTo>
                  <a:lnTo>
                    <a:pt x="2642" y="0"/>
                  </a:lnTo>
                  <a:lnTo>
                    <a:pt x="2642" y="0"/>
                  </a:lnTo>
                  <a:lnTo>
                    <a:pt x="2643" y="0"/>
                  </a:lnTo>
                  <a:lnTo>
                    <a:pt x="2643" y="0"/>
                  </a:lnTo>
                  <a:lnTo>
                    <a:pt x="2644" y="0"/>
                  </a:lnTo>
                  <a:lnTo>
                    <a:pt x="2644" y="0"/>
                  </a:lnTo>
                  <a:lnTo>
                    <a:pt x="2645" y="0"/>
                  </a:lnTo>
                  <a:lnTo>
                    <a:pt x="2645" y="0"/>
                  </a:lnTo>
                  <a:lnTo>
                    <a:pt x="2647" y="0"/>
                  </a:lnTo>
                  <a:lnTo>
                    <a:pt x="2647" y="0"/>
                  </a:lnTo>
                  <a:lnTo>
                    <a:pt x="2648" y="0"/>
                  </a:lnTo>
                  <a:lnTo>
                    <a:pt x="2648" y="0"/>
                  </a:lnTo>
                  <a:lnTo>
                    <a:pt x="2649" y="0"/>
                  </a:lnTo>
                  <a:lnTo>
                    <a:pt x="2649" y="0"/>
                  </a:lnTo>
                  <a:lnTo>
                    <a:pt x="2650" y="0"/>
                  </a:lnTo>
                  <a:lnTo>
                    <a:pt x="2650" y="0"/>
                  </a:lnTo>
                  <a:lnTo>
                    <a:pt x="2651" y="0"/>
                  </a:lnTo>
                  <a:lnTo>
                    <a:pt x="2651" y="0"/>
                  </a:lnTo>
                  <a:lnTo>
                    <a:pt x="2651" y="0"/>
                  </a:lnTo>
                  <a:lnTo>
                    <a:pt x="2651" y="0"/>
                  </a:lnTo>
                  <a:lnTo>
                    <a:pt x="2652" y="0"/>
                  </a:lnTo>
                  <a:lnTo>
                    <a:pt x="2652" y="0"/>
                  </a:lnTo>
                  <a:lnTo>
                    <a:pt x="2653" y="0"/>
                  </a:lnTo>
                  <a:lnTo>
                    <a:pt x="2653" y="0"/>
                  </a:lnTo>
                  <a:lnTo>
                    <a:pt x="2654" y="0"/>
                  </a:lnTo>
                  <a:lnTo>
                    <a:pt x="2654" y="0"/>
                  </a:lnTo>
                  <a:lnTo>
                    <a:pt x="2656" y="0"/>
                  </a:lnTo>
                  <a:lnTo>
                    <a:pt x="2656" y="0"/>
                  </a:lnTo>
                  <a:lnTo>
                    <a:pt x="2657" y="0"/>
                  </a:lnTo>
                  <a:lnTo>
                    <a:pt x="2657" y="0"/>
                  </a:lnTo>
                  <a:lnTo>
                    <a:pt x="2658" y="0"/>
                  </a:lnTo>
                  <a:lnTo>
                    <a:pt x="2658" y="0"/>
                  </a:lnTo>
                  <a:lnTo>
                    <a:pt x="2659" y="0"/>
                  </a:lnTo>
                  <a:lnTo>
                    <a:pt x="2659" y="0"/>
                  </a:lnTo>
                  <a:lnTo>
                    <a:pt x="2660" y="0"/>
                  </a:lnTo>
                  <a:lnTo>
                    <a:pt x="2660" y="0"/>
                  </a:lnTo>
                  <a:lnTo>
                    <a:pt x="2661" y="0"/>
                  </a:lnTo>
                  <a:lnTo>
                    <a:pt x="2661" y="0"/>
                  </a:lnTo>
                  <a:lnTo>
                    <a:pt x="2662" y="0"/>
                  </a:lnTo>
                  <a:lnTo>
                    <a:pt x="2662" y="0"/>
                  </a:lnTo>
                  <a:lnTo>
                    <a:pt x="2663" y="0"/>
                  </a:lnTo>
                  <a:lnTo>
                    <a:pt x="2663" y="0"/>
                  </a:lnTo>
                  <a:lnTo>
                    <a:pt x="2667" y="0"/>
                  </a:lnTo>
                  <a:lnTo>
                    <a:pt x="2667" y="0"/>
                  </a:lnTo>
                  <a:lnTo>
                    <a:pt x="2667" y="0"/>
                  </a:lnTo>
                  <a:lnTo>
                    <a:pt x="2667" y="0"/>
                  </a:lnTo>
                  <a:lnTo>
                    <a:pt x="2669" y="0"/>
                  </a:lnTo>
                  <a:lnTo>
                    <a:pt x="2669" y="0"/>
                  </a:lnTo>
                  <a:lnTo>
                    <a:pt x="2670" y="0"/>
                  </a:lnTo>
                  <a:lnTo>
                    <a:pt x="2670" y="0"/>
                  </a:lnTo>
                  <a:lnTo>
                    <a:pt x="2671" y="0"/>
                  </a:lnTo>
                  <a:lnTo>
                    <a:pt x="2671" y="0"/>
                  </a:lnTo>
                  <a:lnTo>
                    <a:pt x="2672" y="0"/>
                  </a:lnTo>
                  <a:lnTo>
                    <a:pt x="2672" y="0"/>
                  </a:lnTo>
                  <a:lnTo>
                    <a:pt x="2674" y="0"/>
                  </a:lnTo>
                  <a:lnTo>
                    <a:pt x="2674" y="0"/>
                  </a:lnTo>
                  <a:lnTo>
                    <a:pt x="2675" y="0"/>
                  </a:lnTo>
                  <a:lnTo>
                    <a:pt x="2675" y="0"/>
                  </a:lnTo>
                  <a:lnTo>
                    <a:pt x="2676" y="0"/>
                  </a:lnTo>
                  <a:lnTo>
                    <a:pt x="2676" y="0"/>
                  </a:lnTo>
                  <a:lnTo>
                    <a:pt x="2677" y="0"/>
                  </a:lnTo>
                  <a:lnTo>
                    <a:pt x="2677" y="0"/>
                  </a:lnTo>
                  <a:lnTo>
                    <a:pt x="2677" y="0"/>
                  </a:lnTo>
                  <a:lnTo>
                    <a:pt x="2677" y="0"/>
                  </a:lnTo>
                  <a:lnTo>
                    <a:pt x="2678" y="0"/>
                  </a:lnTo>
                  <a:lnTo>
                    <a:pt x="2678" y="0"/>
                  </a:lnTo>
                  <a:lnTo>
                    <a:pt x="2679" y="0"/>
                  </a:lnTo>
                  <a:lnTo>
                    <a:pt x="2679" y="0"/>
                  </a:lnTo>
                  <a:lnTo>
                    <a:pt x="2680" y="0"/>
                  </a:lnTo>
                  <a:lnTo>
                    <a:pt x="2680" y="0"/>
                  </a:lnTo>
                  <a:lnTo>
                    <a:pt x="2681" y="0"/>
                  </a:lnTo>
                  <a:lnTo>
                    <a:pt x="2681" y="0"/>
                  </a:lnTo>
                  <a:lnTo>
                    <a:pt x="2682" y="0"/>
                  </a:lnTo>
                  <a:lnTo>
                    <a:pt x="2682" y="0"/>
                  </a:lnTo>
                  <a:lnTo>
                    <a:pt x="2684" y="0"/>
                  </a:lnTo>
                  <a:lnTo>
                    <a:pt x="2684" y="0"/>
                  </a:lnTo>
                  <a:lnTo>
                    <a:pt x="2685" y="0"/>
                  </a:lnTo>
                  <a:lnTo>
                    <a:pt x="2685" y="0"/>
                  </a:lnTo>
                  <a:lnTo>
                    <a:pt x="2686" y="0"/>
                  </a:lnTo>
                  <a:lnTo>
                    <a:pt x="2686" y="0"/>
                  </a:lnTo>
                  <a:lnTo>
                    <a:pt x="2687" y="1"/>
                  </a:lnTo>
                  <a:lnTo>
                    <a:pt x="2687" y="1"/>
                  </a:lnTo>
                  <a:lnTo>
                    <a:pt x="2687" y="1"/>
                  </a:lnTo>
                  <a:lnTo>
                    <a:pt x="2687" y="1"/>
                  </a:lnTo>
                  <a:lnTo>
                    <a:pt x="2689" y="1"/>
                  </a:lnTo>
                  <a:lnTo>
                    <a:pt x="2689" y="1"/>
                  </a:lnTo>
                  <a:lnTo>
                    <a:pt x="2689" y="1"/>
                  </a:lnTo>
                  <a:lnTo>
                    <a:pt x="2689" y="1"/>
                  </a:lnTo>
                  <a:lnTo>
                    <a:pt x="2690" y="1"/>
                  </a:lnTo>
                  <a:lnTo>
                    <a:pt x="2690" y="1"/>
                  </a:lnTo>
                  <a:lnTo>
                    <a:pt x="2691" y="1"/>
                  </a:lnTo>
                  <a:lnTo>
                    <a:pt x="2691" y="1"/>
                  </a:lnTo>
                  <a:lnTo>
                    <a:pt x="2693" y="1"/>
                  </a:lnTo>
                  <a:lnTo>
                    <a:pt x="2693" y="1"/>
                  </a:lnTo>
                  <a:lnTo>
                    <a:pt x="2694" y="1"/>
                  </a:lnTo>
                  <a:lnTo>
                    <a:pt x="2694" y="1"/>
                  </a:lnTo>
                  <a:lnTo>
                    <a:pt x="2695" y="1"/>
                  </a:lnTo>
                  <a:lnTo>
                    <a:pt x="2695" y="1"/>
                  </a:lnTo>
                  <a:lnTo>
                    <a:pt x="2696" y="1"/>
                  </a:lnTo>
                  <a:lnTo>
                    <a:pt x="2696" y="1"/>
                  </a:lnTo>
                  <a:lnTo>
                    <a:pt x="2697" y="1"/>
                  </a:lnTo>
                  <a:lnTo>
                    <a:pt x="2697" y="1"/>
                  </a:lnTo>
                  <a:lnTo>
                    <a:pt x="2698" y="1"/>
                  </a:lnTo>
                  <a:lnTo>
                    <a:pt x="2698" y="1"/>
                  </a:lnTo>
                  <a:lnTo>
                    <a:pt x="2699" y="1"/>
                  </a:lnTo>
                  <a:lnTo>
                    <a:pt x="2699" y="1"/>
                  </a:lnTo>
                  <a:lnTo>
                    <a:pt x="2699" y="1"/>
                  </a:lnTo>
                  <a:lnTo>
                    <a:pt x="2699" y="1"/>
                  </a:lnTo>
                  <a:lnTo>
                    <a:pt x="2705" y="1"/>
                  </a:lnTo>
                  <a:lnTo>
                    <a:pt x="2705" y="1"/>
                  </a:lnTo>
                  <a:lnTo>
                    <a:pt x="2705" y="1"/>
                  </a:lnTo>
                  <a:lnTo>
                    <a:pt x="2705" y="1"/>
                  </a:lnTo>
                  <a:lnTo>
                    <a:pt x="2706" y="1"/>
                  </a:lnTo>
                  <a:lnTo>
                    <a:pt x="2706" y="1"/>
                  </a:lnTo>
                  <a:lnTo>
                    <a:pt x="2707" y="1"/>
                  </a:lnTo>
                  <a:lnTo>
                    <a:pt x="2707" y="1"/>
                  </a:lnTo>
                  <a:lnTo>
                    <a:pt x="2708" y="1"/>
                  </a:lnTo>
                  <a:lnTo>
                    <a:pt x="2708" y="1"/>
                  </a:lnTo>
                  <a:lnTo>
                    <a:pt x="2709" y="1"/>
                  </a:lnTo>
                  <a:lnTo>
                    <a:pt x="2709" y="1"/>
                  </a:lnTo>
                  <a:lnTo>
                    <a:pt x="2711" y="1"/>
                  </a:lnTo>
                  <a:lnTo>
                    <a:pt x="2711" y="1"/>
                  </a:lnTo>
                  <a:lnTo>
                    <a:pt x="2712" y="1"/>
                  </a:lnTo>
                  <a:lnTo>
                    <a:pt x="2712" y="1"/>
                  </a:lnTo>
                  <a:lnTo>
                    <a:pt x="2713" y="1"/>
                  </a:lnTo>
                  <a:lnTo>
                    <a:pt x="2713" y="1"/>
                  </a:lnTo>
                  <a:lnTo>
                    <a:pt x="2713" y="1"/>
                  </a:lnTo>
                  <a:lnTo>
                    <a:pt x="2713" y="1"/>
                  </a:lnTo>
                  <a:lnTo>
                    <a:pt x="2715" y="1"/>
                  </a:lnTo>
                  <a:lnTo>
                    <a:pt x="2715" y="1"/>
                  </a:lnTo>
                  <a:lnTo>
                    <a:pt x="2715" y="1"/>
                  </a:lnTo>
                  <a:lnTo>
                    <a:pt x="2715" y="1"/>
                  </a:lnTo>
                  <a:lnTo>
                    <a:pt x="2716" y="1"/>
                  </a:lnTo>
                  <a:lnTo>
                    <a:pt x="2716" y="1"/>
                  </a:lnTo>
                  <a:lnTo>
                    <a:pt x="2717" y="1"/>
                  </a:lnTo>
                  <a:lnTo>
                    <a:pt x="2717" y="1"/>
                  </a:lnTo>
                  <a:lnTo>
                    <a:pt x="2718" y="1"/>
                  </a:lnTo>
                  <a:lnTo>
                    <a:pt x="2718" y="1"/>
                  </a:lnTo>
                  <a:lnTo>
                    <a:pt x="2719" y="1"/>
                  </a:lnTo>
                  <a:lnTo>
                    <a:pt x="2719" y="1"/>
                  </a:lnTo>
                  <a:lnTo>
                    <a:pt x="2721" y="1"/>
                  </a:lnTo>
                  <a:lnTo>
                    <a:pt x="2721" y="1"/>
                  </a:lnTo>
                  <a:lnTo>
                    <a:pt x="2722" y="1"/>
                  </a:lnTo>
                  <a:lnTo>
                    <a:pt x="2722" y="1"/>
                  </a:lnTo>
                  <a:lnTo>
                    <a:pt x="2723" y="1"/>
                  </a:lnTo>
                  <a:lnTo>
                    <a:pt x="2723" y="1"/>
                  </a:lnTo>
                  <a:lnTo>
                    <a:pt x="2723" y="1"/>
                  </a:lnTo>
                  <a:lnTo>
                    <a:pt x="2723" y="1"/>
                  </a:lnTo>
                  <a:lnTo>
                    <a:pt x="2725" y="1"/>
                  </a:lnTo>
                  <a:lnTo>
                    <a:pt x="2725" y="1"/>
                  </a:lnTo>
                  <a:lnTo>
                    <a:pt x="2725" y="1"/>
                  </a:lnTo>
                  <a:lnTo>
                    <a:pt x="2725" y="1"/>
                  </a:lnTo>
                  <a:lnTo>
                    <a:pt x="2727" y="3"/>
                  </a:lnTo>
                  <a:lnTo>
                    <a:pt x="2727" y="3"/>
                  </a:lnTo>
                  <a:lnTo>
                    <a:pt x="2727" y="3"/>
                  </a:lnTo>
                  <a:lnTo>
                    <a:pt x="2727" y="3"/>
                  </a:lnTo>
                  <a:lnTo>
                    <a:pt x="2728" y="3"/>
                  </a:lnTo>
                  <a:lnTo>
                    <a:pt x="2728" y="3"/>
                  </a:lnTo>
                  <a:lnTo>
                    <a:pt x="2730" y="3"/>
                  </a:lnTo>
                  <a:lnTo>
                    <a:pt x="2730" y="3"/>
                  </a:lnTo>
                  <a:lnTo>
                    <a:pt x="2731" y="3"/>
                  </a:lnTo>
                  <a:lnTo>
                    <a:pt x="2731" y="3"/>
                  </a:lnTo>
                  <a:lnTo>
                    <a:pt x="2732" y="3"/>
                  </a:lnTo>
                  <a:lnTo>
                    <a:pt x="2732" y="3"/>
                  </a:lnTo>
                  <a:lnTo>
                    <a:pt x="2733" y="3"/>
                  </a:lnTo>
                  <a:lnTo>
                    <a:pt x="2733" y="3"/>
                  </a:lnTo>
                  <a:lnTo>
                    <a:pt x="2733" y="3"/>
                  </a:lnTo>
                  <a:lnTo>
                    <a:pt x="2733" y="3"/>
                  </a:lnTo>
                  <a:lnTo>
                    <a:pt x="2746" y="3"/>
                  </a:lnTo>
                  <a:lnTo>
                    <a:pt x="2746" y="3"/>
                  </a:lnTo>
                  <a:lnTo>
                    <a:pt x="2746" y="3"/>
                  </a:lnTo>
                  <a:lnTo>
                    <a:pt x="2749" y="3"/>
                  </a:lnTo>
                  <a:lnTo>
                    <a:pt x="2749" y="3"/>
                  </a:lnTo>
                  <a:lnTo>
                    <a:pt x="2749" y="3"/>
                  </a:lnTo>
                  <a:lnTo>
                    <a:pt x="2749" y="3"/>
                  </a:lnTo>
                  <a:lnTo>
                    <a:pt x="2751" y="3"/>
                  </a:lnTo>
                  <a:lnTo>
                    <a:pt x="2751" y="3"/>
                  </a:lnTo>
                  <a:lnTo>
                    <a:pt x="2751" y="3"/>
                  </a:lnTo>
                  <a:lnTo>
                    <a:pt x="2753" y="3"/>
                  </a:lnTo>
                  <a:lnTo>
                    <a:pt x="2753" y="3"/>
                  </a:lnTo>
                  <a:lnTo>
                    <a:pt x="2753" y="3"/>
                  </a:lnTo>
                  <a:lnTo>
                    <a:pt x="2753" y="3"/>
                  </a:lnTo>
                  <a:lnTo>
                    <a:pt x="2754" y="4"/>
                  </a:lnTo>
                  <a:lnTo>
                    <a:pt x="2754" y="4"/>
                  </a:lnTo>
                  <a:lnTo>
                    <a:pt x="2755" y="4"/>
                  </a:lnTo>
                  <a:lnTo>
                    <a:pt x="2755" y="4"/>
                  </a:lnTo>
                  <a:lnTo>
                    <a:pt x="2757" y="4"/>
                  </a:lnTo>
                  <a:lnTo>
                    <a:pt x="2757" y="4"/>
                  </a:lnTo>
                  <a:lnTo>
                    <a:pt x="2757" y="4"/>
                  </a:lnTo>
                  <a:lnTo>
                    <a:pt x="2757" y="4"/>
                  </a:lnTo>
                  <a:lnTo>
                    <a:pt x="2761" y="4"/>
                  </a:lnTo>
                  <a:lnTo>
                    <a:pt x="2761" y="4"/>
                  </a:lnTo>
                  <a:lnTo>
                    <a:pt x="2761" y="4"/>
                  </a:lnTo>
                  <a:lnTo>
                    <a:pt x="2822" y="7"/>
                  </a:lnTo>
                  <a:lnTo>
                    <a:pt x="2883" y="12"/>
                  </a:lnTo>
                  <a:lnTo>
                    <a:pt x="2944" y="18"/>
                  </a:lnTo>
                  <a:lnTo>
                    <a:pt x="3003" y="25"/>
                  </a:lnTo>
                  <a:lnTo>
                    <a:pt x="3064" y="35"/>
                  </a:lnTo>
                  <a:lnTo>
                    <a:pt x="3122" y="45"/>
                  </a:lnTo>
                  <a:lnTo>
                    <a:pt x="3182" y="57"/>
                  </a:lnTo>
                  <a:lnTo>
                    <a:pt x="3240" y="68"/>
                  </a:lnTo>
                  <a:lnTo>
                    <a:pt x="3297" y="82"/>
                  </a:lnTo>
                  <a:lnTo>
                    <a:pt x="3356" y="98"/>
                  </a:lnTo>
                  <a:lnTo>
                    <a:pt x="3412" y="114"/>
                  </a:lnTo>
                  <a:lnTo>
                    <a:pt x="3468" y="132"/>
                  </a:lnTo>
                  <a:lnTo>
                    <a:pt x="3524" y="151"/>
                  </a:lnTo>
                  <a:lnTo>
                    <a:pt x="3579" y="170"/>
                  </a:lnTo>
                  <a:lnTo>
                    <a:pt x="3634" y="192"/>
                  </a:lnTo>
                  <a:lnTo>
                    <a:pt x="3688" y="213"/>
                  </a:lnTo>
                  <a:lnTo>
                    <a:pt x="3740" y="237"/>
                  </a:lnTo>
                  <a:lnTo>
                    <a:pt x="3793" y="261"/>
                  </a:lnTo>
                  <a:lnTo>
                    <a:pt x="3846" y="287"/>
                  </a:lnTo>
                  <a:lnTo>
                    <a:pt x="3897" y="313"/>
                  </a:lnTo>
                  <a:lnTo>
                    <a:pt x="3948" y="341"/>
                  </a:lnTo>
                  <a:lnTo>
                    <a:pt x="3997" y="369"/>
                  </a:lnTo>
                  <a:lnTo>
                    <a:pt x="4047" y="399"/>
                  </a:lnTo>
                  <a:lnTo>
                    <a:pt x="4096" y="429"/>
                  </a:lnTo>
                  <a:lnTo>
                    <a:pt x="4143" y="460"/>
                  </a:lnTo>
                  <a:lnTo>
                    <a:pt x="4190" y="494"/>
                  </a:lnTo>
                  <a:lnTo>
                    <a:pt x="4236" y="527"/>
                  </a:lnTo>
                  <a:lnTo>
                    <a:pt x="4282" y="562"/>
                  </a:lnTo>
                  <a:lnTo>
                    <a:pt x="4327" y="597"/>
                  </a:lnTo>
                  <a:lnTo>
                    <a:pt x="4371" y="633"/>
                  </a:lnTo>
                  <a:lnTo>
                    <a:pt x="4413" y="671"/>
                  </a:lnTo>
                  <a:lnTo>
                    <a:pt x="4456" y="709"/>
                  </a:lnTo>
                  <a:lnTo>
                    <a:pt x="4496" y="748"/>
                  </a:lnTo>
                  <a:lnTo>
                    <a:pt x="4537" y="788"/>
                  </a:lnTo>
                  <a:lnTo>
                    <a:pt x="4576" y="829"/>
                  </a:lnTo>
                  <a:lnTo>
                    <a:pt x="4615" y="870"/>
                  </a:lnTo>
                  <a:lnTo>
                    <a:pt x="4652" y="912"/>
                  </a:lnTo>
                  <a:lnTo>
                    <a:pt x="4689" y="955"/>
                  </a:lnTo>
                  <a:lnTo>
                    <a:pt x="4725" y="999"/>
                  </a:lnTo>
                  <a:lnTo>
                    <a:pt x="4760" y="1044"/>
                  </a:lnTo>
                  <a:lnTo>
                    <a:pt x="4794" y="1089"/>
                  </a:lnTo>
                  <a:lnTo>
                    <a:pt x="4826" y="1135"/>
                  </a:lnTo>
                  <a:lnTo>
                    <a:pt x="4858" y="1182"/>
                  </a:lnTo>
                  <a:lnTo>
                    <a:pt x="4888" y="1229"/>
                  </a:lnTo>
                  <a:lnTo>
                    <a:pt x="4918" y="1278"/>
                  </a:lnTo>
                  <a:lnTo>
                    <a:pt x="4946" y="1327"/>
                  </a:lnTo>
                  <a:lnTo>
                    <a:pt x="4973" y="1376"/>
                  </a:lnTo>
                  <a:lnTo>
                    <a:pt x="5000" y="1427"/>
                  </a:lnTo>
                  <a:lnTo>
                    <a:pt x="5025" y="1478"/>
                  </a:lnTo>
                  <a:lnTo>
                    <a:pt x="5048" y="1530"/>
                  </a:lnTo>
                  <a:lnTo>
                    <a:pt x="5072" y="1581"/>
                  </a:lnTo>
                  <a:lnTo>
                    <a:pt x="5093" y="1633"/>
                  </a:lnTo>
                  <a:lnTo>
                    <a:pt x="5113" y="1687"/>
                  </a:lnTo>
                  <a:lnTo>
                    <a:pt x="5132" y="1740"/>
                  </a:lnTo>
                  <a:lnTo>
                    <a:pt x="5150" y="1795"/>
                  </a:lnTo>
                  <a:lnTo>
                    <a:pt x="5167" y="1849"/>
                  </a:lnTo>
                  <a:lnTo>
                    <a:pt x="5183" y="1905"/>
                  </a:lnTo>
                  <a:lnTo>
                    <a:pt x="5198" y="1960"/>
                  </a:lnTo>
                  <a:lnTo>
                    <a:pt x="5210" y="2017"/>
                  </a:lnTo>
                  <a:lnTo>
                    <a:pt x="5222" y="2074"/>
                  </a:lnTo>
                  <a:lnTo>
                    <a:pt x="5232" y="2131"/>
                  </a:lnTo>
                  <a:lnTo>
                    <a:pt x="5241" y="2188"/>
                  </a:lnTo>
                  <a:lnTo>
                    <a:pt x="5249" y="2247"/>
                  </a:lnTo>
                  <a:lnTo>
                    <a:pt x="5255" y="2305"/>
                  </a:lnTo>
                  <a:lnTo>
                    <a:pt x="5255" y="2305"/>
                  </a:lnTo>
                  <a:lnTo>
                    <a:pt x="5231" y="2277"/>
                  </a:lnTo>
                  <a:lnTo>
                    <a:pt x="5207" y="2250"/>
                  </a:lnTo>
                  <a:lnTo>
                    <a:pt x="5181" y="2223"/>
                  </a:lnTo>
                  <a:lnTo>
                    <a:pt x="5155" y="2197"/>
                  </a:lnTo>
                  <a:lnTo>
                    <a:pt x="5128" y="2170"/>
                  </a:lnTo>
                  <a:lnTo>
                    <a:pt x="5101" y="2144"/>
                  </a:lnTo>
                  <a:lnTo>
                    <a:pt x="5044" y="2093"/>
                  </a:lnTo>
                  <a:lnTo>
                    <a:pt x="4984" y="2044"/>
                  </a:lnTo>
                  <a:lnTo>
                    <a:pt x="4924" y="1995"/>
                  </a:lnTo>
                  <a:lnTo>
                    <a:pt x="4860" y="1947"/>
                  </a:lnTo>
                  <a:lnTo>
                    <a:pt x="4794" y="1902"/>
                  </a:lnTo>
                  <a:lnTo>
                    <a:pt x="4725" y="1858"/>
                  </a:lnTo>
                  <a:lnTo>
                    <a:pt x="4655" y="1815"/>
                  </a:lnTo>
                  <a:lnTo>
                    <a:pt x="4582" y="1774"/>
                  </a:lnTo>
                  <a:lnTo>
                    <a:pt x="4507" y="1734"/>
                  </a:lnTo>
                  <a:lnTo>
                    <a:pt x="4429" y="1695"/>
                  </a:lnTo>
                  <a:lnTo>
                    <a:pt x="4351" y="1658"/>
                  </a:lnTo>
                  <a:lnTo>
                    <a:pt x="4270" y="1623"/>
                  </a:lnTo>
                  <a:lnTo>
                    <a:pt x="4187" y="1590"/>
                  </a:lnTo>
                  <a:lnTo>
                    <a:pt x="4103" y="1559"/>
                  </a:lnTo>
                  <a:lnTo>
                    <a:pt x="4016" y="1528"/>
                  </a:lnTo>
                  <a:lnTo>
                    <a:pt x="3929" y="1500"/>
                  </a:lnTo>
                  <a:lnTo>
                    <a:pt x="3839" y="1474"/>
                  </a:lnTo>
                  <a:lnTo>
                    <a:pt x="3748" y="1450"/>
                  </a:lnTo>
                  <a:lnTo>
                    <a:pt x="3655" y="1427"/>
                  </a:lnTo>
                  <a:lnTo>
                    <a:pt x="3562" y="1406"/>
                  </a:lnTo>
                  <a:lnTo>
                    <a:pt x="3467" y="1388"/>
                  </a:lnTo>
                  <a:lnTo>
                    <a:pt x="3370" y="1372"/>
                  </a:lnTo>
                  <a:lnTo>
                    <a:pt x="3271" y="1358"/>
                  </a:lnTo>
                  <a:lnTo>
                    <a:pt x="3173" y="1345"/>
                  </a:lnTo>
                  <a:lnTo>
                    <a:pt x="3073" y="1335"/>
                  </a:lnTo>
                  <a:lnTo>
                    <a:pt x="2972" y="1328"/>
                  </a:lnTo>
                  <a:lnTo>
                    <a:pt x="2870" y="1321"/>
                  </a:lnTo>
                  <a:lnTo>
                    <a:pt x="2767" y="1318"/>
                  </a:lnTo>
                  <a:lnTo>
                    <a:pt x="2662" y="1317"/>
                  </a:lnTo>
                  <a:lnTo>
                    <a:pt x="2662" y="1317"/>
                  </a:lnTo>
                  <a:lnTo>
                    <a:pt x="2553" y="1318"/>
                  </a:lnTo>
                  <a:lnTo>
                    <a:pt x="2445" y="1322"/>
                  </a:lnTo>
                  <a:lnTo>
                    <a:pt x="2338" y="1329"/>
                  </a:lnTo>
                  <a:lnTo>
                    <a:pt x="2233" y="1337"/>
                  </a:lnTo>
                  <a:lnTo>
                    <a:pt x="2127" y="1348"/>
                  </a:lnTo>
                  <a:lnTo>
                    <a:pt x="2024" y="1361"/>
                  </a:lnTo>
                  <a:lnTo>
                    <a:pt x="1922" y="1377"/>
                  </a:lnTo>
                  <a:lnTo>
                    <a:pt x="1821" y="1396"/>
                  </a:lnTo>
                  <a:lnTo>
                    <a:pt x="1722" y="1415"/>
                  </a:lnTo>
                  <a:lnTo>
                    <a:pt x="1625" y="1438"/>
                  </a:lnTo>
                  <a:lnTo>
                    <a:pt x="1528" y="1463"/>
                  </a:lnTo>
                  <a:lnTo>
                    <a:pt x="1434" y="1489"/>
                  </a:lnTo>
                  <a:lnTo>
                    <a:pt x="1341" y="1518"/>
                  </a:lnTo>
                  <a:lnTo>
                    <a:pt x="1250" y="1548"/>
                  </a:lnTo>
                  <a:lnTo>
                    <a:pt x="1161" y="1580"/>
                  </a:lnTo>
                  <a:lnTo>
                    <a:pt x="1074" y="1615"/>
                  </a:lnTo>
                  <a:lnTo>
                    <a:pt x="989" y="1652"/>
                  </a:lnTo>
                  <a:lnTo>
                    <a:pt x="906" y="1689"/>
                  </a:lnTo>
                  <a:lnTo>
                    <a:pt x="825" y="1729"/>
                  </a:lnTo>
                  <a:lnTo>
                    <a:pt x="746" y="1771"/>
                  </a:lnTo>
                  <a:lnTo>
                    <a:pt x="670" y="1815"/>
                  </a:lnTo>
                  <a:lnTo>
                    <a:pt x="633" y="1837"/>
                  </a:lnTo>
                  <a:lnTo>
                    <a:pt x="596" y="1860"/>
                  </a:lnTo>
                  <a:lnTo>
                    <a:pt x="560" y="1883"/>
                  </a:lnTo>
                  <a:lnTo>
                    <a:pt x="524" y="1906"/>
                  </a:lnTo>
                  <a:lnTo>
                    <a:pt x="489" y="1930"/>
                  </a:lnTo>
                  <a:lnTo>
                    <a:pt x="456" y="1954"/>
                  </a:lnTo>
                  <a:lnTo>
                    <a:pt x="422" y="1979"/>
                  </a:lnTo>
                  <a:lnTo>
                    <a:pt x="388" y="2004"/>
                  </a:lnTo>
                  <a:lnTo>
                    <a:pt x="357" y="2030"/>
                  </a:lnTo>
                  <a:lnTo>
                    <a:pt x="324" y="2055"/>
                  </a:lnTo>
                  <a:lnTo>
                    <a:pt x="294" y="2081"/>
                  </a:lnTo>
                  <a:lnTo>
                    <a:pt x="264" y="2107"/>
                  </a:lnTo>
                  <a:lnTo>
                    <a:pt x="234" y="2134"/>
                  </a:lnTo>
                  <a:lnTo>
                    <a:pt x="206" y="2161"/>
                  </a:lnTo>
                  <a:lnTo>
                    <a:pt x="178" y="2189"/>
                  </a:lnTo>
                  <a:lnTo>
                    <a:pt x="149" y="2216"/>
                  </a:lnTo>
                  <a:lnTo>
                    <a:pt x="123" y="2244"/>
                  </a:lnTo>
                  <a:lnTo>
                    <a:pt x="97" y="2274"/>
                  </a:lnTo>
                  <a:lnTo>
                    <a:pt x="72" y="2302"/>
                  </a:lnTo>
                  <a:lnTo>
                    <a:pt x="47" y="2331"/>
                  </a:lnTo>
                  <a:lnTo>
                    <a:pt x="24" y="2360"/>
                  </a:lnTo>
                  <a:lnTo>
                    <a:pt x="0" y="2390"/>
                  </a:lnTo>
                  <a:lnTo>
                    <a:pt x="0" y="2390"/>
                  </a:lnTo>
                  <a:lnTo>
                    <a:pt x="5" y="2330"/>
                  </a:lnTo>
                  <a:lnTo>
                    <a:pt x="10" y="2270"/>
                  </a:lnTo>
                  <a:lnTo>
                    <a:pt x="17" y="2211"/>
                  </a:lnTo>
                  <a:lnTo>
                    <a:pt x="26" y="2153"/>
                  </a:lnTo>
                  <a:lnTo>
                    <a:pt x="36" y="2094"/>
                  </a:lnTo>
                  <a:lnTo>
                    <a:pt x="47" y="2037"/>
                  </a:lnTo>
                  <a:lnTo>
                    <a:pt x="60" y="1979"/>
                  </a:lnTo>
                  <a:lnTo>
                    <a:pt x="74" y="1923"/>
                  </a:lnTo>
                  <a:lnTo>
                    <a:pt x="90" y="1866"/>
                  </a:lnTo>
                  <a:lnTo>
                    <a:pt x="106" y="1810"/>
                  </a:lnTo>
                  <a:lnTo>
                    <a:pt x="124" y="1755"/>
                  </a:lnTo>
                  <a:lnTo>
                    <a:pt x="144" y="1700"/>
                  </a:lnTo>
                  <a:lnTo>
                    <a:pt x="164" y="1646"/>
                  </a:lnTo>
                  <a:lnTo>
                    <a:pt x="185" y="1592"/>
                  </a:lnTo>
                  <a:lnTo>
                    <a:pt x="209" y="1539"/>
                  </a:lnTo>
                  <a:lnTo>
                    <a:pt x="232" y="1486"/>
                  </a:lnTo>
                  <a:lnTo>
                    <a:pt x="258" y="1435"/>
                  </a:lnTo>
                  <a:lnTo>
                    <a:pt x="284" y="1384"/>
                  </a:lnTo>
                  <a:lnTo>
                    <a:pt x="312" y="1333"/>
                  </a:lnTo>
                  <a:lnTo>
                    <a:pt x="340" y="1283"/>
                  </a:lnTo>
                  <a:lnTo>
                    <a:pt x="370" y="1235"/>
                  </a:lnTo>
                  <a:lnTo>
                    <a:pt x="402" y="1186"/>
                  </a:lnTo>
                  <a:lnTo>
                    <a:pt x="433" y="1139"/>
                  </a:lnTo>
                  <a:lnTo>
                    <a:pt x="467" y="1091"/>
                  </a:lnTo>
                  <a:lnTo>
                    <a:pt x="501" y="1045"/>
                  </a:lnTo>
                  <a:lnTo>
                    <a:pt x="536" y="999"/>
                  </a:lnTo>
                  <a:lnTo>
                    <a:pt x="572" y="955"/>
                  </a:lnTo>
                  <a:lnTo>
                    <a:pt x="609" y="911"/>
                  </a:lnTo>
                  <a:lnTo>
                    <a:pt x="648" y="869"/>
                  </a:lnTo>
                  <a:lnTo>
                    <a:pt x="687" y="827"/>
                  </a:lnTo>
                  <a:lnTo>
                    <a:pt x="727" y="784"/>
                  </a:lnTo>
                  <a:lnTo>
                    <a:pt x="769" y="744"/>
                  </a:lnTo>
                  <a:lnTo>
                    <a:pt x="810" y="705"/>
                  </a:lnTo>
                  <a:lnTo>
                    <a:pt x="854" y="666"/>
                  </a:lnTo>
                  <a:lnTo>
                    <a:pt x="898" y="628"/>
                  </a:lnTo>
                  <a:lnTo>
                    <a:pt x="941" y="591"/>
                  </a:lnTo>
                  <a:lnTo>
                    <a:pt x="987" y="555"/>
                  </a:lnTo>
                  <a:lnTo>
                    <a:pt x="1033" y="521"/>
                  </a:lnTo>
                  <a:lnTo>
                    <a:pt x="1081" y="486"/>
                  </a:lnTo>
                  <a:lnTo>
                    <a:pt x="1129" y="454"/>
                  </a:lnTo>
                  <a:lnTo>
                    <a:pt x="1178" y="422"/>
                  </a:lnTo>
                  <a:lnTo>
                    <a:pt x="1228" y="391"/>
                  </a:lnTo>
                  <a:lnTo>
                    <a:pt x="1278" y="361"/>
                  </a:lnTo>
                  <a:lnTo>
                    <a:pt x="1328" y="332"/>
                  </a:lnTo>
                  <a:lnTo>
                    <a:pt x="1380" y="305"/>
                  </a:lnTo>
                  <a:lnTo>
                    <a:pt x="1433" y="278"/>
                  </a:lnTo>
                  <a:lnTo>
                    <a:pt x="1486" y="252"/>
                  </a:lnTo>
                  <a:lnTo>
                    <a:pt x="1539" y="228"/>
                  </a:lnTo>
                  <a:lnTo>
                    <a:pt x="1594" y="205"/>
                  </a:lnTo>
                  <a:lnTo>
                    <a:pt x="1649" y="183"/>
                  </a:lnTo>
                  <a:lnTo>
                    <a:pt x="1705" y="162"/>
                  </a:lnTo>
                  <a:lnTo>
                    <a:pt x="1761" y="142"/>
                  </a:lnTo>
                  <a:lnTo>
                    <a:pt x="1819" y="124"/>
                  </a:lnTo>
                  <a:lnTo>
                    <a:pt x="1876" y="106"/>
                  </a:lnTo>
                  <a:lnTo>
                    <a:pt x="1934" y="90"/>
                  </a:lnTo>
                  <a:lnTo>
                    <a:pt x="1993" y="76"/>
                  </a:lnTo>
                  <a:lnTo>
                    <a:pt x="2051" y="62"/>
                  </a:lnTo>
                  <a:lnTo>
                    <a:pt x="2111" y="50"/>
                  </a:lnTo>
                  <a:lnTo>
                    <a:pt x="2171" y="39"/>
                  </a:lnTo>
                  <a:lnTo>
                    <a:pt x="2232" y="30"/>
                  </a:lnTo>
                  <a:lnTo>
                    <a:pt x="2292" y="21"/>
                  </a:lnTo>
                  <a:lnTo>
                    <a:pt x="2354" y="14"/>
                  </a:lnTo>
                  <a:lnTo>
                    <a:pt x="2415" y="9"/>
                  </a:lnTo>
                  <a:lnTo>
                    <a:pt x="2478" y="5"/>
                  </a:lnTo>
                  <a:lnTo>
                    <a:pt x="2478" y="5"/>
                  </a:lnTo>
                  <a:lnTo>
                    <a:pt x="2478" y="5"/>
                  </a:lnTo>
                  <a:lnTo>
                    <a:pt x="2479" y="5"/>
                  </a:lnTo>
                  <a:lnTo>
                    <a:pt x="2481" y="5"/>
                  </a:lnTo>
                  <a:lnTo>
                    <a:pt x="2481" y="5"/>
                  </a:lnTo>
                  <a:lnTo>
                    <a:pt x="2482" y="5"/>
                  </a:lnTo>
                  <a:lnTo>
                    <a:pt x="2482" y="5"/>
                  </a:lnTo>
                  <a:lnTo>
                    <a:pt x="2482" y="5"/>
                  </a:lnTo>
                  <a:lnTo>
                    <a:pt x="2486" y="4"/>
                  </a:lnTo>
                  <a:lnTo>
                    <a:pt x="2486" y="4"/>
                  </a:lnTo>
                  <a:lnTo>
                    <a:pt x="2486" y="4"/>
                  </a:lnTo>
                  <a:lnTo>
                    <a:pt x="2488" y="4"/>
                  </a:lnTo>
                  <a:lnTo>
                    <a:pt x="2488" y="4"/>
                  </a:lnTo>
                  <a:lnTo>
                    <a:pt x="2488" y="4"/>
                  </a:lnTo>
                  <a:lnTo>
                    <a:pt x="2488" y="4"/>
                  </a:lnTo>
                  <a:lnTo>
                    <a:pt x="2490" y="4"/>
                  </a:lnTo>
                  <a:lnTo>
                    <a:pt x="2490" y="4"/>
                  </a:lnTo>
                  <a:lnTo>
                    <a:pt x="2491" y="4"/>
                  </a:lnTo>
                  <a:lnTo>
                    <a:pt x="2491" y="4"/>
                  </a:lnTo>
                  <a:lnTo>
                    <a:pt x="2492" y="4"/>
                  </a:lnTo>
                  <a:lnTo>
                    <a:pt x="2492" y="4"/>
                  </a:lnTo>
                  <a:lnTo>
                    <a:pt x="2492" y="4"/>
                  </a:lnTo>
                  <a:lnTo>
                    <a:pt x="2492" y="4"/>
                  </a:lnTo>
                  <a:lnTo>
                    <a:pt x="2494" y="4"/>
                  </a:lnTo>
                  <a:lnTo>
                    <a:pt x="2494" y="4"/>
                  </a:lnTo>
                  <a:lnTo>
                    <a:pt x="2494" y="4"/>
                  </a:lnTo>
                  <a:lnTo>
                    <a:pt x="2494" y="4"/>
                  </a:lnTo>
                  <a:lnTo>
                    <a:pt x="2496" y="4"/>
                  </a:lnTo>
                  <a:lnTo>
                    <a:pt x="2496" y="4"/>
                  </a:lnTo>
                  <a:lnTo>
                    <a:pt x="2496" y="4"/>
                  </a:lnTo>
                  <a:lnTo>
                    <a:pt x="2496" y="4"/>
                  </a:lnTo>
                  <a:lnTo>
                    <a:pt x="2499" y="4"/>
                  </a:lnTo>
                  <a:lnTo>
                    <a:pt x="2499" y="4"/>
                  </a:lnTo>
                  <a:lnTo>
                    <a:pt x="2499" y="4"/>
                  </a:lnTo>
                  <a:lnTo>
                    <a:pt x="2499" y="4"/>
                  </a:lnTo>
                  <a:lnTo>
                    <a:pt x="2502" y="4"/>
                  </a:lnTo>
                  <a:lnTo>
                    <a:pt x="2503" y="4"/>
                  </a:lnTo>
                  <a:lnTo>
                    <a:pt x="2503" y="4"/>
                  </a:lnTo>
                  <a:lnTo>
                    <a:pt x="2504" y="4"/>
                  </a:lnTo>
                  <a:lnTo>
                    <a:pt x="2504" y="4"/>
                  </a:lnTo>
                  <a:lnTo>
                    <a:pt x="2504" y="4"/>
                  </a:lnTo>
                  <a:lnTo>
                    <a:pt x="2504" y="4"/>
                  </a:lnTo>
                  <a:lnTo>
                    <a:pt x="2506" y="4"/>
                  </a:lnTo>
                  <a:lnTo>
                    <a:pt x="2506" y="4"/>
                  </a:lnTo>
                  <a:lnTo>
                    <a:pt x="2506" y="4"/>
                  </a:lnTo>
                  <a:lnTo>
                    <a:pt x="2506" y="4"/>
                  </a:lnTo>
                  <a:lnTo>
                    <a:pt x="2524" y="3"/>
                  </a:lnTo>
                  <a:lnTo>
                    <a:pt x="2524" y="3"/>
                  </a:lnTo>
                  <a:lnTo>
                    <a:pt x="2524" y="3"/>
                  </a:lnTo>
                  <a:lnTo>
                    <a:pt x="2527" y="3"/>
                  </a:lnTo>
                  <a:lnTo>
                    <a:pt x="2527" y="3"/>
                  </a:lnTo>
                  <a:lnTo>
                    <a:pt x="2527" y="3"/>
                  </a:lnTo>
                  <a:lnTo>
                    <a:pt x="2527" y="3"/>
                  </a:lnTo>
                  <a:lnTo>
                    <a:pt x="2529" y="3"/>
                  </a:lnTo>
                  <a:lnTo>
                    <a:pt x="2529" y="3"/>
                  </a:lnTo>
                  <a:lnTo>
                    <a:pt x="2529" y="3"/>
                  </a:lnTo>
                  <a:lnTo>
                    <a:pt x="2529" y="3"/>
                  </a:lnTo>
                  <a:lnTo>
                    <a:pt x="2530" y="3"/>
                  </a:lnTo>
                  <a:lnTo>
                    <a:pt x="2530" y="3"/>
                  </a:lnTo>
                  <a:lnTo>
                    <a:pt x="2531" y="3"/>
                  </a:lnTo>
                  <a:lnTo>
                    <a:pt x="2531" y="3"/>
                  </a:lnTo>
                  <a:lnTo>
                    <a:pt x="2532" y="3"/>
                  </a:lnTo>
                  <a:lnTo>
                    <a:pt x="2532" y="3"/>
                  </a:lnTo>
                  <a:lnTo>
                    <a:pt x="2533" y="3"/>
                  </a:lnTo>
                  <a:lnTo>
                    <a:pt x="2533" y="3"/>
                  </a:lnTo>
                  <a:lnTo>
                    <a:pt x="2534" y="3"/>
                  </a:lnTo>
                  <a:lnTo>
                    <a:pt x="2534" y="3"/>
                  </a:lnTo>
                  <a:lnTo>
                    <a:pt x="2536" y="3"/>
                  </a:lnTo>
                  <a:lnTo>
                    <a:pt x="2536" y="3"/>
                  </a:lnTo>
                  <a:lnTo>
                    <a:pt x="2537" y="1"/>
                  </a:lnTo>
                  <a:lnTo>
                    <a:pt x="2537" y="1"/>
                  </a:lnTo>
                  <a:lnTo>
                    <a:pt x="2537" y="1"/>
                  </a:lnTo>
                  <a:lnTo>
                    <a:pt x="2537" y="1"/>
                  </a:lnTo>
                  <a:lnTo>
                    <a:pt x="2539" y="1"/>
                  </a:lnTo>
                  <a:lnTo>
                    <a:pt x="2539" y="1"/>
                  </a:lnTo>
                  <a:lnTo>
                    <a:pt x="2539" y="1"/>
                  </a:lnTo>
                  <a:lnTo>
                    <a:pt x="2539" y="1"/>
                  </a:lnTo>
                  <a:lnTo>
                    <a:pt x="2540" y="1"/>
                  </a:lnTo>
                  <a:lnTo>
                    <a:pt x="2540" y="1"/>
                  </a:lnTo>
                  <a:lnTo>
                    <a:pt x="2541" y="1"/>
                  </a:lnTo>
                  <a:lnTo>
                    <a:pt x="2541" y="1"/>
                  </a:lnTo>
                  <a:lnTo>
                    <a:pt x="2542" y="1"/>
                  </a:lnTo>
                  <a:lnTo>
                    <a:pt x="2542" y="1"/>
                  </a:lnTo>
                  <a:lnTo>
                    <a:pt x="2543" y="1"/>
                  </a:lnTo>
                  <a:lnTo>
                    <a:pt x="2543" y="1"/>
                  </a:lnTo>
                  <a:lnTo>
                    <a:pt x="2544" y="1"/>
                  </a:lnTo>
                  <a:lnTo>
                    <a:pt x="2544" y="1"/>
                  </a:lnTo>
                  <a:lnTo>
                    <a:pt x="2546" y="1"/>
                  </a:lnTo>
                  <a:lnTo>
                    <a:pt x="2546" y="1"/>
                  </a:lnTo>
                  <a:lnTo>
                    <a:pt x="2547" y="1"/>
                  </a:lnTo>
                  <a:lnTo>
                    <a:pt x="2547" y="1"/>
                  </a:lnTo>
                  <a:lnTo>
                    <a:pt x="2548" y="1"/>
                  </a:lnTo>
                  <a:lnTo>
                    <a:pt x="2548" y="1"/>
                  </a:lnTo>
                  <a:lnTo>
                    <a:pt x="2549" y="1"/>
                  </a:lnTo>
                  <a:lnTo>
                    <a:pt x="2549" y="1"/>
                  </a:lnTo>
                  <a:lnTo>
                    <a:pt x="2549" y="1"/>
                  </a:lnTo>
                  <a:lnTo>
                    <a:pt x="2549" y="1"/>
                  </a:lnTo>
                  <a:lnTo>
                    <a:pt x="2551" y="1"/>
                  </a:lnTo>
                  <a:lnTo>
                    <a:pt x="2551" y="1"/>
                  </a:lnTo>
                  <a:lnTo>
                    <a:pt x="2551" y="1"/>
                  </a:lnTo>
                  <a:lnTo>
                    <a:pt x="2551" y="1"/>
                  </a:lnTo>
                  <a:lnTo>
                    <a:pt x="2552" y="1"/>
                  </a:lnTo>
                  <a:lnTo>
                    <a:pt x="2552" y="1"/>
                  </a:lnTo>
                  <a:lnTo>
                    <a:pt x="2553" y="1"/>
                  </a:lnTo>
                  <a:lnTo>
                    <a:pt x="2553" y="1"/>
                  </a:lnTo>
                  <a:lnTo>
                    <a:pt x="2555" y="1"/>
                  </a:lnTo>
                  <a:lnTo>
                    <a:pt x="2555" y="1"/>
                  </a:lnTo>
                  <a:lnTo>
                    <a:pt x="2556" y="1"/>
                  </a:lnTo>
                  <a:lnTo>
                    <a:pt x="2556" y="1"/>
                  </a:lnTo>
                  <a:lnTo>
                    <a:pt x="2557" y="1"/>
                  </a:lnTo>
                  <a:lnTo>
                    <a:pt x="2557" y="1"/>
                  </a:lnTo>
                  <a:lnTo>
                    <a:pt x="2558" y="1"/>
                  </a:lnTo>
                  <a:lnTo>
                    <a:pt x="2558" y="1"/>
                  </a:lnTo>
                  <a:lnTo>
                    <a:pt x="2559" y="1"/>
                  </a:lnTo>
                  <a:lnTo>
                    <a:pt x="2559" y="1"/>
                  </a:lnTo>
                  <a:lnTo>
                    <a:pt x="2560" y="1"/>
                  </a:lnTo>
                  <a:lnTo>
                    <a:pt x="2560" y="1"/>
                  </a:lnTo>
                  <a:lnTo>
                    <a:pt x="2561" y="1"/>
                  </a:lnTo>
                  <a:lnTo>
                    <a:pt x="2561" y="1"/>
                  </a:lnTo>
                  <a:lnTo>
                    <a:pt x="2562" y="1"/>
                  </a:lnTo>
                  <a:lnTo>
                    <a:pt x="2562" y="1"/>
                  </a:lnTo>
                  <a:lnTo>
                    <a:pt x="2564" y="1"/>
                  </a:lnTo>
                  <a:lnTo>
                    <a:pt x="2564" y="1"/>
                  </a:lnTo>
                  <a:lnTo>
                    <a:pt x="2565" y="1"/>
                  </a:lnTo>
                  <a:lnTo>
                    <a:pt x="2565" y="1"/>
                  </a:lnTo>
                  <a:lnTo>
                    <a:pt x="2566" y="1"/>
                  </a:lnTo>
                  <a:lnTo>
                    <a:pt x="2566" y="1"/>
                  </a:lnTo>
                  <a:lnTo>
                    <a:pt x="2566" y="1"/>
                  </a:lnTo>
                  <a:lnTo>
                    <a:pt x="2566" y="1"/>
                  </a:lnTo>
                  <a:lnTo>
                    <a:pt x="2567" y="1"/>
                  </a:lnTo>
                  <a:lnTo>
                    <a:pt x="2567" y="1"/>
                  </a:lnTo>
                  <a:lnTo>
                    <a:pt x="2568" y="1"/>
                  </a:lnTo>
                  <a:lnTo>
                    <a:pt x="2568" y="1"/>
                  </a:lnTo>
                  <a:lnTo>
                    <a:pt x="2569" y="1"/>
                  </a:lnTo>
                  <a:lnTo>
                    <a:pt x="2569" y="1"/>
                  </a:lnTo>
                  <a:lnTo>
                    <a:pt x="2571" y="1"/>
                  </a:lnTo>
                  <a:lnTo>
                    <a:pt x="2571" y="1"/>
                  </a:lnTo>
                  <a:lnTo>
                    <a:pt x="2571" y="1"/>
                  </a:lnTo>
                  <a:lnTo>
                    <a:pt x="2571" y="1"/>
                  </a:lnTo>
                  <a:lnTo>
                    <a:pt x="2573" y="1"/>
                  </a:lnTo>
                  <a:lnTo>
                    <a:pt x="2573" y="1"/>
                  </a:lnTo>
                  <a:lnTo>
                    <a:pt x="2575" y="1"/>
                  </a:lnTo>
                  <a:lnTo>
                    <a:pt x="2575" y="1"/>
                  </a:lnTo>
                  <a:lnTo>
                    <a:pt x="2576" y="1"/>
                  </a:lnTo>
                  <a:lnTo>
                    <a:pt x="2576" y="1"/>
                  </a:lnTo>
                  <a:lnTo>
                    <a:pt x="2577" y="0"/>
                  </a:lnTo>
                  <a:lnTo>
                    <a:pt x="2577" y="0"/>
                  </a:lnTo>
                  <a:lnTo>
                    <a:pt x="2578" y="0"/>
                  </a:lnTo>
                  <a:lnTo>
                    <a:pt x="2578" y="0"/>
                  </a:lnTo>
                  <a:lnTo>
                    <a:pt x="2578" y="0"/>
                  </a:lnTo>
                  <a:lnTo>
                    <a:pt x="2578" y="0"/>
                  </a:lnTo>
                  <a:lnTo>
                    <a:pt x="2579" y="0"/>
                  </a:lnTo>
                  <a:lnTo>
                    <a:pt x="2579" y="0"/>
                  </a:lnTo>
                  <a:lnTo>
                    <a:pt x="2580" y="0"/>
                  </a:lnTo>
                  <a:lnTo>
                    <a:pt x="2580" y="0"/>
                  </a:lnTo>
                  <a:lnTo>
                    <a:pt x="2582" y="0"/>
                  </a:lnTo>
                  <a:lnTo>
                    <a:pt x="2582" y="0"/>
                  </a:lnTo>
                  <a:lnTo>
                    <a:pt x="2583" y="0"/>
                  </a:lnTo>
                  <a:lnTo>
                    <a:pt x="2583" y="0"/>
                  </a:lnTo>
                  <a:lnTo>
                    <a:pt x="2584" y="0"/>
                  </a:lnTo>
                  <a:lnTo>
                    <a:pt x="2584" y="0"/>
                  </a:lnTo>
                  <a:lnTo>
                    <a:pt x="2585" y="0"/>
                  </a:lnTo>
                  <a:lnTo>
                    <a:pt x="2585" y="0"/>
                  </a:lnTo>
                  <a:lnTo>
                    <a:pt x="2586" y="0"/>
                  </a:lnTo>
                  <a:lnTo>
                    <a:pt x="2586" y="0"/>
                  </a:lnTo>
                  <a:lnTo>
                    <a:pt x="2587" y="0"/>
                  </a:lnTo>
                  <a:lnTo>
                    <a:pt x="2587" y="0"/>
                  </a:lnTo>
                  <a:lnTo>
                    <a:pt x="2588" y="0"/>
                  </a:lnTo>
                  <a:lnTo>
                    <a:pt x="2588" y="0"/>
                  </a:lnTo>
                  <a:lnTo>
                    <a:pt x="2589" y="0"/>
                  </a:lnTo>
                  <a:lnTo>
                    <a:pt x="2589" y="0"/>
                  </a:lnTo>
                  <a:lnTo>
                    <a:pt x="2590" y="0"/>
                  </a:lnTo>
                  <a:lnTo>
                    <a:pt x="2590" y="0"/>
                  </a:lnTo>
                  <a:lnTo>
                    <a:pt x="2592" y="0"/>
                  </a:lnTo>
                  <a:lnTo>
                    <a:pt x="2592" y="0"/>
                  </a:lnTo>
                  <a:lnTo>
                    <a:pt x="2593" y="0"/>
                  </a:lnTo>
                  <a:lnTo>
                    <a:pt x="2593" y="0"/>
                  </a:lnTo>
                  <a:lnTo>
                    <a:pt x="2594" y="0"/>
                  </a:lnTo>
                  <a:lnTo>
                    <a:pt x="2594" y="0"/>
                  </a:lnTo>
                  <a:lnTo>
                    <a:pt x="2594" y="0"/>
                  </a:lnTo>
                  <a:lnTo>
                    <a:pt x="2594" y="0"/>
                  </a:lnTo>
                  <a:lnTo>
                    <a:pt x="2595" y="0"/>
                  </a:lnTo>
                  <a:lnTo>
                    <a:pt x="2595" y="0"/>
                  </a:lnTo>
                  <a:lnTo>
                    <a:pt x="2596" y="0"/>
                  </a:lnTo>
                  <a:lnTo>
                    <a:pt x="2596" y="0"/>
                  </a:lnTo>
                  <a:lnTo>
                    <a:pt x="2597" y="0"/>
                  </a:lnTo>
                  <a:lnTo>
                    <a:pt x="2597" y="0"/>
                  </a:lnTo>
                  <a:lnTo>
                    <a:pt x="2598" y="0"/>
                  </a:lnTo>
                  <a:lnTo>
                    <a:pt x="2598" y="0"/>
                  </a:lnTo>
                  <a:lnTo>
                    <a:pt x="2599" y="0"/>
                  </a:lnTo>
                  <a:lnTo>
                    <a:pt x="2599" y="0"/>
                  </a:lnTo>
                  <a:lnTo>
                    <a:pt x="2601" y="0"/>
                  </a:lnTo>
                  <a:lnTo>
                    <a:pt x="2601" y="0"/>
                  </a:lnTo>
                  <a:lnTo>
                    <a:pt x="2602" y="0"/>
                  </a:lnTo>
                  <a:lnTo>
                    <a:pt x="2602" y="0"/>
                  </a:lnTo>
                  <a:lnTo>
                    <a:pt x="2603" y="0"/>
                  </a:lnTo>
                  <a:lnTo>
                    <a:pt x="2603" y="0"/>
                  </a:lnTo>
                  <a:lnTo>
                    <a:pt x="2604" y="0"/>
                  </a:lnTo>
                  <a:lnTo>
                    <a:pt x="2604" y="0"/>
                  </a:lnTo>
                  <a:lnTo>
                    <a:pt x="2605" y="0"/>
                  </a:lnTo>
                  <a:lnTo>
                    <a:pt x="2605" y="0"/>
                  </a:lnTo>
                  <a:lnTo>
                    <a:pt x="2606" y="0"/>
                  </a:lnTo>
                  <a:lnTo>
                    <a:pt x="2606" y="0"/>
                  </a:lnTo>
                  <a:lnTo>
                    <a:pt x="2607" y="0"/>
                  </a:lnTo>
                  <a:lnTo>
                    <a:pt x="2607" y="0"/>
                  </a:lnTo>
                  <a:lnTo>
                    <a:pt x="2608" y="0"/>
                  </a:lnTo>
                  <a:lnTo>
                    <a:pt x="2608" y="0"/>
                  </a:lnTo>
                  <a:lnTo>
                    <a:pt x="2608" y="0"/>
                  </a:lnTo>
                  <a:lnTo>
                    <a:pt x="2608" y="0"/>
                  </a:lnTo>
                  <a:lnTo>
                    <a:pt x="2610" y="0"/>
                  </a:lnTo>
                  <a:lnTo>
                    <a:pt x="2610" y="0"/>
                  </a:lnTo>
                  <a:lnTo>
                    <a:pt x="2611" y="0"/>
                  </a:lnTo>
                  <a:lnTo>
                    <a:pt x="2611" y="0"/>
                  </a:lnTo>
                  <a:lnTo>
                    <a:pt x="2612" y="0"/>
                  </a:lnTo>
                  <a:lnTo>
                    <a:pt x="2612" y="0"/>
                  </a:lnTo>
                  <a:lnTo>
                    <a:pt x="2613" y="0"/>
                  </a:lnTo>
                  <a:lnTo>
                    <a:pt x="2613" y="0"/>
                  </a:lnTo>
                  <a:lnTo>
                    <a:pt x="2614" y="0"/>
                  </a:lnTo>
                  <a:lnTo>
                    <a:pt x="2614" y="0"/>
                  </a:lnTo>
                  <a:lnTo>
                    <a:pt x="2615" y="0"/>
                  </a:lnTo>
                  <a:lnTo>
                    <a:pt x="2615" y="0"/>
                  </a:lnTo>
                  <a:lnTo>
                    <a:pt x="2616" y="0"/>
                  </a:lnTo>
                  <a:lnTo>
                    <a:pt x="2616" y="0"/>
                  </a:lnTo>
                  <a:lnTo>
                    <a:pt x="2617" y="0"/>
                  </a:lnTo>
                  <a:lnTo>
                    <a:pt x="2617" y="0"/>
                  </a:lnTo>
                  <a:lnTo>
                    <a:pt x="2619" y="0"/>
                  </a:lnTo>
                  <a:lnTo>
                    <a:pt x="2619" y="0"/>
                  </a:lnTo>
                  <a:lnTo>
                    <a:pt x="2620" y="0"/>
                  </a:lnTo>
                  <a:lnTo>
                    <a:pt x="2620" y="0"/>
                  </a:lnTo>
                  <a:lnTo>
                    <a:pt x="2621" y="0"/>
                  </a:lnTo>
                  <a:lnTo>
                    <a:pt x="2621" y="0"/>
                  </a:lnTo>
                  <a:lnTo>
                    <a:pt x="2622" y="0"/>
                  </a:lnTo>
                  <a:lnTo>
                    <a:pt x="2622" y="0"/>
                  </a:lnTo>
                  <a:lnTo>
                    <a:pt x="2623" y="0"/>
                  </a:lnTo>
                  <a:lnTo>
                    <a:pt x="2623" y="0"/>
                  </a:lnTo>
                  <a:lnTo>
                    <a:pt x="2624" y="0"/>
                  </a:lnTo>
                  <a:lnTo>
                    <a:pt x="2624" y="0"/>
                  </a:lnTo>
                  <a:lnTo>
                    <a:pt x="2624" y="0"/>
                  </a:lnTo>
                  <a:lnTo>
                    <a:pt x="2624" y="0"/>
                  </a:lnTo>
                  <a:lnTo>
                    <a:pt x="2626" y="0"/>
                  </a:lnTo>
                  <a:lnTo>
                    <a:pt x="2626" y="0"/>
                  </a:lnTo>
                  <a:lnTo>
                    <a:pt x="2626" y="0"/>
                  </a:lnTo>
                  <a:lnTo>
                    <a:pt x="2626" y="0"/>
                  </a:lnTo>
                  <a:lnTo>
                    <a:pt x="2629" y="0"/>
                  </a:lnTo>
                  <a:lnTo>
                    <a:pt x="2629" y="0"/>
                  </a:lnTo>
                  <a:lnTo>
                    <a:pt x="2629" y="0"/>
                  </a:lnTo>
                  <a:lnTo>
                    <a:pt x="2629" y="0"/>
                  </a:lnTo>
                  <a:lnTo>
                    <a:pt x="2631"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3" name="Freeform 293">
              <a:extLst>
                <a:ext uri="{FF2B5EF4-FFF2-40B4-BE49-F238E27FC236}">
                  <a16:creationId xmlns:a16="http://schemas.microsoft.com/office/drawing/2014/main" xmlns="" id="{26E30D12-C651-E44C-B765-447AF06727C0}"/>
                </a:ext>
              </a:extLst>
            </p:cNvPr>
            <p:cNvSpPr>
              <a:spLocks/>
            </p:cNvSpPr>
            <p:nvPr/>
          </p:nvSpPr>
          <p:spPr bwMode="auto">
            <a:xfrm flipH="1">
              <a:off x="9078145" y="2810383"/>
              <a:ext cx="189007" cy="1939485"/>
            </a:xfrm>
            <a:custGeom>
              <a:avLst/>
              <a:gdLst>
                <a:gd name="T0" fmla="*/ 214 w 214"/>
                <a:gd name="T1" fmla="*/ 2 h 2132"/>
                <a:gd name="T2" fmla="*/ 0 w 214"/>
                <a:gd name="T3" fmla="*/ 0 h 2132"/>
                <a:gd name="T4" fmla="*/ 84 w 214"/>
                <a:gd name="T5" fmla="*/ 2132 h 2132"/>
                <a:gd name="T6" fmla="*/ 132 w 214"/>
                <a:gd name="T7" fmla="*/ 2132 h 2132"/>
                <a:gd name="T8" fmla="*/ 214 w 214"/>
                <a:gd name="T9" fmla="*/ 2 h 2132"/>
              </a:gdLst>
              <a:ahLst/>
              <a:cxnLst>
                <a:cxn ang="0">
                  <a:pos x="T0" y="T1"/>
                </a:cxn>
                <a:cxn ang="0">
                  <a:pos x="T2" y="T3"/>
                </a:cxn>
                <a:cxn ang="0">
                  <a:pos x="T4" y="T5"/>
                </a:cxn>
                <a:cxn ang="0">
                  <a:pos x="T6" y="T7"/>
                </a:cxn>
                <a:cxn ang="0">
                  <a:pos x="T8" y="T9"/>
                </a:cxn>
              </a:cxnLst>
              <a:rect l="0" t="0" r="r" b="b"/>
              <a:pathLst>
                <a:path w="214" h="2132">
                  <a:moveTo>
                    <a:pt x="214" y="2"/>
                  </a:moveTo>
                  <a:lnTo>
                    <a:pt x="0" y="0"/>
                  </a:lnTo>
                  <a:lnTo>
                    <a:pt x="84" y="2132"/>
                  </a:lnTo>
                  <a:lnTo>
                    <a:pt x="132" y="2132"/>
                  </a:lnTo>
                  <a:lnTo>
                    <a:pt x="214" y="2"/>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4" name="Freeform 294">
              <a:extLst>
                <a:ext uri="{FF2B5EF4-FFF2-40B4-BE49-F238E27FC236}">
                  <a16:creationId xmlns:a16="http://schemas.microsoft.com/office/drawing/2014/main" xmlns="" id="{AE10AD8A-D14F-5145-87AE-0CFD5CB14444}"/>
                </a:ext>
              </a:extLst>
            </p:cNvPr>
            <p:cNvSpPr>
              <a:spLocks/>
            </p:cNvSpPr>
            <p:nvPr/>
          </p:nvSpPr>
          <p:spPr bwMode="auto">
            <a:xfrm flipH="1">
              <a:off x="8658130" y="2727443"/>
              <a:ext cx="2278582" cy="829385"/>
            </a:xfrm>
            <a:custGeom>
              <a:avLst/>
              <a:gdLst>
                <a:gd name="T0" fmla="*/ 2556 w 2609"/>
                <a:gd name="T1" fmla="*/ 913 h 913"/>
                <a:gd name="T2" fmla="*/ 2609 w 2609"/>
                <a:gd name="T3" fmla="*/ 764 h 913"/>
                <a:gd name="T4" fmla="*/ 11 w 2609"/>
                <a:gd name="T5" fmla="*/ 0 h 913"/>
                <a:gd name="T6" fmla="*/ 0 w 2609"/>
                <a:gd name="T7" fmla="*/ 32 h 913"/>
                <a:gd name="T8" fmla="*/ 2556 w 2609"/>
                <a:gd name="T9" fmla="*/ 913 h 913"/>
              </a:gdLst>
              <a:ahLst/>
              <a:cxnLst>
                <a:cxn ang="0">
                  <a:pos x="T0" y="T1"/>
                </a:cxn>
                <a:cxn ang="0">
                  <a:pos x="T2" y="T3"/>
                </a:cxn>
                <a:cxn ang="0">
                  <a:pos x="T4" y="T5"/>
                </a:cxn>
                <a:cxn ang="0">
                  <a:pos x="T6" y="T7"/>
                </a:cxn>
                <a:cxn ang="0">
                  <a:pos x="T8" y="T9"/>
                </a:cxn>
              </a:cxnLst>
              <a:rect l="0" t="0" r="r" b="b"/>
              <a:pathLst>
                <a:path w="2609" h="913">
                  <a:moveTo>
                    <a:pt x="2556" y="913"/>
                  </a:moveTo>
                  <a:lnTo>
                    <a:pt x="2609" y="764"/>
                  </a:lnTo>
                  <a:lnTo>
                    <a:pt x="11" y="0"/>
                  </a:lnTo>
                  <a:lnTo>
                    <a:pt x="0" y="32"/>
                  </a:lnTo>
                  <a:lnTo>
                    <a:pt x="2556" y="913"/>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5" name="Freeform 295">
              <a:extLst>
                <a:ext uri="{FF2B5EF4-FFF2-40B4-BE49-F238E27FC236}">
                  <a16:creationId xmlns:a16="http://schemas.microsoft.com/office/drawing/2014/main" xmlns="" id="{5D351CE8-E2E4-6C41-A2B1-DB2B06AE9011}"/>
                </a:ext>
              </a:extLst>
            </p:cNvPr>
            <p:cNvSpPr>
              <a:spLocks/>
            </p:cNvSpPr>
            <p:nvPr/>
          </p:nvSpPr>
          <p:spPr bwMode="auto">
            <a:xfrm flipH="1">
              <a:off x="7886352" y="1987376"/>
              <a:ext cx="1585557" cy="1677909"/>
            </a:xfrm>
            <a:custGeom>
              <a:avLst/>
              <a:gdLst>
                <a:gd name="T0" fmla="*/ 51 w 1813"/>
                <a:gd name="T1" fmla="*/ 1843 h 1843"/>
                <a:gd name="T2" fmla="*/ 1813 w 1813"/>
                <a:gd name="T3" fmla="*/ 0 h 1843"/>
                <a:gd name="T4" fmla="*/ 0 w 1813"/>
                <a:gd name="T5" fmla="*/ 1797 h 1843"/>
                <a:gd name="T6" fmla="*/ 51 w 1813"/>
                <a:gd name="T7" fmla="*/ 1843 h 1843"/>
              </a:gdLst>
              <a:ahLst/>
              <a:cxnLst>
                <a:cxn ang="0">
                  <a:pos x="T0" y="T1"/>
                </a:cxn>
                <a:cxn ang="0">
                  <a:pos x="T2" y="T3"/>
                </a:cxn>
                <a:cxn ang="0">
                  <a:pos x="T4" y="T5"/>
                </a:cxn>
                <a:cxn ang="0">
                  <a:pos x="T6" y="T7"/>
                </a:cxn>
              </a:cxnLst>
              <a:rect l="0" t="0" r="r" b="b"/>
              <a:pathLst>
                <a:path w="1813" h="1843">
                  <a:moveTo>
                    <a:pt x="51" y="1843"/>
                  </a:moveTo>
                  <a:lnTo>
                    <a:pt x="1813" y="0"/>
                  </a:lnTo>
                  <a:lnTo>
                    <a:pt x="0" y="1797"/>
                  </a:lnTo>
                  <a:lnTo>
                    <a:pt x="51" y="1843"/>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6" name="Freeform 296">
              <a:extLst>
                <a:ext uri="{FF2B5EF4-FFF2-40B4-BE49-F238E27FC236}">
                  <a16:creationId xmlns:a16="http://schemas.microsoft.com/office/drawing/2014/main" xmlns="" id="{9B2C6673-21B8-784D-B5CF-3ADDA05CB907}"/>
                </a:ext>
              </a:extLst>
            </p:cNvPr>
            <p:cNvSpPr>
              <a:spLocks/>
            </p:cNvSpPr>
            <p:nvPr/>
          </p:nvSpPr>
          <p:spPr bwMode="auto">
            <a:xfrm flipH="1">
              <a:off x="8983641" y="3116615"/>
              <a:ext cx="378014" cy="376412"/>
            </a:xfrm>
            <a:custGeom>
              <a:avLst/>
              <a:gdLst>
                <a:gd name="T0" fmla="*/ 0 w 432"/>
                <a:gd name="T1" fmla="*/ 208 h 416"/>
                <a:gd name="T2" fmla="*/ 5 w 432"/>
                <a:gd name="T3" fmla="*/ 249 h 416"/>
                <a:gd name="T4" fmla="*/ 17 w 432"/>
                <a:gd name="T5" fmla="*/ 289 h 416"/>
                <a:gd name="T6" fmla="*/ 37 w 432"/>
                <a:gd name="T7" fmla="*/ 324 h 416"/>
                <a:gd name="T8" fmla="*/ 63 w 432"/>
                <a:gd name="T9" fmla="*/ 355 h 416"/>
                <a:gd name="T10" fmla="*/ 96 w 432"/>
                <a:gd name="T11" fmla="*/ 380 h 416"/>
                <a:gd name="T12" fmla="*/ 131 w 432"/>
                <a:gd name="T13" fmla="*/ 399 h 416"/>
                <a:gd name="T14" fmla="*/ 173 w 432"/>
                <a:gd name="T15" fmla="*/ 411 h 416"/>
                <a:gd name="T16" fmla="*/ 216 w 432"/>
                <a:gd name="T17" fmla="*/ 416 h 416"/>
                <a:gd name="T18" fmla="*/ 238 w 432"/>
                <a:gd name="T19" fmla="*/ 414 h 416"/>
                <a:gd name="T20" fmla="*/ 279 w 432"/>
                <a:gd name="T21" fmla="*/ 406 h 416"/>
                <a:gd name="T22" fmla="*/ 319 w 432"/>
                <a:gd name="T23" fmla="*/ 391 h 416"/>
                <a:gd name="T24" fmla="*/ 354 w 432"/>
                <a:gd name="T25" fmla="*/ 368 h 416"/>
                <a:gd name="T26" fmla="*/ 383 w 432"/>
                <a:gd name="T27" fmla="*/ 340 h 416"/>
                <a:gd name="T28" fmla="*/ 405 w 432"/>
                <a:gd name="T29" fmla="*/ 306 h 416"/>
                <a:gd name="T30" fmla="*/ 422 w 432"/>
                <a:gd name="T31" fmla="*/ 270 h 416"/>
                <a:gd name="T32" fmla="*/ 431 w 432"/>
                <a:gd name="T33" fmla="*/ 229 h 416"/>
                <a:gd name="T34" fmla="*/ 432 w 432"/>
                <a:gd name="T35" fmla="*/ 208 h 416"/>
                <a:gd name="T36" fmla="*/ 428 w 432"/>
                <a:gd name="T37" fmla="*/ 166 h 416"/>
                <a:gd name="T38" fmla="*/ 414 w 432"/>
                <a:gd name="T39" fmla="*/ 127 h 416"/>
                <a:gd name="T40" fmla="*/ 395 w 432"/>
                <a:gd name="T41" fmla="*/ 92 h 416"/>
                <a:gd name="T42" fmla="*/ 368 w 432"/>
                <a:gd name="T43" fmla="*/ 61 h 416"/>
                <a:gd name="T44" fmla="*/ 337 w 432"/>
                <a:gd name="T45" fmla="*/ 35 h 416"/>
                <a:gd name="T46" fmla="*/ 300 w 432"/>
                <a:gd name="T47" fmla="*/ 17 h 416"/>
                <a:gd name="T48" fmla="*/ 259 w 432"/>
                <a:gd name="T49" fmla="*/ 4 h 416"/>
                <a:gd name="T50" fmla="*/ 216 w 432"/>
                <a:gd name="T51" fmla="*/ 0 h 416"/>
                <a:gd name="T52" fmla="*/ 194 w 432"/>
                <a:gd name="T53" fmla="*/ 1 h 416"/>
                <a:gd name="T54" fmla="*/ 152 w 432"/>
                <a:gd name="T55" fmla="*/ 9 h 416"/>
                <a:gd name="T56" fmla="*/ 113 w 432"/>
                <a:gd name="T57" fmla="*/ 26 h 416"/>
                <a:gd name="T58" fmla="*/ 79 w 432"/>
                <a:gd name="T59" fmla="*/ 47 h 416"/>
                <a:gd name="T60" fmla="*/ 50 w 432"/>
                <a:gd name="T61" fmla="*/ 75 h 416"/>
                <a:gd name="T62" fmla="*/ 26 w 432"/>
                <a:gd name="T63" fmla="*/ 109 h 416"/>
                <a:gd name="T64" fmla="*/ 10 w 432"/>
                <a:gd name="T65" fmla="*/ 147 h 416"/>
                <a:gd name="T66" fmla="*/ 1 w 432"/>
                <a:gd name="T67" fmla="*/ 187 h 416"/>
                <a:gd name="T68" fmla="*/ 0 w 432"/>
                <a:gd name="T69" fmla="*/ 208 h 4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32" h="416">
                  <a:moveTo>
                    <a:pt x="0" y="208"/>
                  </a:moveTo>
                  <a:lnTo>
                    <a:pt x="0" y="208"/>
                  </a:lnTo>
                  <a:lnTo>
                    <a:pt x="1" y="229"/>
                  </a:lnTo>
                  <a:lnTo>
                    <a:pt x="5" y="249"/>
                  </a:lnTo>
                  <a:lnTo>
                    <a:pt x="10" y="270"/>
                  </a:lnTo>
                  <a:lnTo>
                    <a:pt x="17" y="289"/>
                  </a:lnTo>
                  <a:lnTo>
                    <a:pt x="26" y="306"/>
                  </a:lnTo>
                  <a:lnTo>
                    <a:pt x="37" y="324"/>
                  </a:lnTo>
                  <a:lnTo>
                    <a:pt x="50" y="340"/>
                  </a:lnTo>
                  <a:lnTo>
                    <a:pt x="63" y="355"/>
                  </a:lnTo>
                  <a:lnTo>
                    <a:pt x="79" y="368"/>
                  </a:lnTo>
                  <a:lnTo>
                    <a:pt x="96" y="380"/>
                  </a:lnTo>
                  <a:lnTo>
                    <a:pt x="113" y="391"/>
                  </a:lnTo>
                  <a:lnTo>
                    <a:pt x="131" y="399"/>
                  </a:lnTo>
                  <a:lnTo>
                    <a:pt x="152" y="406"/>
                  </a:lnTo>
                  <a:lnTo>
                    <a:pt x="173" y="411"/>
                  </a:lnTo>
                  <a:lnTo>
                    <a:pt x="194" y="414"/>
                  </a:lnTo>
                  <a:lnTo>
                    <a:pt x="216" y="416"/>
                  </a:lnTo>
                  <a:lnTo>
                    <a:pt x="216" y="416"/>
                  </a:lnTo>
                  <a:lnTo>
                    <a:pt x="238" y="414"/>
                  </a:lnTo>
                  <a:lnTo>
                    <a:pt x="259" y="411"/>
                  </a:lnTo>
                  <a:lnTo>
                    <a:pt x="279" y="406"/>
                  </a:lnTo>
                  <a:lnTo>
                    <a:pt x="300" y="399"/>
                  </a:lnTo>
                  <a:lnTo>
                    <a:pt x="319" y="391"/>
                  </a:lnTo>
                  <a:lnTo>
                    <a:pt x="337" y="380"/>
                  </a:lnTo>
                  <a:lnTo>
                    <a:pt x="354" y="368"/>
                  </a:lnTo>
                  <a:lnTo>
                    <a:pt x="368" y="355"/>
                  </a:lnTo>
                  <a:lnTo>
                    <a:pt x="383" y="340"/>
                  </a:lnTo>
                  <a:lnTo>
                    <a:pt x="395" y="324"/>
                  </a:lnTo>
                  <a:lnTo>
                    <a:pt x="405" y="306"/>
                  </a:lnTo>
                  <a:lnTo>
                    <a:pt x="414" y="289"/>
                  </a:lnTo>
                  <a:lnTo>
                    <a:pt x="422" y="270"/>
                  </a:lnTo>
                  <a:lnTo>
                    <a:pt x="428" y="249"/>
                  </a:lnTo>
                  <a:lnTo>
                    <a:pt x="431" y="229"/>
                  </a:lnTo>
                  <a:lnTo>
                    <a:pt x="432" y="208"/>
                  </a:lnTo>
                  <a:lnTo>
                    <a:pt x="432" y="208"/>
                  </a:lnTo>
                  <a:lnTo>
                    <a:pt x="431" y="187"/>
                  </a:lnTo>
                  <a:lnTo>
                    <a:pt x="428" y="166"/>
                  </a:lnTo>
                  <a:lnTo>
                    <a:pt x="422" y="147"/>
                  </a:lnTo>
                  <a:lnTo>
                    <a:pt x="414" y="127"/>
                  </a:lnTo>
                  <a:lnTo>
                    <a:pt x="405" y="109"/>
                  </a:lnTo>
                  <a:lnTo>
                    <a:pt x="395" y="92"/>
                  </a:lnTo>
                  <a:lnTo>
                    <a:pt x="383" y="75"/>
                  </a:lnTo>
                  <a:lnTo>
                    <a:pt x="368" y="61"/>
                  </a:lnTo>
                  <a:lnTo>
                    <a:pt x="354" y="47"/>
                  </a:lnTo>
                  <a:lnTo>
                    <a:pt x="337" y="35"/>
                  </a:lnTo>
                  <a:lnTo>
                    <a:pt x="319" y="26"/>
                  </a:lnTo>
                  <a:lnTo>
                    <a:pt x="300" y="17"/>
                  </a:lnTo>
                  <a:lnTo>
                    <a:pt x="279" y="9"/>
                  </a:lnTo>
                  <a:lnTo>
                    <a:pt x="259" y="4"/>
                  </a:lnTo>
                  <a:lnTo>
                    <a:pt x="238" y="1"/>
                  </a:lnTo>
                  <a:lnTo>
                    <a:pt x="216" y="0"/>
                  </a:lnTo>
                  <a:lnTo>
                    <a:pt x="216" y="0"/>
                  </a:lnTo>
                  <a:lnTo>
                    <a:pt x="194" y="1"/>
                  </a:lnTo>
                  <a:lnTo>
                    <a:pt x="173" y="4"/>
                  </a:lnTo>
                  <a:lnTo>
                    <a:pt x="152" y="9"/>
                  </a:lnTo>
                  <a:lnTo>
                    <a:pt x="131" y="17"/>
                  </a:lnTo>
                  <a:lnTo>
                    <a:pt x="113" y="26"/>
                  </a:lnTo>
                  <a:lnTo>
                    <a:pt x="96" y="35"/>
                  </a:lnTo>
                  <a:lnTo>
                    <a:pt x="79" y="47"/>
                  </a:lnTo>
                  <a:lnTo>
                    <a:pt x="63" y="61"/>
                  </a:lnTo>
                  <a:lnTo>
                    <a:pt x="50" y="75"/>
                  </a:lnTo>
                  <a:lnTo>
                    <a:pt x="37" y="92"/>
                  </a:lnTo>
                  <a:lnTo>
                    <a:pt x="26" y="109"/>
                  </a:lnTo>
                  <a:lnTo>
                    <a:pt x="17" y="127"/>
                  </a:lnTo>
                  <a:lnTo>
                    <a:pt x="10" y="147"/>
                  </a:lnTo>
                  <a:lnTo>
                    <a:pt x="5" y="166"/>
                  </a:lnTo>
                  <a:lnTo>
                    <a:pt x="1" y="187"/>
                  </a:lnTo>
                  <a:lnTo>
                    <a:pt x="0" y="208"/>
                  </a:lnTo>
                  <a:lnTo>
                    <a:pt x="0" y="208"/>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7" name="Freeform 297">
              <a:extLst>
                <a:ext uri="{FF2B5EF4-FFF2-40B4-BE49-F238E27FC236}">
                  <a16:creationId xmlns:a16="http://schemas.microsoft.com/office/drawing/2014/main" xmlns="" id="{229CB8BA-F1DC-2246-8AC3-7AA2FC8337A2}"/>
                </a:ext>
              </a:extLst>
            </p:cNvPr>
            <p:cNvSpPr>
              <a:spLocks/>
            </p:cNvSpPr>
            <p:nvPr/>
          </p:nvSpPr>
          <p:spPr bwMode="auto">
            <a:xfrm flipH="1">
              <a:off x="9030893" y="3161274"/>
              <a:ext cx="283510" cy="287093"/>
            </a:xfrm>
            <a:custGeom>
              <a:avLst/>
              <a:gdLst>
                <a:gd name="T0" fmla="*/ 163 w 326"/>
                <a:gd name="T1" fmla="*/ 314 h 314"/>
                <a:gd name="T2" fmla="*/ 196 w 326"/>
                <a:gd name="T3" fmla="*/ 311 h 314"/>
                <a:gd name="T4" fmla="*/ 226 w 326"/>
                <a:gd name="T5" fmla="*/ 302 h 314"/>
                <a:gd name="T6" fmla="*/ 255 w 326"/>
                <a:gd name="T7" fmla="*/ 287 h 314"/>
                <a:gd name="T8" fmla="*/ 278 w 326"/>
                <a:gd name="T9" fmla="*/ 268 h 314"/>
                <a:gd name="T10" fmla="*/ 298 w 326"/>
                <a:gd name="T11" fmla="*/ 245 h 314"/>
                <a:gd name="T12" fmla="*/ 313 w 326"/>
                <a:gd name="T13" fmla="*/ 218 h 314"/>
                <a:gd name="T14" fmla="*/ 323 w 326"/>
                <a:gd name="T15" fmla="*/ 189 h 314"/>
                <a:gd name="T16" fmla="*/ 326 w 326"/>
                <a:gd name="T17" fmla="*/ 157 h 314"/>
                <a:gd name="T18" fmla="*/ 325 w 326"/>
                <a:gd name="T19" fmla="*/ 141 h 314"/>
                <a:gd name="T20" fmla="*/ 318 w 326"/>
                <a:gd name="T21" fmla="*/ 111 h 314"/>
                <a:gd name="T22" fmla="*/ 306 w 326"/>
                <a:gd name="T23" fmla="*/ 82 h 314"/>
                <a:gd name="T24" fmla="*/ 288 w 326"/>
                <a:gd name="T25" fmla="*/ 57 h 314"/>
                <a:gd name="T26" fmla="*/ 267 w 326"/>
                <a:gd name="T27" fmla="*/ 36 h 314"/>
                <a:gd name="T28" fmla="*/ 241 w 326"/>
                <a:gd name="T29" fmla="*/ 19 h 314"/>
                <a:gd name="T30" fmla="*/ 211 w 326"/>
                <a:gd name="T31" fmla="*/ 7 h 314"/>
                <a:gd name="T32" fmla="*/ 179 w 326"/>
                <a:gd name="T33" fmla="*/ 1 h 314"/>
                <a:gd name="T34" fmla="*/ 163 w 326"/>
                <a:gd name="T35" fmla="*/ 0 h 314"/>
                <a:gd name="T36" fmla="*/ 130 w 326"/>
                <a:gd name="T37" fmla="*/ 3 h 314"/>
                <a:gd name="T38" fmla="*/ 100 w 326"/>
                <a:gd name="T39" fmla="*/ 12 h 314"/>
                <a:gd name="T40" fmla="*/ 72 w 326"/>
                <a:gd name="T41" fmla="*/ 27 h 314"/>
                <a:gd name="T42" fmla="*/ 47 w 326"/>
                <a:gd name="T43" fmla="*/ 46 h 314"/>
                <a:gd name="T44" fmla="*/ 28 w 326"/>
                <a:gd name="T45" fmla="*/ 69 h 314"/>
                <a:gd name="T46" fmla="*/ 12 w 326"/>
                <a:gd name="T47" fmla="*/ 96 h 314"/>
                <a:gd name="T48" fmla="*/ 3 w 326"/>
                <a:gd name="T49" fmla="*/ 125 h 314"/>
                <a:gd name="T50" fmla="*/ 0 w 326"/>
                <a:gd name="T51" fmla="*/ 157 h 314"/>
                <a:gd name="T52" fmla="*/ 1 w 326"/>
                <a:gd name="T53" fmla="*/ 173 h 314"/>
                <a:gd name="T54" fmla="*/ 7 w 326"/>
                <a:gd name="T55" fmla="*/ 204 h 314"/>
                <a:gd name="T56" fmla="*/ 19 w 326"/>
                <a:gd name="T57" fmla="*/ 232 h 314"/>
                <a:gd name="T58" fmla="*/ 37 w 326"/>
                <a:gd name="T59" fmla="*/ 257 h 314"/>
                <a:gd name="T60" fmla="*/ 59 w 326"/>
                <a:gd name="T61" fmla="*/ 278 h 314"/>
                <a:gd name="T62" fmla="*/ 85 w 326"/>
                <a:gd name="T63" fmla="*/ 295 h 314"/>
                <a:gd name="T64" fmla="*/ 114 w 326"/>
                <a:gd name="T65" fmla="*/ 307 h 314"/>
                <a:gd name="T66" fmla="*/ 146 w 326"/>
                <a:gd name="T67" fmla="*/ 313 h 314"/>
                <a:gd name="T68" fmla="*/ 163 w 326"/>
                <a:gd name="T69" fmla="*/ 314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6" h="314">
                  <a:moveTo>
                    <a:pt x="163" y="314"/>
                  </a:moveTo>
                  <a:lnTo>
                    <a:pt x="163" y="314"/>
                  </a:lnTo>
                  <a:lnTo>
                    <a:pt x="179" y="313"/>
                  </a:lnTo>
                  <a:lnTo>
                    <a:pt x="196" y="311"/>
                  </a:lnTo>
                  <a:lnTo>
                    <a:pt x="211" y="307"/>
                  </a:lnTo>
                  <a:lnTo>
                    <a:pt x="226" y="302"/>
                  </a:lnTo>
                  <a:lnTo>
                    <a:pt x="241" y="295"/>
                  </a:lnTo>
                  <a:lnTo>
                    <a:pt x="255" y="287"/>
                  </a:lnTo>
                  <a:lnTo>
                    <a:pt x="267" y="278"/>
                  </a:lnTo>
                  <a:lnTo>
                    <a:pt x="278" y="268"/>
                  </a:lnTo>
                  <a:lnTo>
                    <a:pt x="288" y="257"/>
                  </a:lnTo>
                  <a:lnTo>
                    <a:pt x="298" y="245"/>
                  </a:lnTo>
                  <a:lnTo>
                    <a:pt x="306" y="232"/>
                  </a:lnTo>
                  <a:lnTo>
                    <a:pt x="313" y="218"/>
                  </a:lnTo>
                  <a:lnTo>
                    <a:pt x="318" y="204"/>
                  </a:lnTo>
                  <a:lnTo>
                    <a:pt x="323" y="189"/>
                  </a:lnTo>
                  <a:lnTo>
                    <a:pt x="325" y="173"/>
                  </a:lnTo>
                  <a:lnTo>
                    <a:pt x="326" y="157"/>
                  </a:lnTo>
                  <a:lnTo>
                    <a:pt x="326" y="157"/>
                  </a:lnTo>
                  <a:lnTo>
                    <a:pt x="325" y="141"/>
                  </a:lnTo>
                  <a:lnTo>
                    <a:pt x="323" y="125"/>
                  </a:lnTo>
                  <a:lnTo>
                    <a:pt x="318" y="111"/>
                  </a:lnTo>
                  <a:lnTo>
                    <a:pt x="313" y="96"/>
                  </a:lnTo>
                  <a:lnTo>
                    <a:pt x="306" y="82"/>
                  </a:lnTo>
                  <a:lnTo>
                    <a:pt x="298" y="69"/>
                  </a:lnTo>
                  <a:lnTo>
                    <a:pt x="288" y="57"/>
                  </a:lnTo>
                  <a:lnTo>
                    <a:pt x="278" y="46"/>
                  </a:lnTo>
                  <a:lnTo>
                    <a:pt x="267" y="36"/>
                  </a:lnTo>
                  <a:lnTo>
                    <a:pt x="255" y="27"/>
                  </a:lnTo>
                  <a:lnTo>
                    <a:pt x="241" y="19"/>
                  </a:lnTo>
                  <a:lnTo>
                    <a:pt x="226" y="12"/>
                  </a:lnTo>
                  <a:lnTo>
                    <a:pt x="211" y="7"/>
                  </a:lnTo>
                  <a:lnTo>
                    <a:pt x="196" y="3"/>
                  </a:lnTo>
                  <a:lnTo>
                    <a:pt x="179" y="1"/>
                  </a:lnTo>
                  <a:lnTo>
                    <a:pt x="163" y="0"/>
                  </a:lnTo>
                  <a:lnTo>
                    <a:pt x="163" y="0"/>
                  </a:lnTo>
                  <a:lnTo>
                    <a:pt x="146" y="1"/>
                  </a:lnTo>
                  <a:lnTo>
                    <a:pt x="130" y="3"/>
                  </a:lnTo>
                  <a:lnTo>
                    <a:pt x="114" y="7"/>
                  </a:lnTo>
                  <a:lnTo>
                    <a:pt x="100" y="12"/>
                  </a:lnTo>
                  <a:lnTo>
                    <a:pt x="85" y="19"/>
                  </a:lnTo>
                  <a:lnTo>
                    <a:pt x="72" y="27"/>
                  </a:lnTo>
                  <a:lnTo>
                    <a:pt x="59" y="36"/>
                  </a:lnTo>
                  <a:lnTo>
                    <a:pt x="47" y="46"/>
                  </a:lnTo>
                  <a:lnTo>
                    <a:pt x="37" y="57"/>
                  </a:lnTo>
                  <a:lnTo>
                    <a:pt x="28" y="69"/>
                  </a:lnTo>
                  <a:lnTo>
                    <a:pt x="19" y="82"/>
                  </a:lnTo>
                  <a:lnTo>
                    <a:pt x="12" y="96"/>
                  </a:lnTo>
                  <a:lnTo>
                    <a:pt x="7" y="111"/>
                  </a:lnTo>
                  <a:lnTo>
                    <a:pt x="3" y="125"/>
                  </a:lnTo>
                  <a:lnTo>
                    <a:pt x="1" y="141"/>
                  </a:lnTo>
                  <a:lnTo>
                    <a:pt x="0" y="157"/>
                  </a:lnTo>
                  <a:lnTo>
                    <a:pt x="0" y="157"/>
                  </a:lnTo>
                  <a:lnTo>
                    <a:pt x="1" y="173"/>
                  </a:lnTo>
                  <a:lnTo>
                    <a:pt x="3" y="189"/>
                  </a:lnTo>
                  <a:lnTo>
                    <a:pt x="7" y="204"/>
                  </a:lnTo>
                  <a:lnTo>
                    <a:pt x="12" y="218"/>
                  </a:lnTo>
                  <a:lnTo>
                    <a:pt x="19" y="232"/>
                  </a:lnTo>
                  <a:lnTo>
                    <a:pt x="28" y="245"/>
                  </a:lnTo>
                  <a:lnTo>
                    <a:pt x="37" y="257"/>
                  </a:lnTo>
                  <a:lnTo>
                    <a:pt x="47" y="268"/>
                  </a:lnTo>
                  <a:lnTo>
                    <a:pt x="59" y="278"/>
                  </a:lnTo>
                  <a:lnTo>
                    <a:pt x="72" y="287"/>
                  </a:lnTo>
                  <a:lnTo>
                    <a:pt x="85" y="295"/>
                  </a:lnTo>
                  <a:lnTo>
                    <a:pt x="100" y="302"/>
                  </a:lnTo>
                  <a:lnTo>
                    <a:pt x="114" y="307"/>
                  </a:lnTo>
                  <a:lnTo>
                    <a:pt x="130" y="311"/>
                  </a:lnTo>
                  <a:lnTo>
                    <a:pt x="146" y="313"/>
                  </a:lnTo>
                  <a:lnTo>
                    <a:pt x="163" y="314"/>
                  </a:lnTo>
                  <a:lnTo>
                    <a:pt x="163" y="314"/>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8" name="Freeform 298">
              <a:extLst>
                <a:ext uri="{FF2B5EF4-FFF2-40B4-BE49-F238E27FC236}">
                  <a16:creationId xmlns:a16="http://schemas.microsoft.com/office/drawing/2014/main" xmlns="" id="{333FFAA3-27C1-804A-84BF-EDD369692B10}"/>
                </a:ext>
              </a:extLst>
            </p:cNvPr>
            <p:cNvSpPr>
              <a:spLocks/>
            </p:cNvSpPr>
            <p:nvPr/>
          </p:nvSpPr>
          <p:spPr bwMode="auto">
            <a:xfrm flipH="1">
              <a:off x="9114896" y="3244214"/>
              <a:ext cx="120754" cy="121217"/>
            </a:xfrm>
            <a:custGeom>
              <a:avLst/>
              <a:gdLst>
                <a:gd name="T0" fmla="*/ 70 w 139"/>
                <a:gd name="T1" fmla="*/ 134 h 134"/>
                <a:gd name="T2" fmla="*/ 70 w 139"/>
                <a:gd name="T3" fmla="*/ 134 h 134"/>
                <a:gd name="T4" fmla="*/ 77 w 139"/>
                <a:gd name="T5" fmla="*/ 134 h 134"/>
                <a:gd name="T6" fmla="*/ 84 w 139"/>
                <a:gd name="T7" fmla="*/ 133 h 134"/>
                <a:gd name="T8" fmla="*/ 91 w 139"/>
                <a:gd name="T9" fmla="*/ 131 h 134"/>
                <a:gd name="T10" fmla="*/ 96 w 139"/>
                <a:gd name="T11" fmla="*/ 129 h 134"/>
                <a:gd name="T12" fmla="*/ 109 w 139"/>
                <a:gd name="T13" fmla="*/ 122 h 134"/>
                <a:gd name="T14" fmla="*/ 119 w 139"/>
                <a:gd name="T15" fmla="*/ 115 h 134"/>
                <a:gd name="T16" fmla="*/ 128 w 139"/>
                <a:gd name="T17" fmla="*/ 104 h 134"/>
                <a:gd name="T18" fmla="*/ 135 w 139"/>
                <a:gd name="T19" fmla="*/ 93 h 134"/>
                <a:gd name="T20" fmla="*/ 137 w 139"/>
                <a:gd name="T21" fmla="*/ 87 h 134"/>
                <a:gd name="T22" fmla="*/ 138 w 139"/>
                <a:gd name="T23" fmla="*/ 80 h 134"/>
                <a:gd name="T24" fmla="*/ 139 w 139"/>
                <a:gd name="T25" fmla="*/ 74 h 134"/>
                <a:gd name="T26" fmla="*/ 139 w 139"/>
                <a:gd name="T27" fmla="*/ 67 h 134"/>
                <a:gd name="T28" fmla="*/ 139 w 139"/>
                <a:gd name="T29" fmla="*/ 67 h 134"/>
                <a:gd name="T30" fmla="*/ 139 w 139"/>
                <a:gd name="T31" fmla="*/ 60 h 134"/>
                <a:gd name="T32" fmla="*/ 138 w 139"/>
                <a:gd name="T33" fmla="*/ 53 h 134"/>
                <a:gd name="T34" fmla="*/ 137 w 139"/>
                <a:gd name="T35" fmla="*/ 47 h 134"/>
                <a:gd name="T36" fmla="*/ 135 w 139"/>
                <a:gd name="T37" fmla="*/ 41 h 134"/>
                <a:gd name="T38" fmla="*/ 128 w 139"/>
                <a:gd name="T39" fmla="*/ 29 h 134"/>
                <a:gd name="T40" fmla="*/ 119 w 139"/>
                <a:gd name="T41" fmla="*/ 20 h 134"/>
                <a:gd name="T42" fmla="*/ 109 w 139"/>
                <a:gd name="T43" fmla="*/ 11 h 134"/>
                <a:gd name="T44" fmla="*/ 96 w 139"/>
                <a:gd name="T45" fmla="*/ 5 h 134"/>
                <a:gd name="T46" fmla="*/ 91 w 139"/>
                <a:gd name="T47" fmla="*/ 2 h 134"/>
                <a:gd name="T48" fmla="*/ 84 w 139"/>
                <a:gd name="T49" fmla="*/ 1 h 134"/>
                <a:gd name="T50" fmla="*/ 77 w 139"/>
                <a:gd name="T51" fmla="*/ 0 h 134"/>
                <a:gd name="T52" fmla="*/ 70 w 139"/>
                <a:gd name="T53" fmla="*/ 0 h 134"/>
                <a:gd name="T54" fmla="*/ 70 w 139"/>
                <a:gd name="T55" fmla="*/ 0 h 134"/>
                <a:gd name="T56" fmla="*/ 63 w 139"/>
                <a:gd name="T57" fmla="*/ 0 h 134"/>
                <a:gd name="T58" fmla="*/ 56 w 139"/>
                <a:gd name="T59" fmla="*/ 1 h 134"/>
                <a:gd name="T60" fmla="*/ 49 w 139"/>
                <a:gd name="T61" fmla="*/ 2 h 134"/>
                <a:gd name="T62" fmla="*/ 43 w 139"/>
                <a:gd name="T63" fmla="*/ 5 h 134"/>
                <a:gd name="T64" fmla="*/ 31 w 139"/>
                <a:gd name="T65" fmla="*/ 11 h 134"/>
                <a:gd name="T66" fmla="*/ 20 w 139"/>
                <a:gd name="T67" fmla="*/ 20 h 134"/>
                <a:gd name="T68" fmla="*/ 12 w 139"/>
                <a:gd name="T69" fmla="*/ 29 h 134"/>
                <a:gd name="T70" fmla="*/ 6 w 139"/>
                <a:gd name="T71" fmla="*/ 41 h 134"/>
                <a:gd name="T72" fmla="*/ 3 w 139"/>
                <a:gd name="T73" fmla="*/ 47 h 134"/>
                <a:gd name="T74" fmla="*/ 1 w 139"/>
                <a:gd name="T75" fmla="*/ 53 h 134"/>
                <a:gd name="T76" fmla="*/ 0 w 139"/>
                <a:gd name="T77" fmla="*/ 60 h 134"/>
                <a:gd name="T78" fmla="*/ 0 w 139"/>
                <a:gd name="T79" fmla="*/ 67 h 134"/>
                <a:gd name="T80" fmla="*/ 0 w 139"/>
                <a:gd name="T81" fmla="*/ 67 h 134"/>
                <a:gd name="T82" fmla="*/ 0 w 139"/>
                <a:gd name="T83" fmla="*/ 74 h 134"/>
                <a:gd name="T84" fmla="*/ 1 w 139"/>
                <a:gd name="T85" fmla="*/ 80 h 134"/>
                <a:gd name="T86" fmla="*/ 3 w 139"/>
                <a:gd name="T87" fmla="*/ 87 h 134"/>
                <a:gd name="T88" fmla="*/ 6 w 139"/>
                <a:gd name="T89" fmla="*/ 93 h 134"/>
                <a:gd name="T90" fmla="*/ 12 w 139"/>
                <a:gd name="T91" fmla="*/ 104 h 134"/>
                <a:gd name="T92" fmla="*/ 20 w 139"/>
                <a:gd name="T93" fmla="*/ 115 h 134"/>
                <a:gd name="T94" fmla="*/ 31 w 139"/>
                <a:gd name="T95" fmla="*/ 122 h 134"/>
                <a:gd name="T96" fmla="*/ 43 w 139"/>
                <a:gd name="T97" fmla="*/ 129 h 134"/>
                <a:gd name="T98" fmla="*/ 49 w 139"/>
                <a:gd name="T99" fmla="*/ 131 h 134"/>
                <a:gd name="T100" fmla="*/ 56 w 139"/>
                <a:gd name="T101" fmla="*/ 133 h 134"/>
                <a:gd name="T102" fmla="*/ 63 w 139"/>
                <a:gd name="T103" fmla="*/ 134 h 134"/>
                <a:gd name="T104" fmla="*/ 70 w 139"/>
                <a:gd name="T105" fmla="*/ 134 h 134"/>
                <a:gd name="T106" fmla="*/ 70 w 139"/>
                <a:gd name="T107" fmla="*/ 134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9" h="134">
                  <a:moveTo>
                    <a:pt x="70" y="134"/>
                  </a:moveTo>
                  <a:lnTo>
                    <a:pt x="70" y="134"/>
                  </a:lnTo>
                  <a:lnTo>
                    <a:pt x="77" y="134"/>
                  </a:lnTo>
                  <a:lnTo>
                    <a:pt x="84" y="133"/>
                  </a:lnTo>
                  <a:lnTo>
                    <a:pt x="91" y="131"/>
                  </a:lnTo>
                  <a:lnTo>
                    <a:pt x="96" y="129"/>
                  </a:lnTo>
                  <a:lnTo>
                    <a:pt x="109" y="122"/>
                  </a:lnTo>
                  <a:lnTo>
                    <a:pt x="119" y="115"/>
                  </a:lnTo>
                  <a:lnTo>
                    <a:pt x="128" y="104"/>
                  </a:lnTo>
                  <a:lnTo>
                    <a:pt x="135" y="93"/>
                  </a:lnTo>
                  <a:lnTo>
                    <a:pt x="137" y="87"/>
                  </a:lnTo>
                  <a:lnTo>
                    <a:pt x="138" y="80"/>
                  </a:lnTo>
                  <a:lnTo>
                    <a:pt x="139" y="74"/>
                  </a:lnTo>
                  <a:lnTo>
                    <a:pt x="139" y="67"/>
                  </a:lnTo>
                  <a:lnTo>
                    <a:pt x="139" y="67"/>
                  </a:lnTo>
                  <a:lnTo>
                    <a:pt x="139" y="60"/>
                  </a:lnTo>
                  <a:lnTo>
                    <a:pt x="138" y="53"/>
                  </a:lnTo>
                  <a:lnTo>
                    <a:pt x="137" y="47"/>
                  </a:lnTo>
                  <a:lnTo>
                    <a:pt x="135" y="41"/>
                  </a:lnTo>
                  <a:lnTo>
                    <a:pt x="128" y="29"/>
                  </a:lnTo>
                  <a:lnTo>
                    <a:pt x="119" y="20"/>
                  </a:lnTo>
                  <a:lnTo>
                    <a:pt x="109" y="11"/>
                  </a:lnTo>
                  <a:lnTo>
                    <a:pt x="96" y="5"/>
                  </a:lnTo>
                  <a:lnTo>
                    <a:pt x="91" y="2"/>
                  </a:lnTo>
                  <a:lnTo>
                    <a:pt x="84" y="1"/>
                  </a:lnTo>
                  <a:lnTo>
                    <a:pt x="77" y="0"/>
                  </a:lnTo>
                  <a:lnTo>
                    <a:pt x="70" y="0"/>
                  </a:lnTo>
                  <a:lnTo>
                    <a:pt x="70" y="0"/>
                  </a:lnTo>
                  <a:lnTo>
                    <a:pt x="63" y="0"/>
                  </a:lnTo>
                  <a:lnTo>
                    <a:pt x="56" y="1"/>
                  </a:lnTo>
                  <a:lnTo>
                    <a:pt x="49" y="2"/>
                  </a:lnTo>
                  <a:lnTo>
                    <a:pt x="43" y="5"/>
                  </a:lnTo>
                  <a:lnTo>
                    <a:pt x="31" y="11"/>
                  </a:lnTo>
                  <a:lnTo>
                    <a:pt x="20" y="20"/>
                  </a:lnTo>
                  <a:lnTo>
                    <a:pt x="12" y="29"/>
                  </a:lnTo>
                  <a:lnTo>
                    <a:pt x="6" y="41"/>
                  </a:lnTo>
                  <a:lnTo>
                    <a:pt x="3" y="47"/>
                  </a:lnTo>
                  <a:lnTo>
                    <a:pt x="1" y="53"/>
                  </a:lnTo>
                  <a:lnTo>
                    <a:pt x="0" y="60"/>
                  </a:lnTo>
                  <a:lnTo>
                    <a:pt x="0" y="67"/>
                  </a:lnTo>
                  <a:lnTo>
                    <a:pt x="0" y="67"/>
                  </a:lnTo>
                  <a:lnTo>
                    <a:pt x="0" y="74"/>
                  </a:lnTo>
                  <a:lnTo>
                    <a:pt x="1" y="80"/>
                  </a:lnTo>
                  <a:lnTo>
                    <a:pt x="3" y="87"/>
                  </a:lnTo>
                  <a:lnTo>
                    <a:pt x="6" y="93"/>
                  </a:lnTo>
                  <a:lnTo>
                    <a:pt x="12" y="104"/>
                  </a:lnTo>
                  <a:lnTo>
                    <a:pt x="20" y="115"/>
                  </a:lnTo>
                  <a:lnTo>
                    <a:pt x="31" y="122"/>
                  </a:lnTo>
                  <a:lnTo>
                    <a:pt x="43" y="129"/>
                  </a:lnTo>
                  <a:lnTo>
                    <a:pt x="49" y="131"/>
                  </a:lnTo>
                  <a:lnTo>
                    <a:pt x="56" y="133"/>
                  </a:lnTo>
                  <a:lnTo>
                    <a:pt x="63" y="134"/>
                  </a:lnTo>
                  <a:lnTo>
                    <a:pt x="70" y="134"/>
                  </a:lnTo>
                  <a:lnTo>
                    <a:pt x="70" y="134"/>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9" name="Freeform 299">
              <a:extLst>
                <a:ext uri="{FF2B5EF4-FFF2-40B4-BE49-F238E27FC236}">
                  <a16:creationId xmlns:a16="http://schemas.microsoft.com/office/drawing/2014/main" xmlns="" id="{D014E3C5-6712-D84C-87B5-804CEB4E3BFC}"/>
                </a:ext>
              </a:extLst>
            </p:cNvPr>
            <p:cNvSpPr>
              <a:spLocks/>
            </p:cNvSpPr>
            <p:nvPr/>
          </p:nvSpPr>
          <p:spPr bwMode="auto">
            <a:xfrm flipH="1">
              <a:off x="9120146" y="2778484"/>
              <a:ext cx="183757" cy="1945864"/>
            </a:xfrm>
            <a:custGeom>
              <a:avLst/>
              <a:gdLst>
                <a:gd name="T0" fmla="*/ 214 w 214"/>
                <a:gd name="T1" fmla="*/ 2 h 2132"/>
                <a:gd name="T2" fmla="*/ 0 w 214"/>
                <a:gd name="T3" fmla="*/ 0 h 2132"/>
                <a:gd name="T4" fmla="*/ 84 w 214"/>
                <a:gd name="T5" fmla="*/ 2132 h 2132"/>
                <a:gd name="T6" fmla="*/ 132 w 214"/>
                <a:gd name="T7" fmla="*/ 2132 h 2132"/>
                <a:gd name="T8" fmla="*/ 214 w 214"/>
                <a:gd name="T9" fmla="*/ 2 h 2132"/>
              </a:gdLst>
              <a:ahLst/>
              <a:cxnLst>
                <a:cxn ang="0">
                  <a:pos x="T0" y="T1"/>
                </a:cxn>
                <a:cxn ang="0">
                  <a:pos x="T2" y="T3"/>
                </a:cxn>
                <a:cxn ang="0">
                  <a:pos x="T4" y="T5"/>
                </a:cxn>
                <a:cxn ang="0">
                  <a:pos x="T6" y="T7"/>
                </a:cxn>
                <a:cxn ang="0">
                  <a:pos x="T8" y="T9"/>
                </a:cxn>
              </a:cxnLst>
              <a:rect l="0" t="0" r="r" b="b"/>
              <a:pathLst>
                <a:path w="214" h="2132">
                  <a:moveTo>
                    <a:pt x="214" y="2"/>
                  </a:moveTo>
                  <a:lnTo>
                    <a:pt x="0" y="0"/>
                  </a:lnTo>
                  <a:lnTo>
                    <a:pt x="84" y="2132"/>
                  </a:lnTo>
                  <a:lnTo>
                    <a:pt x="132" y="2132"/>
                  </a:lnTo>
                  <a:lnTo>
                    <a:pt x="214" y="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0" name="Freeform 300">
              <a:extLst>
                <a:ext uri="{FF2B5EF4-FFF2-40B4-BE49-F238E27FC236}">
                  <a16:creationId xmlns:a16="http://schemas.microsoft.com/office/drawing/2014/main" xmlns="" id="{186052D4-9BD9-694A-B8A8-ECFCE13A6E01}"/>
                </a:ext>
              </a:extLst>
            </p:cNvPr>
            <p:cNvSpPr>
              <a:spLocks/>
            </p:cNvSpPr>
            <p:nvPr/>
          </p:nvSpPr>
          <p:spPr bwMode="auto">
            <a:xfrm flipH="1">
              <a:off x="8694881" y="2676406"/>
              <a:ext cx="2283832" cy="829385"/>
            </a:xfrm>
            <a:custGeom>
              <a:avLst/>
              <a:gdLst>
                <a:gd name="T0" fmla="*/ 2556 w 2609"/>
                <a:gd name="T1" fmla="*/ 912 h 912"/>
                <a:gd name="T2" fmla="*/ 2609 w 2609"/>
                <a:gd name="T3" fmla="*/ 763 h 912"/>
                <a:gd name="T4" fmla="*/ 11 w 2609"/>
                <a:gd name="T5" fmla="*/ 0 h 912"/>
                <a:gd name="T6" fmla="*/ 0 w 2609"/>
                <a:gd name="T7" fmla="*/ 32 h 912"/>
                <a:gd name="T8" fmla="*/ 2556 w 2609"/>
                <a:gd name="T9" fmla="*/ 912 h 912"/>
              </a:gdLst>
              <a:ahLst/>
              <a:cxnLst>
                <a:cxn ang="0">
                  <a:pos x="T0" y="T1"/>
                </a:cxn>
                <a:cxn ang="0">
                  <a:pos x="T2" y="T3"/>
                </a:cxn>
                <a:cxn ang="0">
                  <a:pos x="T4" y="T5"/>
                </a:cxn>
                <a:cxn ang="0">
                  <a:pos x="T6" y="T7"/>
                </a:cxn>
                <a:cxn ang="0">
                  <a:pos x="T8" y="T9"/>
                </a:cxn>
              </a:cxnLst>
              <a:rect l="0" t="0" r="r" b="b"/>
              <a:pathLst>
                <a:path w="2609" h="912">
                  <a:moveTo>
                    <a:pt x="2556" y="912"/>
                  </a:moveTo>
                  <a:lnTo>
                    <a:pt x="2609" y="763"/>
                  </a:lnTo>
                  <a:lnTo>
                    <a:pt x="11" y="0"/>
                  </a:lnTo>
                  <a:lnTo>
                    <a:pt x="0" y="32"/>
                  </a:lnTo>
                  <a:lnTo>
                    <a:pt x="2556" y="91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1" name="Freeform 301">
              <a:extLst>
                <a:ext uri="{FF2B5EF4-FFF2-40B4-BE49-F238E27FC236}">
                  <a16:creationId xmlns:a16="http://schemas.microsoft.com/office/drawing/2014/main" xmlns="" id="{AA6330CA-A5DD-724F-B401-B62D9CBDAFB8}"/>
                </a:ext>
              </a:extLst>
            </p:cNvPr>
            <p:cNvSpPr>
              <a:spLocks/>
            </p:cNvSpPr>
            <p:nvPr/>
          </p:nvSpPr>
          <p:spPr bwMode="auto">
            <a:xfrm flipH="1">
              <a:off x="7923103" y="1955477"/>
              <a:ext cx="1585557" cy="1684291"/>
            </a:xfrm>
            <a:custGeom>
              <a:avLst/>
              <a:gdLst>
                <a:gd name="T0" fmla="*/ 52 w 1812"/>
                <a:gd name="T1" fmla="*/ 1845 h 1845"/>
                <a:gd name="T2" fmla="*/ 1812 w 1812"/>
                <a:gd name="T3" fmla="*/ 0 h 1845"/>
                <a:gd name="T4" fmla="*/ 0 w 1812"/>
                <a:gd name="T5" fmla="*/ 1798 h 1845"/>
                <a:gd name="T6" fmla="*/ 52 w 1812"/>
                <a:gd name="T7" fmla="*/ 1845 h 1845"/>
              </a:gdLst>
              <a:ahLst/>
              <a:cxnLst>
                <a:cxn ang="0">
                  <a:pos x="T0" y="T1"/>
                </a:cxn>
                <a:cxn ang="0">
                  <a:pos x="T2" y="T3"/>
                </a:cxn>
                <a:cxn ang="0">
                  <a:pos x="T4" y="T5"/>
                </a:cxn>
                <a:cxn ang="0">
                  <a:pos x="T6" y="T7"/>
                </a:cxn>
              </a:cxnLst>
              <a:rect l="0" t="0" r="r" b="b"/>
              <a:pathLst>
                <a:path w="1812" h="1845">
                  <a:moveTo>
                    <a:pt x="52" y="1845"/>
                  </a:moveTo>
                  <a:lnTo>
                    <a:pt x="1812" y="0"/>
                  </a:lnTo>
                  <a:lnTo>
                    <a:pt x="0" y="1798"/>
                  </a:lnTo>
                  <a:lnTo>
                    <a:pt x="52" y="1845"/>
                  </a:lnTo>
                  <a:close/>
                </a:path>
              </a:pathLst>
            </a:custGeom>
            <a:solidFill>
              <a:srgbClr val="C320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2" name="Freeform 302">
              <a:extLst>
                <a:ext uri="{FF2B5EF4-FFF2-40B4-BE49-F238E27FC236}">
                  <a16:creationId xmlns:a16="http://schemas.microsoft.com/office/drawing/2014/main" xmlns="" id="{68DEC527-3580-C341-BA5B-A1CD9C8B45F1}"/>
                </a:ext>
              </a:extLst>
            </p:cNvPr>
            <p:cNvSpPr>
              <a:spLocks/>
            </p:cNvSpPr>
            <p:nvPr/>
          </p:nvSpPr>
          <p:spPr bwMode="auto">
            <a:xfrm flipH="1">
              <a:off x="9025643" y="3091098"/>
              <a:ext cx="378014" cy="376412"/>
            </a:xfrm>
            <a:custGeom>
              <a:avLst/>
              <a:gdLst>
                <a:gd name="T0" fmla="*/ 0 w 432"/>
                <a:gd name="T1" fmla="*/ 207 h 414"/>
                <a:gd name="T2" fmla="*/ 5 w 432"/>
                <a:gd name="T3" fmla="*/ 249 h 414"/>
                <a:gd name="T4" fmla="*/ 17 w 432"/>
                <a:gd name="T5" fmla="*/ 288 h 414"/>
                <a:gd name="T6" fmla="*/ 37 w 432"/>
                <a:gd name="T7" fmla="*/ 324 h 414"/>
                <a:gd name="T8" fmla="*/ 63 w 432"/>
                <a:gd name="T9" fmla="*/ 354 h 414"/>
                <a:gd name="T10" fmla="*/ 96 w 432"/>
                <a:gd name="T11" fmla="*/ 380 h 414"/>
                <a:gd name="T12" fmla="*/ 132 w 432"/>
                <a:gd name="T13" fmla="*/ 398 h 414"/>
                <a:gd name="T14" fmla="*/ 173 w 432"/>
                <a:gd name="T15" fmla="*/ 410 h 414"/>
                <a:gd name="T16" fmla="*/ 216 w 432"/>
                <a:gd name="T17" fmla="*/ 414 h 414"/>
                <a:gd name="T18" fmla="*/ 238 w 432"/>
                <a:gd name="T19" fmla="*/ 413 h 414"/>
                <a:gd name="T20" fmla="*/ 280 w 432"/>
                <a:gd name="T21" fmla="*/ 406 h 414"/>
                <a:gd name="T22" fmla="*/ 319 w 432"/>
                <a:gd name="T23" fmla="*/ 390 h 414"/>
                <a:gd name="T24" fmla="*/ 354 w 432"/>
                <a:gd name="T25" fmla="*/ 367 h 414"/>
                <a:gd name="T26" fmla="*/ 383 w 432"/>
                <a:gd name="T27" fmla="*/ 339 h 414"/>
                <a:gd name="T28" fmla="*/ 405 w 432"/>
                <a:gd name="T29" fmla="*/ 306 h 414"/>
                <a:gd name="T30" fmla="*/ 422 w 432"/>
                <a:gd name="T31" fmla="*/ 269 h 414"/>
                <a:gd name="T32" fmla="*/ 431 w 432"/>
                <a:gd name="T33" fmla="*/ 229 h 414"/>
                <a:gd name="T34" fmla="*/ 432 w 432"/>
                <a:gd name="T35" fmla="*/ 207 h 414"/>
                <a:gd name="T36" fmla="*/ 428 w 432"/>
                <a:gd name="T37" fmla="*/ 165 h 414"/>
                <a:gd name="T38" fmla="*/ 414 w 432"/>
                <a:gd name="T39" fmla="*/ 126 h 414"/>
                <a:gd name="T40" fmla="*/ 395 w 432"/>
                <a:gd name="T41" fmla="*/ 91 h 414"/>
                <a:gd name="T42" fmla="*/ 368 w 432"/>
                <a:gd name="T43" fmla="*/ 60 h 414"/>
                <a:gd name="T44" fmla="*/ 337 w 432"/>
                <a:gd name="T45" fmla="*/ 35 h 414"/>
                <a:gd name="T46" fmla="*/ 300 w 432"/>
                <a:gd name="T47" fmla="*/ 16 h 414"/>
                <a:gd name="T48" fmla="*/ 259 w 432"/>
                <a:gd name="T49" fmla="*/ 4 h 414"/>
                <a:gd name="T50" fmla="*/ 216 w 432"/>
                <a:gd name="T51" fmla="*/ 0 h 414"/>
                <a:gd name="T52" fmla="*/ 194 w 432"/>
                <a:gd name="T53" fmla="*/ 1 h 414"/>
                <a:gd name="T54" fmla="*/ 152 w 432"/>
                <a:gd name="T55" fmla="*/ 8 h 414"/>
                <a:gd name="T56" fmla="*/ 114 w 432"/>
                <a:gd name="T57" fmla="*/ 25 h 414"/>
                <a:gd name="T58" fmla="*/ 79 w 432"/>
                <a:gd name="T59" fmla="*/ 47 h 414"/>
                <a:gd name="T60" fmla="*/ 50 w 432"/>
                <a:gd name="T61" fmla="*/ 75 h 414"/>
                <a:gd name="T62" fmla="*/ 26 w 432"/>
                <a:gd name="T63" fmla="*/ 108 h 414"/>
                <a:gd name="T64" fmla="*/ 10 w 432"/>
                <a:gd name="T65" fmla="*/ 145 h 414"/>
                <a:gd name="T66" fmla="*/ 1 w 432"/>
                <a:gd name="T67" fmla="*/ 185 h 414"/>
                <a:gd name="T68" fmla="*/ 0 w 432"/>
                <a:gd name="T69" fmla="*/ 207 h 4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32" h="414">
                  <a:moveTo>
                    <a:pt x="0" y="207"/>
                  </a:moveTo>
                  <a:lnTo>
                    <a:pt x="0" y="207"/>
                  </a:lnTo>
                  <a:lnTo>
                    <a:pt x="1" y="229"/>
                  </a:lnTo>
                  <a:lnTo>
                    <a:pt x="5" y="249"/>
                  </a:lnTo>
                  <a:lnTo>
                    <a:pt x="10" y="269"/>
                  </a:lnTo>
                  <a:lnTo>
                    <a:pt x="17" y="288"/>
                  </a:lnTo>
                  <a:lnTo>
                    <a:pt x="26" y="306"/>
                  </a:lnTo>
                  <a:lnTo>
                    <a:pt x="37" y="324"/>
                  </a:lnTo>
                  <a:lnTo>
                    <a:pt x="50" y="339"/>
                  </a:lnTo>
                  <a:lnTo>
                    <a:pt x="63" y="354"/>
                  </a:lnTo>
                  <a:lnTo>
                    <a:pt x="79" y="367"/>
                  </a:lnTo>
                  <a:lnTo>
                    <a:pt x="96" y="380"/>
                  </a:lnTo>
                  <a:lnTo>
                    <a:pt x="114" y="390"/>
                  </a:lnTo>
                  <a:lnTo>
                    <a:pt x="132" y="398"/>
                  </a:lnTo>
                  <a:lnTo>
                    <a:pt x="152" y="406"/>
                  </a:lnTo>
                  <a:lnTo>
                    <a:pt x="173" y="410"/>
                  </a:lnTo>
                  <a:lnTo>
                    <a:pt x="194" y="413"/>
                  </a:lnTo>
                  <a:lnTo>
                    <a:pt x="216" y="414"/>
                  </a:lnTo>
                  <a:lnTo>
                    <a:pt x="216" y="414"/>
                  </a:lnTo>
                  <a:lnTo>
                    <a:pt x="238" y="413"/>
                  </a:lnTo>
                  <a:lnTo>
                    <a:pt x="259" y="410"/>
                  </a:lnTo>
                  <a:lnTo>
                    <a:pt x="280" y="406"/>
                  </a:lnTo>
                  <a:lnTo>
                    <a:pt x="300" y="398"/>
                  </a:lnTo>
                  <a:lnTo>
                    <a:pt x="319" y="390"/>
                  </a:lnTo>
                  <a:lnTo>
                    <a:pt x="337" y="380"/>
                  </a:lnTo>
                  <a:lnTo>
                    <a:pt x="354" y="367"/>
                  </a:lnTo>
                  <a:lnTo>
                    <a:pt x="368" y="354"/>
                  </a:lnTo>
                  <a:lnTo>
                    <a:pt x="383" y="339"/>
                  </a:lnTo>
                  <a:lnTo>
                    <a:pt x="395" y="324"/>
                  </a:lnTo>
                  <a:lnTo>
                    <a:pt x="405" y="306"/>
                  </a:lnTo>
                  <a:lnTo>
                    <a:pt x="414" y="288"/>
                  </a:lnTo>
                  <a:lnTo>
                    <a:pt x="422" y="269"/>
                  </a:lnTo>
                  <a:lnTo>
                    <a:pt x="428" y="249"/>
                  </a:lnTo>
                  <a:lnTo>
                    <a:pt x="431" y="229"/>
                  </a:lnTo>
                  <a:lnTo>
                    <a:pt x="432" y="207"/>
                  </a:lnTo>
                  <a:lnTo>
                    <a:pt x="432" y="207"/>
                  </a:lnTo>
                  <a:lnTo>
                    <a:pt x="431" y="185"/>
                  </a:lnTo>
                  <a:lnTo>
                    <a:pt x="428" y="165"/>
                  </a:lnTo>
                  <a:lnTo>
                    <a:pt x="422" y="145"/>
                  </a:lnTo>
                  <a:lnTo>
                    <a:pt x="414" y="126"/>
                  </a:lnTo>
                  <a:lnTo>
                    <a:pt x="405" y="108"/>
                  </a:lnTo>
                  <a:lnTo>
                    <a:pt x="395" y="91"/>
                  </a:lnTo>
                  <a:lnTo>
                    <a:pt x="383" y="75"/>
                  </a:lnTo>
                  <a:lnTo>
                    <a:pt x="368" y="60"/>
                  </a:lnTo>
                  <a:lnTo>
                    <a:pt x="354" y="47"/>
                  </a:lnTo>
                  <a:lnTo>
                    <a:pt x="337" y="35"/>
                  </a:lnTo>
                  <a:lnTo>
                    <a:pt x="319" y="25"/>
                  </a:lnTo>
                  <a:lnTo>
                    <a:pt x="300" y="16"/>
                  </a:lnTo>
                  <a:lnTo>
                    <a:pt x="280" y="8"/>
                  </a:lnTo>
                  <a:lnTo>
                    <a:pt x="259" y="4"/>
                  </a:lnTo>
                  <a:lnTo>
                    <a:pt x="238" y="1"/>
                  </a:lnTo>
                  <a:lnTo>
                    <a:pt x="216" y="0"/>
                  </a:lnTo>
                  <a:lnTo>
                    <a:pt x="216" y="0"/>
                  </a:lnTo>
                  <a:lnTo>
                    <a:pt x="194" y="1"/>
                  </a:lnTo>
                  <a:lnTo>
                    <a:pt x="173" y="4"/>
                  </a:lnTo>
                  <a:lnTo>
                    <a:pt x="152" y="8"/>
                  </a:lnTo>
                  <a:lnTo>
                    <a:pt x="132" y="16"/>
                  </a:lnTo>
                  <a:lnTo>
                    <a:pt x="114" y="25"/>
                  </a:lnTo>
                  <a:lnTo>
                    <a:pt x="96" y="35"/>
                  </a:lnTo>
                  <a:lnTo>
                    <a:pt x="79" y="47"/>
                  </a:lnTo>
                  <a:lnTo>
                    <a:pt x="63" y="60"/>
                  </a:lnTo>
                  <a:lnTo>
                    <a:pt x="50" y="75"/>
                  </a:lnTo>
                  <a:lnTo>
                    <a:pt x="37" y="91"/>
                  </a:lnTo>
                  <a:lnTo>
                    <a:pt x="26" y="108"/>
                  </a:lnTo>
                  <a:lnTo>
                    <a:pt x="17" y="126"/>
                  </a:lnTo>
                  <a:lnTo>
                    <a:pt x="10" y="145"/>
                  </a:lnTo>
                  <a:lnTo>
                    <a:pt x="5" y="165"/>
                  </a:lnTo>
                  <a:lnTo>
                    <a:pt x="1" y="185"/>
                  </a:lnTo>
                  <a:lnTo>
                    <a:pt x="0" y="207"/>
                  </a:lnTo>
                  <a:lnTo>
                    <a:pt x="0" y="207"/>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3" name="Freeform 303">
              <a:extLst>
                <a:ext uri="{FF2B5EF4-FFF2-40B4-BE49-F238E27FC236}">
                  <a16:creationId xmlns:a16="http://schemas.microsoft.com/office/drawing/2014/main" xmlns="" id="{E7A386B4-E9D4-C242-83A9-7C59A35C0249}"/>
                </a:ext>
              </a:extLst>
            </p:cNvPr>
            <p:cNvSpPr>
              <a:spLocks/>
            </p:cNvSpPr>
            <p:nvPr/>
          </p:nvSpPr>
          <p:spPr bwMode="auto">
            <a:xfrm flipH="1">
              <a:off x="9067644" y="3135757"/>
              <a:ext cx="288760" cy="287093"/>
            </a:xfrm>
            <a:custGeom>
              <a:avLst/>
              <a:gdLst>
                <a:gd name="T0" fmla="*/ 163 w 326"/>
                <a:gd name="T1" fmla="*/ 315 h 315"/>
                <a:gd name="T2" fmla="*/ 196 w 326"/>
                <a:gd name="T3" fmla="*/ 311 h 315"/>
                <a:gd name="T4" fmla="*/ 227 w 326"/>
                <a:gd name="T5" fmla="*/ 302 h 315"/>
                <a:gd name="T6" fmla="*/ 255 w 326"/>
                <a:gd name="T7" fmla="*/ 288 h 315"/>
                <a:gd name="T8" fmla="*/ 278 w 326"/>
                <a:gd name="T9" fmla="*/ 268 h 315"/>
                <a:gd name="T10" fmla="*/ 298 w 326"/>
                <a:gd name="T11" fmla="*/ 245 h 315"/>
                <a:gd name="T12" fmla="*/ 313 w 326"/>
                <a:gd name="T13" fmla="*/ 219 h 315"/>
                <a:gd name="T14" fmla="*/ 323 w 326"/>
                <a:gd name="T15" fmla="*/ 188 h 315"/>
                <a:gd name="T16" fmla="*/ 326 w 326"/>
                <a:gd name="T17" fmla="*/ 157 h 315"/>
                <a:gd name="T18" fmla="*/ 325 w 326"/>
                <a:gd name="T19" fmla="*/ 141 h 315"/>
                <a:gd name="T20" fmla="*/ 319 w 326"/>
                <a:gd name="T21" fmla="*/ 111 h 315"/>
                <a:gd name="T22" fmla="*/ 306 w 326"/>
                <a:gd name="T23" fmla="*/ 83 h 315"/>
                <a:gd name="T24" fmla="*/ 288 w 326"/>
                <a:gd name="T25" fmla="*/ 58 h 315"/>
                <a:gd name="T26" fmla="*/ 267 w 326"/>
                <a:gd name="T27" fmla="*/ 36 h 315"/>
                <a:gd name="T28" fmla="*/ 241 w 326"/>
                <a:gd name="T29" fmla="*/ 19 h 315"/>
                <a:gd name="T30" fmla="*/ 211 w 326"/>
                <a:gd name="T31" fmla="*/ 7 h 315"/>
                <a:gd name="T32" fmla="*/ 180 w 326"/>
                <a:gd name="T33" fmla="*/ 0 h 315"/>
                <a:gd name="T34" fmla="*/ 163 w 326"/>
                <a:gd name="T35" fmla="*/ 0 h 315"/>
                <a:gd name="T36" fmla="*/ 130 w 326"/>
                <a:gd name="T37" fmla="*/ 4 h 315"/>
                <a:gd name="T38" fmla="*/ 100 w 326"/>
                <a:gd name="T39" fmla="*/ 12 h 315"/>
                <a:gd name="T40" fmla="*/ 72 w 326"/>
                <a:gd name="T41" fmla="*/ 26 h 315"/>
                <a:gd name="T42" fmla="*/ 47 w 326"/>
                <a:gd name="T43" fmla="*/ 46 h 315"/>
                <a:gd name="T44" fmla="*/ 28 w 326"/>
                <a:gd name="T45" fmla="*/ 70 h 315"/>
                <a:gd name="T46" fmla="*/ 12 w 326"/>
                <a:gd name="T47" fmla="*/ 95 h 315"/>
                <a:gd name="T48" fmla="*/ 3 w 326"/>
                <a:gd name="T49" fmla="*/ 126 h 315"/>
                <a:gd name="T50" fmla="*/ 0 w 326"/>
                <a:gd name="T51" fmla="*/ 157 h 315"/>
                <a:gd name="T52" fmla="*/ 1 w 326"/>
                <a:gd name="T53" fmla="*/ 173 h 315"/>
                <a:gd name="T54" fmla="*/ 7 w 326"/>
                <a:gd name="T55" fmla="*/ 203 h 315"/>
                <a:gd name="T56" fmla="*/ 19 w 326"/>
                <a:gd name="T57" fmla="*/ 232 h 315"/>
                <a:gd name="T58" fmla="*/ 37 w 326"/>
                <a:gd name="T59" fmla="*/ 257 h 315"/>
                <a:gd name="T60" fmla="*/ 59 w 326"/>
                <a:gd name="T61" fmla="*/ 278 h 315"/>
                <a:gd name="T62" fmla="*/ 85 w 326"/>
                <a:gd name="T63" fmla="*/ 295 h 315"/>
                <a:gd name="T64" fmla="*/ 114 w 326"/>
                <a:gd name="T65" fmla="*/ 307 h 315"/>
                <a:gd name="T66" fmla="*/ 146 w 326"/>
                <a:gd name="T67" fmla="*/ 314 h 315"/>
                <a:gd name="T68" fmla="*/ 163 w 326"/>
                <a:gd name="T69" fmla="*/ 315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6" h="315">
                  <a:moveTo>
                    <a:pt x="163" y="315"/>
                  </a:moveTo>
                  <a:lnTo>
                    <a:pt x="163" y="315"/>
                  </a:lnTo>
                  <a:lnTo>
                    <a:pt x="180" y="314"/>
                  </a:lnTo>
                  <a:lnTo>
                    <a:pt x="196" y="311"/>
                  </a:lnTo>
                  <a:lnTo>
                    <a:pt x="211" y="307"/>
                  </a:lnTo>
                  <a:lnTo>
                    <a:pt x="227" y="302"/>
                  </a:lnTo>
                  <a:lnTo>
                    <a:pt x="241" y="295"/>
                  </a:lnTo>
                  <a:lnTo>
                    <a:pt x="255" y="288"/>
                  </a:lnTo>
                  <a:lnTo>
                    <a:pt x="267" y="278"/>
                  </a:lnTo>
                  <a:lnTo>
                    <a:pt x="278" y="268"/>
                  </a:lnTo>
                  <a:lnTo>
                    <a:pt x="288" y="257"/>
                  </a:lnTo>
                  <a:lnTo>
                    <a:pt x="298" y="245"/>
                  </a:lnTo>
                  <a:lnTo>
                    <a:pt x="306" y="232"/>
                  </a:lnTo>
                  <a:lnTo>
                    <a:pt x="313" y="219"/>
                  </a:lnTo>
                  <a:lnTo>
                    <a:pt x="319" y="203"/>
                  </a:lnTo>
                  <a:lnTo>
                    <a:pt x="323" y="188"/>
                  </a:lnTo>
                  <a:lnTo>
                    <a:pt x="325" y="173"/>
                  </a:lnTo>
                  <a:lnTo>
                    <a:pt x="326" y="157"/>
                  </a:lnTo>
                  <a:lnTo>
                    <a:pt x="326" y="157"/>
                  </a:lnTo>
                  <a:lnTo>
                    <a:pt x="325" y="141"/>
                  </a:lnTo>
                  <a:lnTo>
                    <a:pt x="323" y="126"/>
                  </a:lnTo>
                  <a:lnTo>
                    <a:pt x="319" y="111"/>
                  </a:lnTo>
                  <a:lnTo>
                    <a:pt x="313" y="95"/>
                  </a:lnTo>
                  <a:lnTo>
                    <a:pt x="306" y="83"/>
                  </a:lnTo>
                  <a:lnTo>
                    <a:pt x="298" y="70"/>
                  </a:lnTo>
                  <a:lnTo>
                    <a:pt x="288" y="58"/>
                  </a:lnTo>
                  <a:lnTo>
                    <a:pt x="278" y="46"/>
                  </a:lnTo>
                  <a:lnTo>
                    <a:pt x="267" y="36"/>
                  </a:lnTo>
                  <a:lnTo>
                    <a:pt x="255" y="26"/>
                  </a:lnTo>
                  <a:lnTo>
                    <a:pt x="241" y="19"/>
                  </a:lnTo>
                  <a:lnTo>
                    <a:pt x="227" y="12"/>
                  </a:lnTo>
                  <a:lnTo>
                    <a:pt x="211" y="7"/>
                  </a:lnTo>
                  <a:lnTo>
                    <a:pt x="196" y="4"/>
                  </a:lnTo>
                  <a:lnTo>
                    <a:pt x="180" y="0"/>
                  </a:lnTo>
                  <a:lnTo>
                    <a:pt x="163" y="0"/>
                  </a:lnTo>
                  <a:lnTo>
                    <a:pt x="163" y="0"/>
                  </a:lnTo>
                  <a:lnTo>
                    <a:pt x="146" y="0"/>
                  </a:lnTo>
                  <a:lnTo>
                    <a:pt x="130" y="4"/>
                  </a:lnTo>
                  <a:lnTo>
                    <a:pt x="114" y="7"/>
                  </a:lnTo>
                  <a:lnTo>
                    <a:pt x="100" y="12"/>
                  </a:lnTo>
                  <a:lnTo>
                    <a:pt x="85" y="19"/>
                  </a:lnTo>
                  <a:lnTo>
                    <a:pt x="72" y="26"/>
                  </a:lnTo>
                  <a:lnTo>
                    <a:pt x="59" y="36"/>
                  </a:lnTo>
                  <a:lnTo>
                    <a:pt x="47" y="46"/>
                  </a:lnTo>
                  <a:lnTo>
                    <a:pt x="37" y="58"/>
                  </a:lnTo>
                  <a:lnTo>
                    <a:pt x="28" y="70"/>
                  </a:lnTo>
                  <a:lnTo>
                    <a:pt x="19" y="83"/>
                  </a:lnTo>
                  <a:lnTo>
                    <a:pt x="12" y="95"/>
                  </a:lnTo>
                  <a:lnTo>
                    <a:pt x="7" y="111"/>
                  </a:lnTo>
                  <a:lnTo>
                    <a:pt x="3" y="126"/>
                  </a:lnTo>
                  <a:lnTo>
                    <a:pt x="1" y="141"/>
                  </a:lnTo>
                  <a:lnTo>
                    <a:pt x="0" y="157"/>
                  </a:lnTo>
                  <a:lnTo>
                    <a:pt x="0" y="157"/>
                  </a:lnTo>
                  <a:lnTo>
                    <a:pt x="1" y="173"/>
                  </a:lnTo>
                  <a:lnTo>
                    <a:pt x="3" y="188"/>
                  </a:lnTo>
                  <a:lnTo>
                    <a:pt x="7" y="203"/>
                  </a:lnTo>
                  <a:lnTo>
                    <a:pt x="12" y="219"/>
                  </a:lnTo>
                  <a:lnTo>
                    <a:pt x="19" y="232"/>
                  </a:lnTo>
                  <a:lnTo>
                    <a:pt x="28" y="245"/>
                  </a:lnTo>
                  <a:lnTo>
                    <a:pt x="37" y="257"/>
                  </a:lnTo>
                  <a:lnTo>
                    <a:pt x="47" y="268"/>
                  </a:lnTo>
                  <a:lnTo>
                    <a:pt x="59" y="278"/>
                  </a:lnTo>
                  <a:lnTo>
                    <a:pt x="72" y="288"/>
                  </a:lnTo>
                  <a:lnTo>
                    <a:pt x="85" y="295"/>
                  </a:lnTo>
                  <a:lnTo>
                    <a:pt x="100" y="302"/>
                  </a:lnTo>
                  <a:lnTo>
                    <a:pt x="114" y="307"/>
                  </a:lnTo>
                  <a:lnTo>
                    <a:pt x="130" y="311"/>
                  </a:lnTo>
                  <a:lnTo>
                    <a:pt x="146" y="314"/>
                  </a:lnTo>
                  <a:lnTo>
                    <a:pt x="163" y="315"/>
                  </a:lnTo>
                  <a:lnTo>
                    <a:pt x="163" y="315"/>
                  </a:lnTo>
                  <a:close/>
                </a:path>
              </a:pathLst>
            </a:custGeom>
            <a:solidFill>
              <a:srgbClr val="E5E5E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4" name="Freeform 304">
              <a:extLst>
                <a:ext uri="{FF2B5EF4-FFF2-40B4-BE49-F238E27FC236}">
                  <a16:creationId xmlns:a16="http://schemas.microsoft.com/office/drawing/2014/main" xmlns="" id="{11181928-45D1-FF42-A0F0-C7BC342965B0}"/>
                </a:ext>
              </a:extLst>
            </p:cNvPr>
            <p:cNvSpPr>
              <a:spLocks/>
            </p:cNvSpPr>
            <p:nvPr/>
          </p:nvSpPr>
          <p:spPr bwMode="auto">
            <a:xfrm flipH="1">
              <a:off x="9151647" y="3218694"/>
              <a:ext cx="120754" cy="121217"/>
            </a:xfrm>
            <a:custGeom>
              <a:avLst/>
              <a:gdLst>
                <a:gd name="T0" fmla="*/ 70 w 139"/>
                <a:gd name="T1" fmla="*/ 134 h 134"/>
                <a:gd name="T2" fmla="*/ 70 w 139"/>
                <a:gd name="T3" fmla="*/ 134 h 134"/>
                <a:gd name="T4" fmla="*/ 78 w 139"/>
                <a:gd name="T5" fmla="*/ 134 h 134"/>
                <a:gd name="T6" fmla="*/ 84 w 139"/>
                <a:gd name="T7" fmla="*/ 133 h 134"/>
                <a:gd name="T8" fmla="*/ 91 w 139"/>
                <a:gd name="T9" fmla="*/ 131 h 134"/>
                <a:gd name="T10" fmla="*/ 97 w 139"/>
                <a:gd name="T11" fmla="*/ 129 h 134"/>
                <a:gd name="T12" fmla="*/ 109 w 139"/>
                <a:gd name="T13" fmla="*/ 123 h 134"/>
                <a:gd name="T14" fmla="*/ 119 w 139"/>
                <a:gd name="T15" fmla="*/ 115 h 134"/>
                <a:gd name="T16" fmla="*/ 128 w 139"/>
                <a:gd name="T17" fmla="*/ 105 h 134"/>
                <a:gd name="T18" fmla="*/ 135 w 139"/>
                <a:gd name="T19" fmla="*/ 93 h 134"/>
                <a:gd name="T20" fmla="*/ 137 w 139"/>
                <a:gd name="T21" fmla="*/ 88 h 134"/>
                <a:gd name="T22" fmla="*/ 138 w 139"/>
                <a:gd name="T23" fmla="*/ 81 h 134"/>
                <a:gd name="T24" fmla="*/ 139 w 139"/>
                <a:gd name="T25" fmla="*/ 74 h 134"/>
                <a:gd name="T26" fmla="*/ 139 w 139"/>
                <a:gd name="T27" fmla="*/ 67 h 134"/>
                <a:gd name="T28" fmla="*/ 139 w 139"/>
                <a:gd name="T29" fmla="*/ 67 h 134"/>
                <a:gd name="T30" fmla="*/ 139 w 139"/>
                <a:gd name="T31" fmla="*/ 61 h 134"/>
                <a:gd name="T32" fmla="*/ 138 w 139"/>
                <a:gd name="T33" fmla="*/ 54 h 134"/>
                <a:gd name="T34" fmla="*/ 137 w 139"/>
                <a:gd name="T35" fmla="*/ 48 h 134"/>
                <a:gd name="T36" fmla="*/ 135 w 139"/>
                <a:gd name="T37" fmla="*/ 41 h 134"/>
                <a:gd name="T38" fmla="*/ 128 w 139"/>
                <a:gd name="T39" fmla="*/ 29 h 134"/>
                <a:gd name="T40" fmla="*/ 119 w 139"/>
                <a:gd name="T41" fmla="*/ 20 h 134"/>
                <a:gd name="T42" fmla="*/ 109 w 139"/>
                <a:gd name="T43" fmla="*/ 12 h 134"/>
                <a:gd name="T44" fmla="*/ 97 w 139"/>
                <a:gd name="T45" fmla="*/ 5 h 134"/>
                <a:gd name="T46" fmla="*/ 91 w 139"/>
                <a:gd name="T47" fmla="*/ 3 h 134"/>
                <a:gd name="T48" fmla="*/ 84 w 139"/>
                <a:gd name="T49" fmla="*/ 1 h 134"/>
                <a:gd name="T50" fmla="*/ 78 w 139"/>
                <a:gd name="T51" fmla="*/ 0 h 134"/>
                <a:gd name="T52" fmla="*/ 70 w 139"/>
                <a:gd name="T53" fmla="*/ 0 h 134"/>
                <a:gd name="T54" fmla="*/ 70 w 139"/>
                <a:gd name="T55" fmla="*/ 0 h 134"/>
                <a:gd name="T56" fmla="*/ 63 w 139"/>
                <a:gd name="T57" fmla="*/ 0 h 134"/>
                <a:gd name="T58" fmla="*/ 56 w 139"/>
                <a:gd name="T59" fmla="*/ 1 h 134"/>
                <a:gd name="T60" fmla="*/ 49 w 139"/>
                <a:gd name="T61" fmla="*/ 3 h 134"/>
                <a:gd name="T62" fmla="*/ 43 w 139"/>
                <a:gd name="T63" fmla="*/ 5 h 134"/>
                <a:gd name="T64" fmla="*/ 32 w 139"/>
                <a:gd name="T65" fmla="*/ 12 h 134"/>
                <a:gd name="T66" fmla="*/ 20 w 139"/>
                <a:gd name="T67" fmla="*/ 20 h 134"/>
                <a:gd name="T68" fmla="*/ 12 w 139"/>
                <a:gd name="T69" fmla="*/ 29 h 134"/>
                <a:gd name="T70" fmla="*/ 6 w 139"/>
                <a:gd name="T71" fmla="*/ 41 h 134"/>
                <a:gd name="T72" fmla="*/ 3 w 139"/>
                <a:gd name="T73" fmla="*/ 48 h 134"/>
                <a:gd name="T74" fmla="*/ 1 w 139"/>
                <a:gd name="T75" fmla="*/ 54 h 134"/>
                <a:gd name="T76" fmla="*/ 0 w 139"/>
                <a:gd name="T77" fmla="*/ 61 h 134"/>
                <a:gd name="T78" fmla="*/ 0 w 139"/>
                <a:gd name="T79" fmla="*/ 67 h 134"/>
                <a:gd name="T80" fmla="*/ 0 w 139"/>
                <a:gd name="T81" fmla="*/ 67 h 134"/>
                <a:gd name="T82" fmla="*/ 0 w 139"/>
                <a:gd name="T83" fmla="*/ 74 h 134"/>
                <a:gd name="T84" fmla="*/ 1 w 139"/>
                <a:gd name="T85" fmla="*/ 81 h 134"/>
                <a:gd name="T86" fmla="*/ 3 w 139"/>
                <a:gd name="T87" fmla="*/ 88 h 134"/>
                <a:gd name="T88" fmla="*/ 6 w 139"/>
                <a:gd name="T89" fmla="*/ 93 h 134"/>
                <a:gd name="T90" fmla="*/ 12 w 139"/>
                <a:gd name="T91" fmla="*/ 105 h 134"/>
                <a:gd name="T92" fmla="*/ 20 w 139"/>
                <a:gd name="T93" fmla="*/ 115 h 134"/>
                <a:gd name="T94" fmla="*/ 32 w 139"/>
                <a:gd name="T95" fmla="*/ 123 h 134"/>
                <a:gd name="T96" fmla="*/ 43 w 139"/>
                <a:gd name="T97" fmla="*/ 129 h 134"/>
                <a:gd name="T98" fmla="*/ 49 w 139"/>
                <a:gd name="T99" fmla="*/ 131 h 134"/>
                <a:gd name="T100" fmla="*/ 56 w 139"/>
                <a:gd name="T101" fmla="*/ 133 h 134"/>
                <a:gd name="T102" fmla="*/ 63 w 139"/>
                <a:gd name="T103" fmla="*/ 134 h 134"/>
                <a:gd name="T104" fmla="*/ 70 w 139"/>
                <a:gd name="T105" fmla="*/ 134 h 134"/>
                <a:gd name="T106" fmla="*/ 70 w 139"/>
                <a:gd name="T107" fmla="*/ 134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9" h="134">
                  <a:moveTo>
                    <a:pt x="70" y="134"/>
                  </a:moveTo>
                  <a:lnTo>
                    <a:pt x="70" y="134"/>
                  </a:lnTo>
                  <a:lnTo>
                    <a:pt x="78" y="134"/>
                  </a:lnTo>
                  <a:lnTo>
                    <a:pt x="84" y="133"/>
                  </a:lnTo>
                  <a:lnTo>
                    <a:pt x="91" y="131"/>
                  </a:lnTo>
                  <a:lnTo>
                    <a:pt x="97" y="129"/>
                  </a:lnTo>
                  <a:lnTo>
                    <a:pt x="109" y="123"/>
                  </a:lnTo>
                  <a:lnTo>
                    <a:pt x="119" y="115"/>
                  </a:lnTo>
                  <a:lnTo>
                    <a:pt x="128" y="105"/>
                  </a:lnTo>
                  <a:lnTo>
                    <a:pt x="135" y="93"/>
                  </a:lnTo>
                  <a:lnTo>
                    <a:pt x="137" y="88"/>
                  </a:lnTo>
                  <a:lnTo>
                    <a:pt x="138" y="81"/>
                  </a:lnTo>
                  <a:lnTo>
                    <a:pt x="139" y="74"/>
                  </a:lnTo>
                  <a:lnTo>
                    <a:pt x="139" y="67"/>
                  </a:lnTo>
                  <a:lnTo>
                    <a:pt x="139" y="67"/>
                  </a:lnTo>
                  <a:lnTo>
                    <a:pt x="139" y="61"/>
                  </a:lnTo>
                  <a:lnTo>
                    <a:pt x="138" y="54"/>
                  </a:lnTo>
                  <a:lnTo>
                    <a:pt x="137" y="48"/>
                  </a:lnTo>
                  <a:lnTo>
                    <a:pt x="135" y="41"/>
                  </a:lnTo>
                  <a:lnTo>
                    <a:pt x="128" y="29"/>
                  </a:lnTo>
                  <a:lnTo>
                    <a:pt x="119" y="20"/>
                  </a:lnTo>
                  <a:lnTo>
                    <a:pt x="109" y="12"/>
                  </a:lnTo>
                  <a:lnTo>
                    <a:pt x="97" y="5"/>
                  </a:lnTo>
                  <a:lnTo>
                    <a:pt x="91" y="3"/>
                  </a:lnTo>
                  <a:lnTo>
                    <a:pt x="84" y="1"/>
                  </a:lnTo>
                  <a:lnTo>
                    <a:pt x="78" y="0"/>
                  </a:lnTo>
                  <a:lnTo>
                    <a:pt x="70" y="0"/>
                  </a:lnTo>
                  <a:lnTo>
                    <a:pt x="70" y="0"/>
                  </a:lnTo>
                  <a:lnTo>
                    <a:pt x="63" y="0"/>
                  </a:lnTo>
                  <a:lnTo>
                    <a:pt x="56" y="1"/>
                  </a:lnTo>
                  <a:lnTo>
                    <a:pt x="49" y="3"/>
                  </a:lnTo>
                  <a:lnTo>
                    <a:pt x="43" y="5"/>
                  </a:lnTo>
                  <a:lnTo>
                    <a:pt x="32" y="12"/>
                  </a:lnTo>
                  <a:lnTo>
                    <a:pt x="20" y="20"/>
                  </a:lnTo>
                  <a:lnTo>
                    <a:pt x="12" y="29"/>
                  </a:lnTo>
                  <a:lnTo>
                    <a:pt x="6" y="41"/>
                  </a:lnTo>
                  <a:lnTo>
                    <a:pt x="3" y="48"/>
                  </a:lnTo>
                  <a:lnTo>
                    <a:pt x="1" y="54"/>
                  </a:lnTo>
                  <a:lnTo>
                    <a:pt x="0" y="61"/>
                  </a:lnTo>
                  <a:lnTo>
                    <a:pt x="0" y="67"/>
                  </a:lnTo>
                  <a:lnTo>
                    <a:pt x="0" y="67"/>
                  </a:lnTo>
                  <a:lnTo>
                    <a:pt x="0" y="74"/>
                  </a:lnTo>
                  <a:lnTo>
                    <a:pt x="1" y="81"/>
                  </a:lnTo>
                  <a:lnTo>
                    <a:pt x="3" y="88"/>
                  </a:lnTo>
                  <a:lnTo>
                    <a:pt x="6" y="93"/>
                  </a:lnTo>
                  <a:lnTo>
                    <a:pt x="12" y="105"/>
                  </a:lnTo>
                  <a:lnTo>
                    <a:pt x="20" y="115"/>
                  </a:lnTo>
                  <a:lnTo>
                    <a:pt x="32" y="123"/>
                  </a:lnTo>
                  <a:lnTo>
                    <a:pt x="43" y="129"/>
                  </a:lnTo>
                  <a:lnTo>
                    <a:pt x="49" y="131"/>
                  </a:lnTo>
                  <a:lnTo>
                    <a:pt x="56" y="133"/>
                  </a:lnTo>
                  <a:lnTo>
                    <a:pt x="63" y="134"/>
                  </a:lnTo>
                  <a:lnTo>
                    <a:pt x="70" y="134"/>
                  </a:lnTo>
                  <a:lnTo>
                    <a:pt x="70" y="134"/>
                  </a:lnTo>
                  <a:close/>
                </a:path>
              </a:pathLst>
            </a:custGeom>
            <a:solidFill>
              <a:srgbClr val="C320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5" name="Freeform 305">
              <a:extLst>
                <a:ext uri="{FF2B5EF4-FFF2-40B4-BE49-F238E27FC236}">
                  <a16:creationId xmlns:a16="http://schemas.microsoft.com/office/drawing/2014/main" xmlns="" id="{75F2A730-0B8C-4849-81ED-E92353FA01D6}"/>
                </a:ext>
              </a:extLst>
            </p:cNvPr>
            <p:cNvSpPr>
              <a:spLocks/>
            </p:cNvSpPr>
            <p:nvPr/>
          </p:nvSpPr>
          <p:spPr bwMode="auto">
            <a:xfrm flipH="1">
              <a:off x="8143611" y="1502504"/>
              <a:ext cx="152255" cy="197775"/>
            </a:xfrm>
            <a:custGeom>
              <a:avLst/>
              <a:gdLst>
                <a:gd name="T0" fmla="*/ 0 w 168"/>
                <a:gd name="T1" fmla="*/ 185 h 218"/>
                <a:gd name="T2" fmla="*/ 110 w 168"/>
                <a:gd name="T3" fmla="*/ 0 h 218"/>
                <a:gd name="T4" fmla="*/ 168 w 168"/>
                <a:gd name="T5" fmla="*/ 32 h 218"/>
                <a:gd name="T6" fmla="*/ 58 w 168"/>
                <a:gd name="T7" fmla="*/ 218 h 218"/>
                <a:gd name="T8" fmla="*/ 58 w 168"/>
                <a:gd name="T9" fmla="*/ 218 h 218"/>
                <a:gd name="T10" fmla="*/ 0 w 168"/>
                <a:gd name="T11" fmla="*/ 185 h 218"/>
                <a:gd name="T12" fmla="*/ 0 w 168"/>
                <a:gd name="T13" fmla="*/ 185 h 218"/>
              </a:gdLst>
              <a:ahLst/>
              <a:cxnLst>
                <a:cxn ang="0">
                  <a:pos x="T0" y="T1"/>
                </a:cxn>
                <a:cxn ang="0">
                  <a:pos x="T2" y="T3"/>
                </a:cxn>
                <a:cxn ang="0">
                  <a:pos x="T4" y="T5"/>
                </a:cxn>
                <a:cxn ang="0">
                  <a:pos x="T6" y="T7"/>
                </a:cxn>
                <a:cxn ang="0">
                  <a:pos x="T8" y="T9"/>
                </a:cxn>
                <a:cxn ang="0">
                  <a:pos x="T10" y="T11"/>
                </a:cxn>
                <a:cxn ang="0">
                  <a:pos x="T12" y="T13"/>
                </a:cxn>
              </a:cxnLst>
              <a:rect l="0" t="0" r="r" b="b"/>
              <a:pathLst>
                <a:path w="168" h="218">
                  <a:moveTo>
                    <a:pt x="0" y="185"/>
                  </a:moveTo>
                  <a:lnTo>
                    <a:pt x="110" y="0"/>
                  </a:lnTo>
                  <a:lnTo>
                    <a:pt x="168" y="32"/>
                  </a:lnTo>
                  <a:lnTo>
                    <a:pt x="58" y="218"/>
                  </a:lnTo>
                  <a:lnTo>
                    <a:pt x="58" y="218"/>
                  </a:lnTo>
                  <a:lnTo>
                    <a:pt x="0" y="185"/>
                  </a:lnTo>
                  <a:lnTo>
                    <a:pt x="0" y="185"/>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6" name="Freeform 306">
              <a:extLst>
                <a:ext uri="{FF2B5EF4-FFF2-40B4-BE49-F238E27FC236}">
                  <a16:creationId xmlns:a16="http://schemas.microsoft.com/office/drawing/2014/main" xmlns="" id="{20AB1439-CCF0-A546-A115-30AAD6DD3889}"/>
                </a:ext>
              </a:extLst>
            </p:cNvPr>
            <p:cNvSpPr>
              <a:spLocks/>
            </p:cNvSpPr>
            <p:nvPr/>
          </p:nvSpPr>
          <p:spPr bwMode="auto">
            <a:xfrm flipH="1">
              <a:off x="10091431" y="4909363"/>
              <a:ext cx="152255" cy="197775"/>
            </a:xfrm>
            <a:custGeom>
              <a:avLst/>
              <a:gdLst>
                <a:gd name="T0" fmla="*/ 169 w 169"/>
                <a:gd name="T1" fmla="*/ 31 h 217"/>
                <a:gd name="T2" fmla="*/ 59 w 169"/>
                <a:gd name="T3" fmla="*/ 217 h 217"/>
                <a:gd name="T4" fmla="*/ 0 w 169"/>
                <a:gd name="T5" fmla="*/ 185 h 217"/>
                <a:gd name="T6" fmla="*/ 111 w 169"/>
                <a:gd name="T7" fmla="*/ 0 h 217"/>
                <a:gd name="T8" fmla="*/ 111 w 169"/>
                <a:gd name="T9" fmla="*/ 0 h 217"/>
                <a:gd name="T10" fmla="*/ 169 w 169"/>
                <a:gd name="T11" fmla="*/ 31 h 217"/>
                <a:gd name="T12" fmla="*/ 169 w 169"/>
                <a:gd name="T13" fmla="*/ 31 h 217"/>
              </a:gdLst>
              <a:ahLst/>
              <a:cxnLst>
                <a:cxn ang="0">
                  <a:pos x="T0" y="T1"/>
                </a:cxn>
                <a:cxn ang="0">
                  <a:pos x="T2" y="T3"/>
                </a:cxn>
                <a:cxn ang="0">
                  <a:pos x="T4" y="T5"/>
                </a:cxn>
                <a:cxn ang="0">
                  <a:pos x="T6" y="T7"/>
                </a:cxn>
                <a:cxn ang="0">
                  <a:pos x="T8" y="T9"/>
                </a:cxn>
                <a:cxn ang="0">
                  <a:pos x="T10" y="T11"/>
                </a:cxn>
                <a:cxn ang="0">
                  <a:pos x="T12" y="T13"/>
                </a:cxn>
              </a:cxnLst>
              <a:rect l="0" t="0" r="r" b="b"/>
              <a:pathLst>
                <a:path w="169" h="217">
                  <a:moveTo>
                    <a:pt x="169" y="31"/>
                  </a:moveTo>
                  <a:lnTo>
                    <a:pt x="59" y="217"/>
                  </a:lnTo>
                  <a:lnTo>
                    <a:pt x="0" y="185"/>
                  </a:lnTo>
                  <a:lnTo>
                    <a:pt x="111" y="0"/>
                  </a:lnTo>
                  <a:lnTo>
                    <a:pt x="111" y="0"/>
                  </a:lnTo>
                  <a:lnTo>
                    <a:pt x="169" y="31"/>
                  </a:lnTo>
                  <a:lnTo>
                    <a:pt x="169" y="31"/>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7" name="Freeform 307">
              <a:extLst>
                <a:ext uri="{FF2B5EF4-FFF2-40B4-BE49-F238E27FC236}">
                  <a16:creationId xmlns:a16="http://schemas.microsoft.com/office/drawing/2014/main" xmlns="" id="{9A08535E-107C-F043-B605-277D665DD39F}"/>
                </a:ext>
              </a:extLst>
            </p:cNvPr>
            <p:cNvSpPr>
              <a:spLocks/>
            </p:cNvSpPr>
            <p:nvPr/>
          </p:nvSpPr>
          <p:spPr bwMode="auto">
            <a:xfrm flipH="1">
              <a:off x="7398085" y="2255331"/>
              <a:ext cx="194257" cy="146738"/>
            </a:xfrm>
            <a:custGeom>
              <a:avLst/>
              <a:gdLst>
                <a:gd name="T0" fmla="*/ 0 w 225"/>
                <a:gd name="T1" fmla="*/ 106 h 162"/>
                <a:gd name="T2" fmla="*/ 191 w 225"/>
                <a:gd name="T3" fmla="*/ 0 h 162"/>
                <a:gd name="T4" fmla="*/ 225 w 225"/>
                <a:gd name="T5" fmla="*/ 56 h 162"/>
                <a:gd name="T6" fmla="*/ 33 w 225"/>
                <a:gd name="T7" fmla="*/ 162 h 162"/>
                <a:gd name="T8" fmla="*/ 33 w 225"/>
                <a:gd name="T9" fmla="*/ 162 h 162"/>
                <a:gd name="T10" fmla="*/ 0 w 225"/>
                <a:gd name="T11" fmla="*/ 106 h 162"/>
                <a:gd name="T12" fmla="*/ 0 w 225"/>
                <a:gd name="T13" fmla="*/ 106 h 162"/>
              </a:gdLst>
              <a:ahLst/>
              <a:cxnLst>
                <a:cxn ang="0">
                  <a:pos x="T0" y="T1"/>
                </a:cxn>
                <a:cxn ang="0">
                  <a:pos x="T2" y="T3"/>
                </a:cxn>
                <a:cxn ang="0">
                  <a:pos x="T4" y="T5"/>
                </a:cxn>
                <a:cxn ang="0">
                  <a:pos x="T6" y="T7"/>
                </a:cxn>
                <a:cxn ang="0">
                  <a:pos x="T8" y="T9"/>
                </a:cxn>
                <a:cxn ang="0">
                  <a:pos x="T10" y="T11"/>
                </a:cxn>
                <a:cxn ang="0">
                  <a:pos x="T12" y="T13"/>
                </a:cxn>
              </a:cxnLst>
              <a:rect l="0" t="0" r="r" b="b"/>
              <a:pathLst>
                <a:path w="225" h="162">
                  <a:moveTo>
                    <a:pt x="0" y="106"/>
                  </a:moveTo>
                  <a:lnTo>
                    <a:pt x="191" y="0"/>
                  </a:lnTo>
                  <a:lnTo>
                    <a:pt x="225" y="56"/>
                  </a:lnTo>
                  <a:lnTo>
                    <a:pt x="33" y="162"/>
                  </a:lnTo>
                  <a:lnTo>
                    <a:pt x="33" y="162"/>
                  </a:lnTo>
                  <a:lnTo>
                    <a:pt x="0" y="106"/>
                  </a:lnTo>
                  <a:lnTo>
                    <a:pt x="0" y="106"/>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8" name="Freeform 308">
              <a:extLst>
                <a:ext uri="{FF2B5EF4-FFF2-40B4-BE49-F238E27FC236}">
                  <a16:creationId xmlns:a16="http://schemas.microsoft.com/office/drawing/2014/main" xmlns="" id="{A9FB7C53-DDCB-F74A-8918-98AC4B8E2216}"/>
                </a:ext>
              </a:extLst>
            </p:cNvPr>
            <p:cNvSpPr>
              <a:spLocks/>
            </p:cNvSpPr>
            <p:nvPr/>
          </p:nvSpPr>
          <p:spPr bwMode="auto">
            <a:xfrm flipH="1">
              <a:off x="10794956" y="4207577"/>
              <a:ext cx="199507" cy="146738"/>
            </a:xfrm>
            <a:custGeom>
              <a:avLst/>
              <a:gdLst>
                <a:gd name="T0" fmla="*/ 227 w 227"/>
                <a:gd name="T1" fmla="*/ 56 h 162"/>
                <a:gd name="T2" fmla="*/ 34 w 227"/>
                <a:gd name="T3" fmla="*/ 162 h 162"/>
                <a:gd name="T4" fmla="*/ 0 w 227"/>
                <a:gd name="T5" fmla="*/ 106 h 162"/>
                <a:gd name="T6" fmla="*/ 193 w 227"/>
                <a:gd name="T7" fmla="*/ 0 h 162"/>
                <a:gd name="T8" fmla="*/ 193 w 227"/>
                <a:gd name="T9" fmla="*/ 0 h 162"/>
                <a:gd name="T10" fmla="*/ 227 w 227"/>
                <a:gd name="T11" fmla="*/ 56 h 162"/>
                <a:gd name="T12" fmla="*/ 227 w 227"/>
                <a:gd name="T13" fmla="*/ 56 h 162"/>
              </a:gdLst>
              <a:ahLst/>
              <a:cxnLst>
                <a:cxn ang="0">
                  <a:pos x="T0" y="T1"/>
                </a:cxn>
                <a:cxn ang="0">
                  <a:pos x="T2" y="T3"/>
                </a:cxn>
                <a:cxn ang="0">
                  <a:pos x="T4" y="T5"/>
                </a:cxn>
                <a:cxn ang="0">
                  <a:pos x="T6" y="T7"/>
                </a:cxn>
                <a:cxn ang="0">
                  <a:pos x="T8" y="T9"/>
                </a:cxn>
                <a:cxn ang="0">
                  <a:pos x="T10" y="T11"/>
                </a:cxn>
                <a:cxn ang="0">
                  <a:pos x="T12" y="T13"/>
                </a:cxn>
              </a:cxnLst>
              <a:rect l="0" t="0" r="r" b="b"/>
              <a:pathLst>
                <a:path w="227" h="162">
                  <a:moveTo>
                    <a:pt x="227" y="56"/>
                  </a:moveTo>
                  <a:lnTo>
                    <a:pt x="34" y="162"/>
                  </a:lnTo>
                  <a:lnTo>
                    <a:pt x="0" y="106"/>
                  </a:lnTo>
                  <a:lnTo>
                    <a:pt x="193" y="0"/>
                  </a:lnTo>
                  <a:lnTo>
                    <a:pt x="193" y="0"/>
                  </a:lnTo>
                  <a:lnTo>
                    <a:pt x="227" y="56"/>
                  </a:lnTo>
                  <a:lnTo>
                    <a:pt x="227" y="56"/>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9" name="Freeform 309">
              <a:extLst>
                <a:ext uri="{FF2B5EF4-FFF2-40B4-BE49-F238E27FC236}">
                  <a16:creationId xmlns:a16="http://schemas.microsoft.com/office/drawing/2014/main" xmlns="" id="{ADFB8795-435E-0847-BC80-9AE9B86A0548}"/>
                </a:ext>
              </a:extLst>
            </p:cNvPr>
            <p:cNvSpPr>
              <a:spLocks/>
            </p:cNvSpPr>
            <p:nvPr/>
          </p:nvSpPr>
          <p:spPr bwMode="auto">
            <a:xfrm flipH="1">
              <a:off x="10794956" y="2255331"/>
              <a:ext cx="194257" cy="146738"/>
            </a:xfrm>
            <a:custGeom>
              <a:avLst/>
              <a:gdLst>
                <a:gd name="T0" fmla="*/ 192 w 226"/>
                <a:gd name="T1" fmla="*/ 162 h 162"/>
                <a:gd name="T2" fmla="*/ 0 w 226"/>
                <a:gd name="T3" fmla="*/ 56 h 162"/>
                <a:gd name="T4" fmla="*/ 34 w 226"/>
                <a:gd name="T5" fmla="*/ 0 h 162"/>
                <a:gd name="T6" fmla="*/ 226 w 226"/>
                <a:gd name="T7" fmla="*/ 106 h 162"/>
                <a:gd name="T8" fmla="*/ 226 w 226"/>
                <a:gd name="T9" fmla="*/ 106 h 162"/>
                <a:gd name="T10" fmla="*/ 192 w 226"/>
                <a:gd name="T11" fmla="*/ 162 h 162"/>
                <a:gd name="T12" fmla="*/ 192 w 226"/>
                <a:gd name="T13" fmla="*/ 162 h 162"/>
              </a:gdLst>
              <a:ahLst/>
              <a:cxnLst>
                <a:cxn ang="0">
                  <a:pos x="T0" y="T1"/>
                </a:cxn>
                <a:cxn ang="0">
                  <a:pos x="T2" y="T3"/>
                </a:cxn>
                <a:cxn ang="0">
                  <a:pos x="T4" y="T5"/>
                </a:cxn>
                <a:cxn ang="0">
                  <a:pos x="T6" y="T7"/>
                </a:cxn>
                <a:cxn ang="0">
                  <a:pos x="T8" y="T9"/>
                </a:cxn>
                <a:cxn ang="0">
                  <a:pos x="T10" y="T11"/>
                </a:cxn>
                <a:cxn ang="0">
                  <a:pos x="T12" y="T13"/>
                </a:cxn>
              </a:cxnLst>
              <a:rect l="0" t="0" r="r" b="b"/>
              <a:pathLst>
                <a:path w="226" h="162">
                  <a:moveTo>
                    <a:pt x="192" y="162"/>
                  </a:moveTo>
                  <a:lnTo>
                    <a:pt x="0" y="56"/>
                  </a:lnTo>
                  <a:lnTo>
                    <a:pt x="34" y="0"/>
                  </a:lnTo>
                  <a:lnTo>
                    <a:pt x="226" y="106"/>
                  </a:lnTo>
                  <a:lnTo>
                    <a:pt x="226" y="106"/>
                  </a:lnTo>
                  <a:lnTo>
                    <a:pt x="192" y="162"/>
                  </a:lnTo>
                  <a:lnTo>
                    <a:pt x="192" y="16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0" name="Freeform 310">
              <a:extLst>
                <a:ext uri="{FF2B5EF4-FFF2-40B4-BE49-F238E27FC236}">
                  <a16:creationId xmlns:a16="http://schemas.microsoft.com/office/drawing/2014/main" xmlns="" id="{ADDF182B-1B4F-BF4B-ACA1-271E29F057FB}"/>
                </a:ext>
              </a:extLst>
            </p:cNvPr>
            <p:cNvSpPr>
              <a:spLocks/>
            </p:cNvSpPr>
            <p:nvPr/>
          </p:nvSpPr>
          <p:spPr bwMode="auto">
            <a:xfrm flipH="1">
              <a:off x="7398085" y="4207577"/>
              <a:ext cx="194257" cy="146738"/>
            </a:xfrm>
            <a:custGeom>
              <a:avLst/>
              <a:gdLst>
                <a:gd name="T0" fmla="*/ 33 w 226"/>
                <a:gd name="T1" fmla="*/ 0 h 162"/>
                <a:gd name="T2" fmla="*/ 226 w 226"/>
                <a:gd name="T3" fmla="*/ 106 h 162"/>
                <a:gd name="T4" fmla="*/ 192 w 226"/>
                <a:gd name="T5" fmla="*/ 162 h 162"/>
                <a:gd name="T6" fmla="*/ 0 w 226"/>
                <a:gd name="T7" fmla="*/ 56 h 162"/>
                <a:gd name="T8" fmla="*/ 0 w 226"/>
                <a:gd name="T9" fmla="*/ 56 h 162"/>
                <a:gd name="T10" fmla="*/ 33 w 226"/>
                <a:gd name="T11" fmla="*/ 0 h 162"/>
                <a:gd name="T12" fmla="*/ 33 w 226"/>
                <a:gd name="T13" fmla="*/ 0 h 162"/>
              </a:gdLst>
              <a:ahLst/>
              <a:cxnLst>
                <a:cxn ang="0">
                  <a:pos x="T0" y="T1"/>
                </a:cxn>
                <a:cxn ang="0">
                  <a:pos x="T2" y="T3"/>
                </a:cxn>
                <a:cxn ang="0">
                  <a:pos x="T4" y="T5"/>
                </a:cxn>
                <a:cxn ang="0">
                  <a:pos x="T6" y="T7"/>
                </a:cxn>
                <a:cxn ang="0">
                  <a:pos x="T8" y="T9"/>
                </a:cxn>
                <a:cxn ang="0">
                  <a:pos x="T10" y="T11"/>
                </a:cxn>
                <a:cxn ang="0">
                  <a:pos x="T12" y="T13"/>
                </a:cxn>
              </a:cxnLst>
              <a:rect l="0" t="0" r="r" b="b"/>
              <a:pathLst>
                <a:path w="226" h="162">
                  <a:moveTo>
                    <a:pt x="33" y="0"/>
                  </a:moveTo>
                  <a:lnTo>
                    <a:pt x="226" y="106"/>
                  </a:lnTo>
                  <a:lnTo>
                    <a:pt x="192" y="162"/>
                  </a:lnTo>
                  <a:lnTo>
                    <a:pt x="0" y="56"/>
                  </a:lnTo>
                  <a:lnTo>
                    <a:pt x="0" y="56"/>
                  </a:lnTo>
                  <a:lnTo>
                    <a:pt x="33" y="0"/>
                  </a:lnTo>
                  <a:lnTo>
                    <a:pt x="33"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1" name="Freeform 311">
              <a:extLst>
                <a:ext uri="{FF2B5EF4-FFF2-40B4-BE49-F238E27FC236}">
                  <a16:creationId xmlns:a16="http://schemas.microsoft.com/office/drawing/2014/main" xmlns="" id="{86B8E912-D6A6-2B48-879E-E735B0E38137}"/>
                </a:ext>
              </a:extLst>
            </p:cNvPr>
            <p:cNvSpPr>
              <a:spLocks/>
            </p:cNvSpPr>
            <p:nvPr/>
          </p:nvSpPr>
          <p:spPr bwMode="auto">
            <a:xfrm flipH="1">
              <a:off x="10096681" y="1502504"/>
              <a:ext cx="147005" cy="197775"/>
            </a:xfrm>
            <a:custGeom>
              <a:avLst/>
              <a:gdLst>
                <a:gd name="T0" fmla="*/ 109 w 168"/>
                <a:gd name="T1" fmla="*/ 217 h 217"/>
                <a:gd name="T2" fmla="*/ 0 w 168"/>
                <a:gd name="T3" fmla="*/ 32 h 217"/>
                <a:gd name="T4" fmla="*/ 58 w 168"/>
                <a:gd name="T5" fmla="*/ 0 h 217"/>
                <a:gd name="T6" fmla="*/ 168 w 168"/>
                <a:gd name="T7" fmla="*/ 185 h 217"/>
                <a:gd name="T8" fmla="*/ 168 w 168"/>
                <a:gd name="T9" fmla="*/ 185 h 217"/>
                <a:gd name="T10" fmla="*/ 109 w 168"/>
                <a:gd name="T11" fmla="*/ 217 h 217"/>
                <a:gd name="T12" fmla="*/ 109 w 168"/>
                <a:gd name="T13" fmla="*/ 217 h 217"/>
              </a:gdLst>
              <a:ahLst/>
              <a:cxnLst>
                <a:cxn ang="0">
                  <a:pos x="T0" y="T1"/>
                </a:cxn>
                <a:cxn ang="0">
                  <a:pos x="T2" y="T3"/>
                </a:cxn>
                <a:cxn ang="0">
                  <a:pos x="T4" y="T5"/>
                </a:cxn>
                <a:cxn ang="0">
                  <a:pos x="T6" y="T7"/>
                </a:cxn>
                <a:cxn ang="0">
                  <a:pos x="T8" y="T9"/>
                </a:cxn>
                <a:cxn ang="0">
                  <a:pos x="T10" y="T11"/>
                </a:cxn>
                <a:cxn ang="0">
                  <a:pos x="T12" y="T13"/>
                </a:cxn>
              </a:cxnLst>
              <a:rect l="0" t="0" r="r" b="b"/>
              <a:pathLst>
                <a:path w="168" h="217">
                  <a:moveTo>
                    <a:pt x="109" y="217"/>
                  </a:moveTo>
                  <a:lnTo>
                    <a:pt x="0" y="32"/>
                  </a:lnTo>
                  <a:lnTo>
                    <a:pt x="58" y="0"/>
                  </a:lnTo>
                  <a:lnTo>
                    <a:pt x="168" y="185"/>
                  </a:lnTo>
                  <a:lnTo>
                    <a:pt x="168" y="185"/>
                  </a:lnTo>
                  <a:lnTo>
                    <a:pt x="109" y="217"/>
                  </a:lnTo>
                  <a:lnTo>
                    <a:pt x="109" y="217"/>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2" name="Freeform 312">
              <a:extLst>
                <a:ext uri="{FF2B5EF4-FFF2-40B4-BE49-F238E27FC236}">
                  <a16:creationId xmlns:a16="http://schemas.microsoft.com/office/drawing/2014/main" xmlns="" id="{5EFA8871-DC62-734F-9808-AC29164BF5E2}"/>
                </a:ext>
              </a:extLst>
            </p:cNvPr>
            <p:cNvSpPr>
              <a:spLocks/>
            </p:cNvSpPr>
            <p:nvPr/>
          </p:nvSpPr>
          <p:spPr bwMode="auto">
            <a:xfrm flipH="1">
              <a:off x="8143611" y="4902985"/>
              <a:ext cx="147005" cy="197775"/>
            </a:xfrm>
            <a:custGeom>
              <a:avLst/>
              <a:gdLst>
                <a:gd name="T0" fmla="*/ 59 w 170"/>
                <a:gd name="T1" fmla="*/ 0 h 217"/>
                <a:gd name="T2" fmla="*/ 170 w 170"/>
                <a:gd name="T3" fmla="*/ 185 h 217"/>
                <a:gd name="T4" fmla="*/ 111 w 170"/>
                <a:gd name="T5" fmla="*/ 217 h 217"/>
                <a:gd name="T6" fmla="*/ 0 w 170"/>
                <a:gd name="T7" fmla="*/ 32 h 217"/>
                <a:gd name="T8" fmla="*/ 0 w 170"/>
                <a:gd name="T9" fmla="*/ 32 h 217"/>
                <a:gd name="T10" fmla="*/ 59 w 170"/>
                <a:gd name="T11" fmla="*/ 0 h 217"/>
                <a:gd name="T12" fmla="*/ 59 w 170"/>
                <a:gd name="T13" fmla="*/ 0 h 217"/>
              </a:gdLst>
              <a:ahLst/>
              <a:cxnLst>
                <a:cxn ang="0">
                  <a:pos x="T0" y="T1"/>
                </a:cxn>
                <a:cxn ang="0">
                  <a:pos x="T2" y="T3"/>
                </a:cxn>
                <a:cxn ang="0">
                  <a:pos x="T4" y="T5"/>
                </a:cxn>
                <a:cxn ang="0">
                  <a:pos x="T6" y="T7"/>
                </a:cxn>
                <a:cxn ang="0">
                  <a:pos x="T8" y="T9"/>
                </a:cxn>
                <a:cxn ang="0">
                  <a:pos x="T10" y="T11"/>
                </a:cxn>
                <a:cxn ang="0">
                  <a:pos x="T12" y="T13"/>
                </a:cxn>
              </a:cxnLst>
              <a:rect l="0" t="0" r="r" b="b"/>
              <a:pathLst>
                <a:path w="170" h="217">
                  <a:moveTo>
                    <a:pt x="59" y="0"/>
                  </a:moveTo>
                  <a:lnTo>
                    <a:pt x="170" y="185"/>
                  </a:lnTo>
                  <a:lnTo>
                    <a:pt x="111" y="217"/>
                  </a:lnTo>
                  <a:lnTo>
                    <a:pt x="0" y="32"/>
                  </a:lnTo>
                  <a:lnTo>
                    <a:pt x="0" y="32"/>
                  </a:lnTo>
                  <a:lnTo>
                    <a:pt x="59" y="0"/>
                  </a:lnTo>
                  <a:lnTo>
                    <a:pt x="59"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3" name="Freeform 313">
              <a:extLst>
                <a:ext uri="{FF2B5EF4-FFF2-40B4-BE49-F238E27FC236}">
                  <a16:creationId xmlns:a16="http://schemas.microsoft.com/office/drawing/2014/main" xmlns="" id="{C31A487E-D63F-8647-B274-CC796473DA55}"/>
                </a:ext>
              </a:extLst>
            </p:cNvPr>
            <p:cNvSpPr>
              <a:spLocks/>
            </p:cNvSpPr>
            <p:nvPr/>
          </p:nvSpPr>
          <p:spPr bwMode="auto">
            <a:xfrm flipH="1">
              <a:off x="7104074" y="3263353"/>
              <a:ext cx="336012" cy="57419"/>
            </a:xfrm>
            <a:custGeom>
              <a:avLst/>
              <a:gdLst>
                <a:gd name="T0" fmla="*/ 0 w 382"/>
                <a:gd name="T1" fmla="*/ 44 h 64"/>
                <a:gd name="T2" fmla="*/ 0 w 382"/>
                <a:gd name="T3" fmla="*/ 44 h 64"/>
                <a:gd name="T4" fmla="*/ 0 w 382"/>
                <a:gd name="T5" fmla="*/ 0 h 64"/>
                <a:gd name="T6" fmla="*/ 382 w 382"/>
                <a:gd name="T7" fmla="*/ 0 h 64"/>
                <a:gd name="T8" fmla="*/ 382 w 382"/>
                <a:gd name="T9" fmla="*/ 64 h 64"/>
                <a:gd name="T10" fmla="*/ 0 w 382"/>
                <a:gd name="T11" fmla="*/ 64 h 64"/>
                <a:gd name="T12" fmla="*/ 0 w 382"/>
                <a:gd name="T13" fmla="*/ 64 h 64"/>
                <a:gd name="T14" fmla="*/ 0 w 382"/>
                <a:gd name="T15" fmla="*/ 44 h 64"/>
                <a:gd name="T16" fmla="*/ 0 w 382"/>
                <a:gd name="T17" fmla="*/ 44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2" h="64">
                  <a:moveTo>
                    <a:pt x="0" y="44"/>
                  </a:moveTo>
                  <a:lnTo>
                    <a:pt x="0" y="44"/>
                  </a:lnTo>
                  <a:lnTo>
                    <a:pt x="0" y="0"/>
                  </a:lnTo>
                  <a:lnTo>
                    <a:pt x="382" y="0"/>
                  </a:lnTo>
                  <a:lnTo>
                    <a:pt x="382" y="64"/>
                  </a:lnTo>
                  <a:lnTo>
                    <a:pt x="0" y="64"/>
                  </a:lnTo>
                  <a:lnTo>
                    <a:pt x="0" y="64"/>
                  </a:lnTo>
                  <a:lnTo>
                    <a:pt x="0" y="44"/>
                  </a:lnTo>
                  <a:lnTo>
                    <a:pt x="0" y="44"/>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4" name="Freeform 314">
              <a:extLst>
                <a:ext uri="{FF2B5EF4-FFF2-40B4-BE49-F238E27FC236}">
                  <a16:creationId xmlns:a16="http://schemas.microsoft.com/office/drawing/2014/main" xmlns="" id="{4C985A8C-5DBA-2F42-92D1-B8F2EE4BDBC2}"/>
                </a:ext>
              </a:extLst>
            </p:cNvPr>
            <p:cNvSpPr>
              <a:spLocks/>
            </p:cNvSpPr>
            <p:nvPr/>
          </p:nvSpPr>
          <p:spPr bwMode="auto">
            <a:xfrm flipH="1">
              <a:off x="10947212" y="3263353"/>
              <a:ext cx="341262" cy="57419"/>
            </a:xfrm>
            <a:custGeom>
              <a:avLst/>
              <a:gdLst>
                <a:gd name="T0" fmla="*/ 391 w 391"/>
                <a:gd name="T1" fmla="*/ 0 h 64"/>
                <a:gd name="T2" fmla="*/ 391 w 391"/>
                <a:gd name="T3" fmla="*/ 0 h 64"/>
                <a:gd name="T4" fmla="*/ 390 w 391"/>
                <a:gd name="T5" fmla="*/ 44 h 64"/>
                <a:gd name="T6" fmla="*/ 390 w 391"/>
                <a:gd name="T7" fmla="*/ 44 h 64"/>
                <a:gd name="T8" fmla="*/ 390 w 391"/>
                <a:gd name="T9" fmla="*/ 64 h 64"/>
                <a:gd name="T10" fmla="*/ 0 w 391"/>
                <a:gd name="T11" fmla="*/ 64 h 64"/>
                <a:gd name="T12" fmla="*/ 0 w 391"/>
                <a:gd name="T13" fmla="*/ 0 h 64"/>
                <a:gd name="T14" fmla="*/ 391 w 391"/>
                <a:gd name="T15" fmla="*/ 0 h 6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91" h="64">
                  <a:moveTo>
                    <a:pt x="391" y="0"/>
                  </a:moveTo>
                  <a:lnTo>
                    <a:pt x="391" y="0"/>
                  </a:lnTo>
                  <a:lnTo>
                    <a:pt x="390" y="44"/>
                  </a:lnTo>
                  <a:lnTo>
                    <a:pt x="390" y="44"/>
                  </a:lnTo>
                  <a:lnTo>
                    <a:pt x="390" y="64"/>
                  </a:lnTo>
                  <a:lnTo>
                    <a:pt x="0" y="64"/>
                  </a:lnTo>
                  <a:lnTo>
                    <a:pt x="0" y="0"/>
                  </a:lnTo>
                  <a:lnTo>
                    <a:pt x="391"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5" name="Freeform 315">
              <a:extLst>
                <a:ext uri="{FF2B5EF4-FFF2-40B4-BE49-F238E27FC236}">
                  <a16:creationId xmlns:a16="http://schemas.microsoft.com/office/drawing/2014/main" xmlns="" id="{36C760A0-8E6D-E54C-B3E8-09E3D946D464}"/>
                </a:ext>
              </a:extLst>
            </p:cNvPr>
            <p:cNvSpPr>
              <a:spLocks/>
            </p:cNvSpPr>
            <p:nvPr/>
          </p:nvSpPr>
          <p:spPr bwMode="auto">
            <a:xfrm flipH="1">
              <a:off x="9167398" y="5062483"/>
              <a:ext cx="57752" cy="331753"/>
            </a:xfrm>
            <a:custGeom>
              <a:avLst/>
              <a:gdLst>
                <a:gd name="T0" fmla="*/ 38 w 67"/>
                <a:gd name="T1" fmla="*/ 1 h 361"/>
                <a:gd name="T2" fmla="*/ 38 w 67"/>
                <a:gd name="T3" fmla="*/ 1 h 361"/>
                <a:gd name="T4" fmla="*/ 67 w 67"/>
                <a:gd name="T5" fmla="*/ 0 h 361"/>
                <a:gd name="T6" fmla="*/ 67 w 67"/>
                <a:gd name="T7" fmla="*/ 361 h 361"/>
                <a:gd name="T8" fmla="*/ 0 w 67"/>
                <a:gd name="T9" fmla="*/ 361 h 361"/>
                <a:gd name="T10" fmla="*/ 0 w 67"/>
                <a:gd name="T11" fmla="*/ 0 h 361"/>
                <a:gd name="T12" fmla="*/ 0 w 67"/>
                <a:gd name="T13" fmla="*/ 0 h 361"/>
                <a:gd name="T14" fmla="*/ 38 w 67"/>
                <a:gd name="T15" fmla="*/ 1 h 361"/>
                <a:gd name="T16" fmla="*/ 38 w 67"/>
                <a:gd name="T17" fmla="*/ 1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7" h="361">
                  <a:moveTo>
                    <a:pt x="38" y="1"/>
                  </a:moveTo>
                  <a:lnTo>
                    <a:pt x="38" y="1"/>
                  </a:lnTo>
                  <a:lnTo>
                    <a:pt x="67" y="0"/>
                  </a:lnTo>
                  <a:lnTo>
                    <a:pt x="67" y="361"/>
                  </a:lnTo>
                  <a:lnTo>
                    <a:pt x="0" y="361"/>
                  </a:lnTo>
                  <a:lnTo>
                    <a:pt x="0" y="0"/>
                  </a:lnTo>
                  <a:lnTo>
                    <a:pt x="0" y="0"/>
                  </a:lnTo>
                  <a:lnTo>
                    <a:pt x="38" y="1"/>
                  </a:lnTo>
                  <a:lnTo>
                    <a:pt x="38" y="1"/>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6" name="Freeform 316">
              <a:extLst>
                <a:ext uri="{FF2B5EF4-FFF2-40B4-BE49-F238E27FC236}">
                  <a16:creationId xmlns:a16="http://schemas.microsoft.com/office/drawing/2014/main" xmlns="" id="{D828322D-922E-E542-BB53-355DBAEF188F}"/>
                </a:ext>
              </a:extLst>
            </p:cNvPr>
            <p:cNvSpPr>
              <a:spLocks/>
            </p:cNvSpPr>
            <p:nvPr/>
          </p:nvSpPr>
          <p:spPr bwMode="auto">
            <a:xfrm flipH="1">
              <a:off x="9167398" y="1196272"/>
              <a:ext cx="57752" cy="350895"/>
            </a:xfrm>
            <a:custGeom>
              <a:avLst/>
              <a:gdLst>
                <a:gd name="T0" fmla="*/ 38 w 67"/>
                <a:gd name="T1" fmla="*/ 383 h 384"/>
                <a:gd name="T2" fmla="*/ 38 w 67"/>
                <a:gd name="T3" fmla="*/ 383 h 384"/>
                <a:gd name="T4" fmla="*/ 0 w 67"/>
                <a:gd name="T5" fmla="*/ 384 h 384"/>
                <a:gd name="T6" fmla="*/ 0 w 67"/>
                <a:gd name="T7" fmla="*/ 0 h 384"/>
                <a:gd name="T8" fmla="*/ 67 w 67"/>
                <a:gd name="T9" fmla="*/ 0 h 384"/>
                <a:gd name="T10" fmla="*/ 67 w 67"/>
                <a:gd name="T11" fmla="*/ 384 h 384"/>
                <a:gd name="T12" fmla="*/ 67 w 67"/>
                <a:gd name="T13" fmla="*/ 384 h 384"/>
                <a:gd name="T14" fmla="*/ 38 w 67"/>
                <a:gd name="T15" fmla="*/ 383 h 384"/>
                <a:gd name="T16" fmla="*/ 38 w 67"/>
                <a:gd name="T17" fmla="*/ 383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7" h="384">
                  <a:moveTo>
                    <a:pt x="38" y="383"/>
                  </a:moveTo>
                  <a:lnTo>
                    <a:pt x="38" y="383"/>
                  </a:lnTo>
                  <a:lnTo>
                    <a:pt x="0" y="384"/>
                  </a:lnTo>
                  <a:lnTo>
                    <a:pt x="0" y="0"/>
                  </a:lnTo>
                  <a:lnTo>
                    <a:pt x="67" y="0"/>
                  </a:lnTo>
                  <a:lnTo>
                    <a:pt x="67" y="384"/>
                  </a:lnTo>
                  <a:lnTo>
                    <a:pt x="67" y="384"/>
                  </a:lnTo>
                  <a:lnTo>
                    <a:pt x="38" y="383"/>
                  </a:lnTo>
                  <a:lnTo>
                    <a:pt x="38" y="383"/>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grpSp>
      <p:sp>
        <p:nvSpPr>
          <p:cNvPr id="37" name="Right Arrow 36">
            <a:extLst>
              <a:ext uri="{FF2B5EF4-FFF2-40B4-BE49-F238E27FC236}">
                <a16:creationId xmlns:a16="http://schemas.microsoft.com/office/drawing/2014/main" xmlns="" id="{3E379CC7-90FB-FA44-9B23-DA32C2AF3294}"/>
              </a:ext>
            </a:extLst>
          </p:cNvPr>
          <p:cNvSpPr/>
          <p:nvPr/>
        </p:nvSpPr>
        <p:spPr>
          <a:xfrm>
            <a:off x="2992875" y="479698"/>
            <a:ext cx="527643" cy="385186"/>
          </a:xfrm>
          <a:prstGeom prst="rightArrow">
            <a:avLst/>
          </a:prstGeom>
          <a:solidFill>
            <a:srgbClr val="7BA21A">
              <a:alpha val="53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290833546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xmlns="" id="{ACCCF7FC-3E96-47D0-BFF8-F05C68498519}"/>
              </a:ext>
            </a:extLst>
          </p:cNvPr>
          <p:cNvGraphicFramePr>
            <a:graphicFrameLocks noGrp="1"/>
          </p:cNvGraphicFramePr>
          <p:nvPr>
            <p:extLst>
              <p:ext uri="{D42A27DB-BD31-4B8C-83A1-F6EECF244321}">
                <p14:modId xmlns:p14="http://schemas.microsoft.com/office/powerpoint/2010/main" val="2078677530"/>
              </p:ext>
            </p:extLst>
          </p:nvPr>
        </p:nvGraphicFramePr>
        <p:xfrm>
          <a:off x="20548" y="2"/>
          <a:ext cx="12171452" cy="7378133"/>
        </p:xfrm>
        <a:graphic>
          <a:graphicData uri="http://schemas.openxmlformats.org/drawingml/2006/table">
            <a:tbl>
              <a:tblPr firstRow="1" bandRow="1">
                <a:effectLst>
                  <a:outerShdw dist="38100" sx="1000" sy="1000" algn="l" rotWithShape="0">
                    <a:prstClr val="black">
                      <a:alpha val="65000"/>
                    </a:prstClr>
                  </a:outerShdw>
                </a:effectLst>
                <a:tableStyleId>{5C22544A-7EE6-4342-B048-85BDC9FD1C3A}</a:tableStyleId>
              </a:tblPr>
              <a:tblGrid>
                <a:gridCol w="1665377">
                  <a:extLst>
                    <a:ext uri="{9D8B030D-6E8A-4147-A177-3AD203B41FA5}">
                      <a16:colId xmlns:a16="http://schemas.microsoft.com/office/drawing/2014/main" xmlns="" val="1560926920"/>
                    </a:ext>
                  </a:extLst>
                </a:gridCol>
                <a:gridCol w="10506075">
                  <a:extLst>
                    <a:ext uri="{9D8B030D-6E8A-4147-A177-3AD203B41FA5}">
                      <a16:colId xmlns:a16="http://schemas.microsoft.com/office/drawing/2014/main" xmlns="" val="3935886225"/>
                    </a:ext>
                  </a:extLst>
                </a:gridCol>
              </a:tblGrid>
              <a:tr h="1466448">
                <a:tc gridSpan="2">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s-VE" sz="2400" dirty="0" smtClean="0">
                          <a:solidFill>
                            <a:schemeClr val="tx2"/>
                          </a:solidFill>
                          <a:latin typeface="Arial" panose="020B0604020202020204" pitchFamily="34" charset="0"/>
                          <a:cs typeface="Arial" panose="020B0604020202020204" pitchFamily="34" charset="0"/>
                        </a:rPr>
                        <a:t>Cómo guiar a los grupos pequeños</a:t>
                      </a:r>
                      <a:endParaRPr lang="en-US" sz="2400" dirty="0">
                        <a:solidFill>
                          <a:schemeClr val="tx2"/>
                        </a:solidFill>
                        <a:latin typeface="Arial" panose="020B0604020202020204" pitchFamily="34" charset="0"/>
                        <a:cs typeface="Arial" panose="020B0604020202020204" pitchFamily="34" charset="0"/>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2400" dirty="0">
                        <a:solidFill>
                          <a:srgbClr val="FF0000"/>
                        </a:solidFill>
                        <a:latin typeface="Arial" panose="020B0604020202020204" pitchFamily="34" charset="0"/>
                        <a:cs typeface="Arial" panose="020B0604020202020204" pitchFamily="34" charset="0"/>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extLst>
                  <a:ext uri="{0D108BD9-81ED-4DB2-BD59-A6C34878D82A}">
                    <a16:rowId xmlns:a16="http://schemas.microsoft.com/office/drawing/2014/main" xmlns="" val="423117710"/>
                  </a:ext>
                </a:extLst>
              </a:tr>
              <a:tr h="3660389">
                <a:tc>
                  <a:txBody>
                    <a:bodyPr/>
                    <a:lstStyle/>
                    <a:p>
                      <a:pPr algn="ctr">
                        <a:lnSpc>
                          <a:spcPct val="107000"/>
                        </a:lnSpc>
                        <a:spcAft>
                          <a:spcPts val="0"/>
                        </a:spcAft>
                      </a:pPr>
                      <a:endParaRPr lang="es-VE" sz="1600" b="1" dirty="0" smtClean="0">
                        <a:solidFill>
                          <a:schemeClr val="bg1"/>
                        </a:solidFill>
                        <a:effectLst/>
                        <a:latin typeface="Arial" panose="020B0604020202020204" pitchFamily="34" charset="0"/>
                        <a:ea typeface="Calibri" panose="020F0502020204030204" pitchFamily="34" charset="0"/>
                        <a:cs typeface="Arial" panose="020B0604020202020204" pitchFamily="34" charset="0"/>
                      </a:endParaRPr>
                    </a:p>
                    <a:p>
                      <a:pPr algn="ctr">
                        <a:lnSpc>
                          <a:spcPct val="107000"/>
                        </a:lnSpc>
                        <a:spcAft>
                          <a:spcPts val="0"/>
                        </a:spcAft>
                      </a:pPr>
                      <a:endParaRPr lang="es-VE" sz="1600" b="1" dirty="0" smtClean="0">
                        <a:solidFill>
                          <a:schemeClr val="bg1"/>
                        </a:solidFill>
                        <a:effectLst/>
                        <a:latin typeface="Arial" panose="020B0604020202020204" pitchFamily="34" charset="0"/>
                        <a:ea typeface="Calibri" panose="020F0502020204030204" pitchFamily="34" charset="0"/>
                        <a:cs typeface="Arial" panose="020B0604020202020204" pitchFamily="34" charset="0"/>
                      </a:endParaRPr>
                    </a:p>
                    <a:p>
                      <a:pPr algn="ctr">
                        <a:lnSpc>
                          <a:spcPct val="107000"/>
                        </a:lnSpc>
                        <a:spcAft>
                          <a:spcPts val="0"/>
                        </a:spcAft>
                      </a:pPr>
                      <a:endParaRPr lang="es-VE" sz="1600" b="1" dirty="0" smtClean="0">
                        <a:solidFill>
                          <a:schemeClr val="bg1"/>
                        </a:solidFill>
                        <a:effectLst/>
                        <a:latin typeface="Arial" panose="020B0604020202020204" pitchFamily="34" charset="0"/>
                        <a:ea typeface="Calibri" panose="020F0502020204030204" pitchFamily="34" charset="0"/>
                        <a:cs typeface="Arial" panose="020B0604020202020204" pitchFamily="34" charset="0"/>
                      </a:endParaRPr>
                    </a:p>
                    <a:p>
                      <a:pPr algn="ctr">
                        <a:lnSpc>
                          <a:spcPct val="107000"/>
                        </a:lnSpc>
                        <a:spcAft>
                          <a:spcPts val="0"/>
                        </a:spcAft>
                      </a:pPr>
                      <a:endParaRPr lang="es-VE" sz="1600" b="1" dirty="0" smtClean="0">
                        <a:solidFill>
                          <a:schemeClr val="bg1"/>
                        </a:solidFill>
                        <a:effectLst/>
                        <a:latin typeface="Arial" panose="020B0604020202020204" pitchFamily="34" charset="0"/>
                        <a:ea typeface="Calibri" panose="020F0502020204030204" pitchFamily="34" charset="0"/>
                        <a:cs typeface="Arial" panose="020B0604020202020204" pitchFamily="34" charset="0"/>
                      </a:endParaRPr>
                    </a:p>
                    <a:p>
                      <a:pPr algn="ctr">
                        <a:lnSpc>
                          <a:spcPct val="107000"/>
                        </a:lnSpc>
                        <a:spcAft>
                          <a:spcPts val="0"/>
                        </a:spcAft>
                      </a:pPr>
                      <a:endParaRPr lang="es-VE" sz="1600" b="1" dirty="0" smtClean="0">
                        <a:solidFill>
                          <a:schemeClr val="bg1"/>
                        </a:solidFill>
                        <a:effectLst/>
                        <a:latin typeface="Arial" panose="020B0604020202020204" pitchFamily="34" charset="0"/>
                        <a:ea typeface="Calibri" panose="020F0502020204030204" pitchFamily="34" charset="0"/>
                        <a:cs typeface="Arial" panose="020B0604020202020204" pitchFamily="34" charset="0"/>
                      </a:endParaRPr>
                    </a:p>
                    <a:p>
                      <a:pPr algn="ctr">
                        <a:lnSpc>
                          <a:spcPct val="107000"/>
                        </a:lnSpc>
                        <a:spcAft>
                          <a:spcPts val="0"/>
                        </a:spcAft>
                      </a:pPr>
                      <a:endParaRPr lang="es-VE" sz="1600" b="1" dirty="0" smtClean="0">
                        <a:solidFill>
                          <a:schemeClr val="bg1"/>
                        </a:solidFill>
                        <a:effectLst/>
                        <a:latin typeface="Arial" panose="020B0604020202020204" pitchFamily="34" charset="0"/>
                        <a:ea typeface="Calibri" panose="020F0502020204030204" pitchFamily="34" charset="0"/>
                        <a:cs typeface="Arial" panose="020B0604020202020204" pitchFamily="34" charset="0"/>
                      </a:endParaRPr>
                    </a:p>
                    <a:p>
                      <a:pPr algn="ctr">
                        <a:lnSpc>
                          <a:spcPct val="107000"/>
                        </a:lnSpc>
                        <a:spcAft>
                          <a:spcPts val="0"/>
                        </a:spcAft>
                      </a:pPr>
                      <a:r>
                        <a:rPr lang="es-VE" sz="1600" b="1" dirty="0" smtClean="0">
                          <a:solidFill>
                            <a:schemeClr val="bg1"/>
                          </a:solidFill>
                          <a:effectLst/>
                          <a:latin typeface="Arial" panose="020B0604020202020204" pitchFamily="34" charset="0"/>
                          <a:ea typeface="Calibri" panose="020F0502020204030204" pitchFamily="34" charset="0"/>
                          <a:cs typeface="Arial" panose="020B0604020202020204" pitchFamily="34" charset="0"/>
                        </a:rPr>
                        <a:t>Estructurar </a:t>
                      </a:r>
                      <a:r>
                        <a:rPr lang="es-VE" sz="1600" b="1" dirty="0" smtClean="0">
                          <a:solidFill>
                            <a:schemeClr val="bg1"/>
                          </a:solidFill>
                          <a:effectLst/>
                          <a:latin typeface="Arial" panose="020B0604020202020204" pitchFamily="34" charset="0"/>
                          <a:ea typeface="Calibri" panose="020F0502020204030204" pitchFamily="34" charset="0"/>
                          <a:cs typeface="Arial" panose="020B0604020202020204" pitchFamily="34" charset="0"/>
                        </a:rPr>
                        <a:t>las discusiones de los grupos</a:t>
                      </a:r>
                      <a:endParaRPr lang="en-ZA" sz="1600" b="1" dirty="0">
                        <a:solidFill>
                          <a:schemeClr val="bg1"/>
                        </a:solidFill>
                        <a:effectLst/>
                        <a:latin typeface="Arial" panose="020B0604020202020204" pitchFamily="34" charset="0"/>
                        <a:ea typeface="Calibri" panose="020F0502020204030204" pitchFamily="34" charset="0"/>
                        <a:cs typeface="Arial" panose="020B0604020202020204" pitchFamily="34" charset="0"/>
                      </a:endParaRPr>
                    </a:p>
                  </a:txBody>
                  <a:tcPr>
                    <a:lnT w="12700" cmpd="sng">
                      <a:noFill/>
                    </a:lnT>
                    <a:solidFill>
                      <a:schemeClr val="accent1"/>
                    </a:solidFill>
                  </a:tcPr>
                </a:tc>
                <a:tc>
                  <a:txBody>
                    <a:bodyPr/>
                    <a:lstStyle/>
                    <a:p>
                      <a:pPr marL="285750" marR="0" lvl="0" indent="-2857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s-VE" sz="1600" kern="1000" dirty="0" smtClean="0">
                          <a:solidFill>
                            <a:schemeClr val="tx1"/>
                          </a:solidFill>
                          <a:effectLst/>
                          <a:latin typeface="+mn-lt"/>
                          <a:ea typeface="+mn-ea"/>
                          <a:cs typeface="+mn-cs"/>
                        </a:rPr>
                        <a:t>En nuestras discusiones, debemos centrarnos en los próximos 5 años, mirar al futuro y dejar el pasado atrás.</a:t>
                      </a:r>
                    </a:p>
                    <a:p>
                      <a:pPr marL="285750" marR="0" lvl="0" indent="-2857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s-VE" sz="1600" kern="1000" dirty="0" smtClean="0">
                          <a:solidFill>
                            <a:schemeClr val="tx1"/>
                          </a:solidFill>
                          <a:effectLst/>
                          <a:latin typeface="+mn-lt"/>
                          <a:ea typeface="+mn-ea"/>
                          <a:cs typeface="+mn-cs"/>
                        </a:rPr>
                        <a:t>Siguiendo el compromiso de crear respuestas al VIH basadas en las personas, esta sesión pretende delimitar tan rápido como sea posible los desafíos principales o factores de éxito que tienen un mayor impacto en nuestra capacidad de llegar a los más necesitados.</a:t>
                      </a:r>
                    </a:p>
                    <a:p>
                      <a:pPr marL="285750" marR="0" lvl="0" indent="-2857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s-VE" sz="1600" kern="1000" dirty="0" smtClean="0">
                          <a:solidFill>
                            <a:schemeClr val="tx1"/>
                          </a:solidFill>
                          <a:effectLst/>
                          <a:latin typeface="+mn-lt"/>
                          <a:ea typeface="+mn-ea"/>
                          <a:cs typeface="+mn-cs"/>
                        </a:rPr>
                        <a:t>Nos dividiremos en pequeños grupos y cada uno se centrará en una de estas 3 áreas:</a:t>
                      </a:r>
                    </a:p>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s-VE" sz="1600" kern="1000" dirty="0" smtClean="0">
                          <a:solidFill>
                            <a:schemeClr val="tx1"/>
                          </a:solidFill>
                          <a:effectLst/>
                          <a:latin typeface="+mn-lt"/>
                          <a:ea typeface="+mn-ea"/>
                          <a:cs typeface="+mn-cs"/>
                        </a:rPr>
                        <a:t>-2 grupos se centrarán en </a:t>
                      </a:r>
                      <a:r>
                        <a:rPr lang="es-VE" sz="1600" kern="1000" dirty="0" smtClean="0">
                          <a:solidFill>
                            <a:schemeClr val="accent6">
                              <a:lumMod val="60000"/>
                              <a:lumOff val="40000"/>
                            </a:schemeClr>
                          </a:solidFill>
                          <a:effectLst/>
                          <a:latin typeface="+mn-lt"/>
                          <a:ea typeface="+mn-ea"/>
                          <a:cs typeface="+mn-cs"/>
                        </a:rPr>
                        <a:t>Llegar </a:t>
                      </a:r>
                      <a:r>
                        <a:rPr lang="es-VE" sz="1600" kern="1000" dirty="0" smtClean="0">
                          <a:solidFill>
                            <a:schemeClr val="accent6">
                              <a:lumMod val="60000"/>
                              <a:lumOff val="40000"/>
                            </a:schemeClr>
                          </a:solidFill>
                          <a:effectLst/>
                          <a:latin typeface="+mn-lt"/>
                          <a:ea typeface="+mn-ea"/>
                          <a:cs typeface="+mn-cs"/>
                        </a:rPr>
                        <a:t>a los más necesitados </a:t>
                      </a:r>
                    </a:p>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s-VE" sz="1600" kern="1000" dirty="0" smtClean="0">
                          <a:solidFill>
                            <a:schemeClr val="tx1"/>
                          </a:solidFill>
                          <a:effectLst/>
                          <a:latin typeface="+mn-lt"/>
                          <a:ea typeface="+mn-ea"/>
                          <a:cs typeface="+mn-cs"/>
                        </a:rPr>
                        <a:t>-2 grupos se centrarán en </a:t>
                      </a:r>
                      <a:r>
                        <a:rPr lang="es-VE" sz="1600" kern="1000" dirty="0" smtClean="0">
                          <a:solidFill>
                            <a:schemeClr val="accent6">
                              <a:lumMod val="60000"/>
                              <a:lumOff val="40000"/>
                            </a:schemeClr>
                          </a:solidFill>
                          <a:effectLst/>
                          <a:latin typeface="+mn-lt"/>
                          <a:ea typeface="+mn-ea"/>
                          <a:cs typeface="+mn-cs"/>
                        </a:rPr>
                        <a:t>Las estructuras que responden al VIH</a:t>
                      </a:r>
                    </a:p>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s-VE" sz="1600" kern="1000" dirty="0" smtClean="0">
                          <a:solidFill>
                            <a:schemeClr val="tx1"/>
                          </a:solidFill>
                          <a:effectLst/>
                          <a:latin typeface="+mn-lt"/>
                          <a:ea typeface="+mn-ea"/>
                          <a:cs typeface="+mn-cs"/>
                        </a:rPr>
                        <a:t>-2 grupos</a:t>
                      </a:r>
                      <a:r>
                        <a:rPr lang="es-VE" sz="1600" kern="1000" baseline="0" dirty="0" smtClean="0">
                          <a:solidFill>
                            <a:schemeClr val="tx1"/>
                          </a:solidFill>
                          <a:effectLst/>
                          <a:latin typeface="+mn-lt"/>
                          <a:ea typeface="+mn-ea"/>
                          <a:cs typeface="+mn-cs"/>
                        </a:rPr>
                        <a:t> </a:t>
                      </a:r>
                      <a:r>
                        <a:rPr lang="es-VE" sz="1600" kern="1000" dirty="0" smtClean="0">
                          <a:solidFill>
                            <a:schemeClr val="tx1"/>
                          </a:solidFill>
                          <a:effectLst/>
                          <a:latin typeface="+mn-lt"/>
                          <a:ea typeface="+mn-ea"/>
                          <a:cs typeface="+mn-cs"/>
                        </a:rPr>
                        <a:t>se centrarán en </a:t>
                      </a:r>
                      <a:r>
                        <a:rPr lang="es-VE" sz="1600" kern="1000" dirty="0" smtClean="0">
                          <a:solidFill>
                            <a:schemeClr val="accent6">
                              <a:lumMod val="60000"/>
                              <a:lumOff val="40000"/>
                            </a:schemeClr>
                          </a:solidFill>
                          <a:effectLst/>
                          <a:latin typeface="+mn-lt"/>
                          <a:ea typeface="+mn-ea"/>
                          <a:cs typeface="+mn-cs"/>
                        </a:rPr>
                        <a:t>El marco contextual</a:t>
                      </a:r>
                    </a:p>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s-VE" sz="1600" kern="1000" dirty="0" smtClean="0">
                          <a:solidFill>
                            <a:schemeClr val="tx1"/>
                          </a:solidFill>
                          <a:effectLst/>
                          <a:latin typeface="+mn-lt"/>
                          <a:ea typeface="+mn-ea"/>
                          <a:cs typeface="+mn-cs"/>
                        </a:rPr>
                        <a:t>La conversación de cada grupo tomará como base las siguientes preguntas:</a:t>
                      </a:r>
                    </a:p>
                    <a:p>
                      <a:pPr marL="285750" marR="0" lvl="0" indent="-2857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s-VE" sz="1600" kern="1000" dirty="0" smtClean="0">
                          <a:solidFill>
                            <a:schemeClr val="tx1"/>
                          </a:solidFill>
                          <a:effectLst/>
                          <a:latin typeface="+mn-lt"/>
                          <a:ea typeface="+mn-ea"/>
                          <a:cs typeface="+mn-cs"/>
                        </a:rPr>
                        <a:t>¿Cómo vemos la situación actual?</a:t>
                      </a:r>
                    </a:p>
                    <a:p>
                      <a:pPr marL="285750" marR="0" lvl="0" indent="-2857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s-VE" sz="1600" kern="1000" dirty="0" smtClean="0">
                          <a:solidFill>
                            <a:schemeClr val="tx1"/>
                          </a:solidFill>
                          <a:effectLst/>
                          <a:latin typeface="+mn-lt"/>
                          <a:ea typeface="+mn-ea"/>
                          <a:cs typeface="+mn-cs"/>
                        </a:rPr>
                        <a:t>¿Qué nos preocupa?</a:t>
                      </a:r>
                    </a:p>
                    <a:p>
                      <a:pPr marL="285750" marR="0" lvl="0" indent="-2857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s-VE" sz="1600" kern="1000" dirty="0" smtClean="0">
                          <a:solidFill>
                            <a:schemeClr val="tx1"/>
                          </a:solidFill>
                          <a:effectLst/>
                          <a:latin typeface="+mn-lt"/>
                          <a:ea typeface="+mn-ea"/>
                          <a:cs typeface="+mn-cs"/>
                        </a:rPr>
                        <a:t>¿Qué nos da esperanza?</a:t>
                      </a:r>
                    </a:p>
                    <a:p>
                      <a:pPr marL="285750" marR="0" lvl="0" indent="-2857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es-VE" sz="1600" kern="1000" dirty="0" smtClean="0">
                          <a:solidFill>
                            <a:schemeClr val="tx1"/>
                          </a:solidFill>
                          <a:effectLst/>
                          <a:latin typeface="+mn-lt"/>
                          <a:ea typeface="+mn-ea"/>
                          <a:cs typeface="+mn-cs"/>
                        </a:rPr>
                        <a:t>¿Qué limita nuestra habilidad para alcanzar metas?</a:t>
                      </a:r>
                      <a:endParaRPr lang="en-US" sz="1600" kern="1000" dirty="0">
                        <a:solidFill>
                          <a:schemeClr val="tx1"/>
                        </a:solidFill>
                        <a:effectLst/>
                        <a:latin typeface="+mn-lt"/>
                        <a:ea typeface="+mn-ea"/>
                        <a:cs typeface="+mn-cs"/>
                      </a:endParaRPr>
                    </a:p>
                  </a:txBody>
                  <a:tcPr>
                    <a:lnT w="12700" cmpd="sng">
                      <a:noFill/>
                    </a:lnT>
                    <a:solidFill>
                      <a:schemeClr val="bg1"/>
                    </a:solidFill>
                  </a:tcPr>
                </a:tc>
                <a:extLst>
                  <a:ext uri="{0D108BD9-81ED-4DB2-BD59-A6C34878D82A}">
                    <a16:rowId xmlns:a16="http://schemas.microsoft.com/office/drawing/2014/main" xmlns="" val="2826885672"/>
                  </a:ext>
                </a:extLst>
              </a:tr>
              <a:tr h="688197">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r>
                        <a:rPr lang="en-US" sz="1600" b="1" kern="1200" dirty="0" smtClean="0">
                          <a:solidFill>
                            <a:schemeClr val="bg1"/>
                          </a:solidFill>
                          <a:effectLst/>
                          <a:latin typeface="Arial" panose="020B0604020202020204" pitchFamily="34" charset="0"/>
                          <a:ea typeface="+mn-ea"/>
                          <a:cs typeface="Arial" panose="020B0604020202020204" pitchFamily="34" charset="0"/>
                        </a:rPr>
                        <a:t>¿Quién va dónde?</a:t>
                      </a:r>
                      <a:endParaRPr lang="en-US" sz="1600" b="1" kern="1200" dirty="0">
                        <a:solidFill>
                          <a:schemeClr val="bg1"/>
                        </a:solidFill>
                        <a:effectLst/>
                        <a:latin typeface="Arial" panose="020B0604020202020204" pitchFamily="34" charset="0"/>
                        <a:ea typeface="+mn-ea"/>
                        <a:cs typeface="Arial" panose="020B0604020202020204" pitchFamily="34" charset="0"/>
                      </a:endParaRPr>
                    </a:p>
                  </a:txBody>
                  <a:tcPr>
                    <a:solidFill>
                      <a:schemeClr val="accent3"/>
                    </a:solidFill>
                  </a:tcPr>
                </a:tc>
                <a:tc>
                  <a:txBody>
                    <a:bodyPr/>
                    <a:lstStyle/>
                    <a:p>
                      <a:r>
                        <a:rPr lang="en-US" sz="1600" b="0" kern="1200" dirty="0" smtClean="0">
                          <a:solidFill>
                            <a:schemeClr val="dk1"/>
                          </a:solidFill>
                          <a:effectLst/>
                          <a:latin typeface="+mn-lt"/>
                          <a:ea typeface="+mn-ea"/>
                          <a:cs typeface="+mn-cs"/>
                        </a:rPr>
                        <a:t>Los</a:t>
                      </a:r>
                      <a:r>
                        <a:rPr lang="en-US" sz="1600" b="0" kern="1200" baseline="0" dirty="0" smtClean="0">
                          <a:solidFill>
                            <a:schemeClr val="dk1"/>
                          </a:solidFill>
                          <a:effectLst/>
                          <a:latin typeface="+mn-lt"/>
                          <a:ea typeface="+mn-ea"/>
                          <a:cs typeface="+mn-cs"/>
                        </a:rPr>
                        <a:t> grupos pueden ser asignados aleatoriamente </a:t>
                      </a:r>
                      <a:r>
                        <a:rPr lang="en-US" sz="1600" b="1" kern="1200" dirty="0" smtClean="0">
                          <a:solidFill>
                            <a:schemeClr val="dk1"/>
                          </a:solidFill>
                          <a:effectLst/>
                          <a:latin typeface="+mn-lt"/>
                          <a:ea typeface="+mn-ea"/>
                          <a:cs typeface="+mn-cs"/>
                        </a:rPr>
                        <a:t>O</a:t>
                      </a:r>
                      <a:endParaRPr lang="en-US" sz="1600" b="1" kern="1200" dirty="0">
                        <a:solidFill>
                          <a:schemeClr val="dk1"/>
                        </a:solidFill>
                        <a:effectLst/>
                        <a:latin typeface="+mn-lt"/>
                        <a:ea typeface="+mn-ea"/>
                        <a:cs typeface="+mn-cs"/>
                      </a:endParaRPr>
                    </a:p>
                    <a:p>
                      <a:r>
                        <a:rPr lang="en-US" sz="1600" kern="1200" dirty="0" smtClean="0">
                          <a:solidFill>
                            <a:schemeClr val="dk1"/>
                          </a:solidFill>
                          <a:effectLst/>
                          <a:latin typeface="+mn-lt"/>
                          <a:ea typeface="+mn-ea"/>
                          <a:cs typeface="+mn-cs"/>
                        </a:rPr>
                        <a:t>Predeterminados</a:t>
                      </a:r>
                      <a:r>
                        <a:rPr lang="en-US" sz="1600" kern="1200" baseline="0" dirty="0" smtClean="0">
                          <a:solidFill>
                            <a:schemeClr val="dk1"/>
                          </a:solidFill>
                          <a:effectLst/>
                          <a:latin typeface="+mn-lt"/>
                          <a:ea typeface="+mn-ea"/>
                          <a:cs typeface="+mn-cs"/>
                        </a:rPr>
                        <a:t> y el moderador es quien anuncia cuál será la distribución</a:t>
                      </a:r>
                      <a:endParaRPr lang="en-US" sz="1600" kern="1200" dirty="0">
                        <a:solidFill>
                          <a:schemeClr val="dk1"/>
                        </a:solidFill>
                        <a:effectLst/>
                        <a:latin typeface="+mn-lt"/>
                        <a:ea typeface="+mn-ea"/>
                        <a:cs typeface="+mn-cs"/>
                      </a:endParaRPr>
                    </a:p>
                  </a:txBody>
                  <a:tcPr>
                    <a:solidFill>
                      <a:schemeClr val="bg1">
                        <a:lumMod val="85000"/>
                      </a:schemeClr>
                    </a:solidFill>
                  </a:tcPr>
                </a:tc>
                <a:extLst>
                  <a:ext uri="{0D108BD9-81ED-4DB2-BD59-A6C34878D82A}">
                    <a16:rowId xmlns:a16="http://schemas.microsoft.com/office/drawing/2014/main" xmlns="" val="1172992013"/>
                  </a:ext>
                </a:extLst>
              </a:tr>
              <a:tr h="1200128">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endParaRPr lang="en-US" sz="16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r>
                        <a:rPr lang="en-US" sz="1600" b="1" kern="1200" dirty="0" smtClean="0">
                          <a:solidFill>
                            <a:schemeClr val="bg1"/>
                          </a:solidFill>
                          <a:effectLst/>
                          <a:latin typeface="Arial" panose="020B0604020202020204" pitchFamily="34" charset="0"/>
                          <a:ea typeface="+mn-ea"/>
                          <a:cs typeface="Arial" panose="020B0604020202020204" pitchFamily="34" charset="0"/>
                        </a:rPr>
                        <a:t>Antes </a:t>
                      </a:r>
                      <a:r>
                        <a:rPr lang="en-US" sz="1600" b="1" kern="1200" dirty="0" smtClean="0">
                          <a:solidFill>
                            <a:schemeClr val="bg1"/>
                          </a:solidFill>
                          <a:effectLst/>
                          <a:latin typeface="Arial" panose="020B0604020202020204" pitchFamily="34" charset="0"/>
                          <a:ea typeface="+mn-ea"/>
                          <a:cs typeface="Arial" panose="020B0604020202020204" pitchFamily="34" charset="0"/>
                        </a:rPr>
                        <a:t>de la sesión</a:t>
                      </a:r>
                      <a:endParaRPr lang="en-US" sz="1600" b="1" kern="1200" dirty="0">
                        <a:solidFill>
                          <a:schemeClr val="bg1"/>
                        </a:solidFill>
                        <a:effectLst/>
                        <a:latin typeface="Arial" panose="020B0604020202020204" pitchFamily="34" charset="0"/>
                        <a:ea typeface="+mn-ea"/>
                        <a:cs typeface="Arial" panose="020B0604020202020204" pitchFamily="34" charset="0"/>
                      </a:endParaRPr>
                    </a:p>
                  </a:txBody>
                  <a:tcPr>
                    <a:solidFill>
                      <a:schemeClr val="accent4"/>
                    </a:solidFill>
                  </a:tcPr>
                </a:tc>
                <a:tc>
                  <a:txBody>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kern="1200" dirty="0" smtClean="0">
                          <a:solidFill>
                            <a:schemeClr val="dk1"/>
                          </a:solidFill>
                          <a:effectLst/>
                          <a:latin typeface="+mn-lt"/>
                          <a:ea typeface="+mn-ea"/>
                          <a:cs typeface="+mn-cs"/>
                        </a:rPr>
                        <a:t>Asignar participantes a</a:t>
                      </a:r>
                      <a:r>
                        <a:rPr lang="en-US" sz="1600" kern="1200" baseline="0" dirty="0" smtClean="0">
                          <a:solidFill>
                            <a:schemeClr val="dk1"/>
                          </a:solidFill>
                          <a:effectLst/>
                          <a:latin typeface="+mn-lt"/>
                          <a:ea typeface="+mn-ea"/>
                          <a:cs typeface="+mn-cs"/>
                        </a:rPr>
                        <a:t> los </a:t>
                      </a:r>
                      <a:r>
                        <a:rPr lang="en-US" sz="1600" kern="1200" dirty="0" smtClean="0">
                          <a:solidFill>
                            <a:schemeClr val="dk1"/>
                          </a:solidFill>
                          <a:effectLst/>
                          <a:latin typeface="+mn-lt"/>
                          <a:ea typeface="+mn-ea"/>
                          <a:cs typeface="+mn-cs"/>
                        </a:rPr>
                        <a:t>grupos</a:t>
                      </a:r>
                      <a:r>
                        <a:rPr lang="en-US" sz="1600" kern="1200" baseline="0" dirty="0" smtClean="0">
                          <a:solidFill>
                            <a:schemeClr val="dk1"/>
                          </a:solidFill>
                          <a:effectLst/>
                          <a:latin typeface="+mn-lt"/>
                          <a:ea typeface="+mn-ea"/>
                          <a:cs typeface="+mn-cs"/>
                        </a:rPr>
                        <a:t> </a:t>
                      </a:r>
                      <a:r>
                        <a:rPr lang="en-US" sz="1600" kern="1200" dirty="0" smtClean="0">
                          <a:solidFill>
                            <a:schemeClr val="dk1"/>
                          </a:solidFill>
                          <a:effectLst/>
                          <a:latin typeface="+mn-lt"/>
                          <a:ea typeface="+mn-ea"/>
                          <a:cs typeface="+mn-cs"/>
                        </a:rPr>
                        <a:t>(opcional</a:t>
                      </a:r>
                      <a:r>
                        <a:rPr lang="en-US" sz="1600" kern="1200" dirty="0">
                          <a:solidFill>
                            <a:schemeClr val="dk1"/>
                          </a:solidFill>
                          <a:effectLst/>
                          <a:latin typeface="+mn-lt"/>
                          <a:ea typeface="+mn-ea"/>
                          <a:cs typeface="+mn-cs"/>
                        </a:rPr>
                        <a:t>)</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kern="1200" dirty="0" smtClean="0">
                          <a:solidFill>
                            <a:schemeClr val="dk1"/>
                          </a:solidFill>
                          <a:effectLst/>
                          <a:latin typeface="+mn-lt"/>
                          <a:ea typeface="+mn-ea"/>
                          <a:cs typeface="+mn-cs"/>
                        </a:rPr>
                        <a:t>Crea</a:t>
                      </a:r>
                      <a:r>
                        <a:rPr lang="en-US" sz="1600" kern="1200" baseline="0" dirty="0" smtClean="0">
                          <a:solidFill>
                            <a:schemeClr val="dk1"/>
                          </a:solidFill>
                          <a:effectLst/>
                          <a:latin typeface="+mn-lt"/>
                          <a:ea typeface="+mn-ea"/>
                          <a:cs typeface="+mn-cs"/>
                        </a:rPr>
                        <a:t>r una plantilla en Google Docs para que los participantes tomen notas </a:t>
                      </a:r>
                      <a:r>
                        <a:rPr lang="en-US" sz="1600" kern="1200" dirty="0" smtClean="0">
                          <a:solidFill>
                            <a:schemeClr val="dk1"/>
                          </a:solidFill>
                          <a:effectLst/>
                          <a:latin typeface="+mn-lt"/>
                          <a:ea typeface="+mn-ea"/>
                          <a:cs typeface="+mn-cs"/>
                        </a:rPr>
                        <a:t>(ver</a:t>
                      </a:r>
                      <a:r>
                        <a:rPr lang="en-US" sz="1600" kern="1200" baseline="0" dirty="0" smtClean="0">
                          <a:solidFill>
                            <a:schemeClr val="dk1"/>
                          </a:solidFill>
                          <a:effectLst/>
                          <a:latin typeface="+mn-lt"/>
                          <a:ea typeface="+mn-ea"/>
                          <a:cs typeface="+mn-cs"/>
                        </a:rPr>
                        <a:t> a continuación</a:t>
                      </a:r>
                      <a:r>
                        <a:rPr lang="en-US" sz="1600" kern="1200" dirty="0" smtClean="0">
                          <a:solidFill>
                            <a:schemeClr val="dk1"/>
                          </a:solidFill>
                          <a:effectLst/>
                          <a:latin typeface="+mn-lt"/>
                          <a:ea typeface="+mn-ea"/>
                          <a:cs typeface="+mn-cs"/>
                        </a:rPr>
                        <a:t>) </a:t>
                      </a:r>
                      <a:endParaRPr lang="en-US" sz="1600" kern="1200" dirty="0">
                        <a:solidFill>
                          <a:schemeClr val="dk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kern="1200" dirty="0" smtClean="0">
                          <a:solidFill>
                            <a:schemeClr val="dk1"/>
                          </a:solidFill>
                          <a:effectLst/>
                          <a:latin typeface="+mn-lt"/>
                          <a:ea typeface="+mn-ea"/>
                          <a:cs typeface="+mn-cs"/>
                        </a:rPr>
                        <a:t>Cargar</a:t>
                      </a:r>
                      <a:r>
                        <a:rPr lang="en-US" sz="1600" kern="1200" baseline="0" dirty="0" smtClean="0">
                          <a:solidFill>
                            <a:schemeClr val="dk1"/>
                          </a:solidFill>
                          <a:effectLst/>
                          <a:latin typeface="+mn-lt"/>
                          <a:ea typeface="+mn-ea"/>
                          <a:cs typeface="+mn-cs"/>
                        </a:rPr>
                        <a:t> la plantilla en Word y copiar el link para compartir y editar.</a:t>
                      </a:r>
                      <a:endParaRPr lang="en-US" sz="1600" kern="1000" dirty="0">
                        <a:effectLst/>
                      </a:endParaRPr>
                    </a:p>
                  </a:txBody>
                  <a:tcPr>
                    <a:solidFill>
                      <a:schemeClr val="bg1"/>
                    </a:solidFill>
                  </a:tcPr>
                </a:tc>
                <a:extLst>
                  <a:ext uri="{0D108BD9-81ED-4DB2-BD59-A6C34878D82A}">
                    <a16:rowId xmlns:a16="http://schemas.microsoft.com/office/drawing/2014/main" xmlns="" val="899445866"/>
                  </a:ext>
                </a:extLst>
              </a:tr>
            </a:tbl>
          </a:graphicData>
        </a:graphic>
      </p:graphicFrame>
    </p:spTree>
    <p:extLst>
      <p:ext uri="{BB962C8B-B14F-4D97-AF65-F5344CB8AC3E}">
        <p14:creationId xmlns:p14="http://schemas.microsoft.com/office/powerpoint/2010/main" val="108833842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3087192282"/>
              </p:ext>
            </p:extLst>
          </p:nvPr>
        </p:nvGraphicFramePr>
        <p:xfrm>
          <a:off x="0" y="0"/>
          <a:ext cx="12192000" cy="7010808"/>
        </p:xfrm>
        <a:graphic>
          <a:graphicData uri="http://schemas.openxmlformats.org/drawingml/2006/table">
            <a:tbl>
              <a:tblPr firstRow="1" bandRow="1">
                <a:tableStyleId>{5C22544A-7EE6-4342-B048-85BDC9FD1C3A}</a:tableStyleId>
              </a:tblPr>
              <a:tblGrid>
                <a:gridCol w="12192000">
                  <a:extLst>
                    <a:ext uri="{9D8B030D-6E8A-4147-A177-3AD203B41FA5}">
                      <a16:colId xmlns:a16="http://schemas.microsoft.com/office/drawing/2014/main" xmlns="" val="20000"/>
                    </a:ext>
                  </a:extLst>
                </a:gridCol>
              </a:tblGrid>
              <a:tr h="973359">
                <a:tc>
                  <a:txBody>
                    <a:bodyPr/>
                    <a:lstStyle/>
                    <a:p>
                      <a:pPr algn="ctr">
                        <a:spcAft>
                          <a:spcPts val="0"/>
                        </a:spcAft>
                      </a:pPr>
                      <a:r>
                        <a:rPr lang="es-VE" sz="3000" b="1" kern="1200" noProof="0" dirty="0" smtClean="0">
                          <a:solidFill>
                            <a:schemeClr val="bg1"/>
                          </a:solidFill>
                          <a:latin typeface="+mn-lt"/>
                          <a:ea typeface="+mn-ea"/>
                          <a:cs typeface="+mn-cs"/>
                        </a:rPr>
                        <a:t>¿Por</a:t>
                      </a:r>
                      <a:r>
                        <a:rPr lang="es-VE" sz="3000" b="1" kern="1200" baseline="0" noProof="0" dirty="0" smtClean="0">
                          <a:solidFill>
                            <a:schemeClr val="bg1"/>
                          </a:solidFill>
                          <a:latin typeface="+mn-lt"/>
                          <a:ea typeface="+mn-ea"/>
                          <a:cs typeface="+mn-cs"/>
                        </a:rPr>
                        <a:t> qué tener una estrategia para el SIDA más allá de 2021</a:t>
                      </a:r>
                      <a:r>
                        <a:rPr lang="en-US" sz="3000" b="1" kern="1200" baseline="0" dirty="0" smtClean="0">
                          <a:solidFill>
                            <a:schemeClr val="bg1"/>
                          </a:solidFill>
                          <a:latin typeface="+mn-lt"/>
                          <a:ea typeface="+mn-ea"/>
                          <a:cs typeface="+mn-cs"/>
                        </a:rPr>
                        <a:t>?</a:t>
                      </a:r>
                      <a:endParaRPr lang="en-US" sz="3000" b="1" kern="1200" dirty="0">
                        <a:solidFill>
                          <a:schemeClr val="bg1"/>
                        </a:solidFill>
                        <a:latin typeface="Arial" panose="020B0604020202020204" pitchFamily="34" charset="0"/>
                        <a:ea typeface="+mn-ea"/>
                        <a:cs typeface="Arial" panose="020B0604020202020204" pitchFamily="34" charset="0"/>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1"/>
                    </a:solidFill>
                  </a:tcPr>
                </a:tc>
                <a:extLst>
                  <a:ext uri="{0D108BD9-81ED-4DB2-BD59-A6C34878D82A}">
                    <a16:rowId xmlns:a16="http://schemas.microsoft.com/office/drawing/2014/main" xmlns="" val="10001"/>
                  </a:ext>
                </a:extLst>
              </a:tr>
              <a:tr h="1420872">
                <a:tc>
                  <a:txBody>
                    <a:bodyPr/>
                    <a:lstStyle/>
                    <a:p>
                      <a:pPr lvl="1" algn="just">
                        <a:lnSpc>
                          <a:spcPct val="120000"/>
                        </a:lnSpc>
                      </a:pPr>
                      <a:r>
                        <a:rPr lang="es-VE" sz="1700" dirty="0" smtClean="0"/>
                        <a:t>Faltan menos de 10 años para cumplir el objetivo de ponerle fin al </a:t>
                      </a:r>
                      <a:r>
                        <a:rPr lang="es-VE" sz="1700" dirty="0" smtClean="0"/>
                        <a:t>SIDA </a:t>
                      </a:r>
                      <a:r>
                        <a:rPr lang="es-VE" sz="1700" dirty="0" smtClean="0"/>
                        <a:t>como amenaza de salud pública para el 2030, y la Junta Coordinadora del Programa (JCP) le dio la tarea a ONUSIDA de revisar la </a:t>
                      </a:r>
                      <a:r>
                        <a:rPr lang="es-VE" sz="1700" u="sng" dirty="0" smtClean="0"/>
                        <a:t>Estrategia 2016-2021: Acción Acelerada para acabar con el </a:t>
                      </a:r>
                      <a:r>
                        <a:rPr lang="es-VE" sz="1700" u="sng" dirty="0" smtClean="0"/>
                        <a:t>SIDA</a:t>
                      </a:r>
                      <a:r>
                        <a:rPr lang="es-VE" sz="1700" dirty="0" smtClean="0"/>
                        <a:t> </a:t>
                      </a:r>
                      <a:r>
                        <a:rPr lang="es-VE" sz="1700" dirty="0" smtClean="0"/>
                        <a:t>con el fin de hacer un recuento de los logros alcanzados y evaluar las áreas en las que aún hay que trabajar para alcanzar las metas, sobre todo </a:t>
                      </a:r>
                      <a:r>
                        <a:rPr lang="es-VE" sz="1700" dirty="0" smtClean="0"/>
                        <a:t>por </a:t>
                      </a:r>
                      <a:r>
                        <a:rPr lang="es-VE" sz="1700" dirty="0" smtClean="0"/>
                        <a:t>los más vulnerables de la sociedad.</a:t>
                      </a:r>
                      <a:endParaRPr lang="en-ZA" sz="1700" dirty="0"/>
                    </a:p>
                  </a:txBody>
                  <a:tcPr>
                    <a:lnT w="12700" cmpd="sng">
                      <a:noFill/>
                    </a:lnT>
                    <a:solidFill>
                      <a:schemeClr val="bg1"/>
                    </a:solidFill>
                  </a:tcPr>
                </a:tc>
                <a:extLst>
                  <a:ext uri="{0D108BD9-81ED-4DB2-BD59-A6C34878D82A}">
                    <a16:rowId xmlns:a16="http://schemas.microsoft.com/office/drawing/2014/main" xmlns="" val="10002"/>
                  </a:ext>
                </a:extLst>
              </a:tr>
              <a:tr h="4463767">
                <a:tc>
                  <a:txBody>
                    <a:bodyPr/>
                    <a:lstStyle/>
                    <a:p>
                      <a:pPr marL="457200" marR="0" lvl="1" indent="0" algn="l" defTabSz="914400" rtl="0" eaLnBrk="1" fontAlgn="auto" latinLnBrk="0" hangingPunct="1">
                        <a:lnSpc>
                          <a:spcPct val="120000"/>
                        </a:lnSpc>
                        <a:spcBef>
                          <a:spcPts val="0"/>
                        </a:spcBef>
                        <a:spcAft>
                          <a:spcPts val="0"/>
                        </a:spcAft>
                        <a:buClrTx/>
                        <a:buSzTx/>
                        <a:buFontTx/>
                        <a:buNone/>
                        <a:tabLst/>
                        <a:defRPr/>
                      </a:pPr>
                      <a:r>
                        <a:rPr lang="es-VE" sz="1700" dirty="0" smtClean="0"/>
                        <a:t>La estrategia del sida más allá del 2020:</a:t>
                      </a:r>
                      <a:endParaRPr lang="en-ZA" sz="1700" dirty="0" smtClean="0"/>
                    </a:p>
                    <a:p>
                      <a:pPr marL="742950" marR="0" lvl="1" indent="-285750" algn="l" defTabSz="914400" rtl="0" eaLnBrk="1" fontAlgn="auto" latinLnBrk="0" hangingPunct="1">
                        <a:lnSpc>
                          <a:spcPct val="120000"/>
                        </a:lnSpc>
                        <a:spcBef>
                          <a:spcPts val="0"/>
                        </a:spcBef>
                        <a:spcAft>
                          <a:spcPts val="0"/>
                        </a:spcAft>
                        <a:buClrTx/>
                        <a:buSzTx/>
                        <a:buFont typeface="Arial" panose="020B0604020202020204" pitchFamily="34" charset="0"/>
                        <a:buChar char="•"/>
                        <a:tabLst/>
                        <a:defRPr/>
                      </a:pPr>
                      <a:r>
                        <a:rPr lang="es-VE" sz="1700" dirty="0" smtClean="0"/>
                        <a:t>Presentará una hoja de ruta y una guía para orientar nuestros </a:t>
                      </a:r>
                      <a:r>
                        <a:rPr lang="es-VE" sz="1700" dirty="0" smtClean="0"/>
                        <a:t>esfuerzos </a:t>
                      </a:r>
                      <a:r>
                        <a:rPr lang="es-VE" sz="1700" dirty="0" smtClean="0"/>
                        <a:t>colectivos para superar desafíos y emprender iniciativas del </a:t>
                      </a:r>
                      <a:r>
                        <a:rPr lang="es-VE" sz="1700" dirty="0" smtClean="0"/>
                        <a:t>SIDA </a:t>
                      </a:r>
                      <a:r>
                        <a:rPr lang="es-VE" sz="1700" dirty="0" smtClean="0"/>
                        <a:t>con un enfoque nacional.</a:t>
                      </a:r>
                      <a:endParaRPr lang="en-ZA" sz="1700" dirty="0" smtClean="0"/>
                    </a:p>
                    <a:p>
                      <a:pPr marL="742950" marR="0" lvl="1" indent="-285750" algn="l" defTabSz="914400" rtl="0" eaLnBrk="1" fontAlgn="auto" latinLnBrk="0" hangingPunct="1">
                        <a:lnSpc>
                          <a:spcPct val="120000"/>
                        </a:lnSpc>
                        <a:spcBef>
                          <a:spcPts val="0"/>
                        </a:spcBef>
                        <a:spcAft>
                          <a:spcPts val="0"/>
                        </a:spcAft>
                        <a:buClrTx/>
                        <a:buSzTx/>
                        <a:buFont typeface="Arial" panose="020B0604020202020204" pitchFamily="34" charset="0"/>
                        <a:buChar char="•"/>
                        <a:tabLst/>
                        <a:defRPr/>
                      </a:pPr>
                      <a:r>
                        <a:rPr lang="es-VE" sz="1700" dirty="0" smtClean="0"/>
                        <a:t>Presentará nuevos objetivos y estimaciones sobre los recursos que serán necesarios para </a:t>
                      </a:r>
                      <a:r>
                        <a:rPr lang="es-VE" sz="1700" dirty="0" smtClean="0"/>
                        <a:t>2025.</a:t>
                      </a:r>
                      <a:endParaRPr lang="en-ZA" sz="1700" dirty="0" smtClean="0"/>
                    </a:p>
                    <a:p>
                      <a:pPr marL="742950" marR="0" lvl="1" indent="-285750" algn="l" defTabSz="914400" rtl="0" eaLnBrk="1" fontAlgn="auto" latinLnBrk="0" hangingPunct="1">
                        <a:lnSpc>
                          <a:spcPct val="120000"/>
                        </a:lnSpc>
                        <a:spcBef>
                          <a:spcPts val="0"/>
                        </a:spcBef>
                        <a:spcAft>
                          <a:spcPts val="0"/>
                        </a:spcAft>
                        <a:buClrTx/>
                        <a:buSzTx/>
                        <a:buFont typeface="Arial" panose="020B0604020202020204" pitchFamily="34" charset="0"/>
                        <a:buChar char="•"/>
                        <a:tabLst/>
                        <a:defRPr/>
                      </a:pPr>
                      <a:r>
                        <a:rPr lang="es-VE" sz="1700" strike="noStrike" dirty="0" smtClean="0">
                          <a:solidFill>
                            <a:schemeClr val="tx1"/>
                          </a:solidFill>
                        </a:rPr>
                        <a:t>Hablará</a:t>
                      </a:r>
                      <a:r>
                        <a:rPr lang="es-VE" sz="1700" strike="noStrike" baseline="0" dirty="0" smtClean="0">
                          <a:solidFill>
                            <a:schemeClr val="tx1"/>
                          </a:solidFill>
                        </a:rPr>
                        <a:t> </a:t>
                      </a:r>
                      <a:r>
                        <a:rPr lang="es-VE" sz="1700" strike="noStrike" dirty="0" smtClean="0">
                          <a:solidFill>
                            <a:schemeClr val="tx1"/>
                          </a:solidFill>
                        </a:rPr>
                        <a:t>de </a:t>
                      </a:r>
                      <a:r>
                        <a:rPr lang="es-VE" sz="1700" strike="noStrike" dirty="0" smtClean="0">
                          <a:solidFill>
                            <a:schemeClr val="tx1"/>
                          </a:solidFill>
                        </a:rPr>
                        <a:t>cómo las respuestas al VIH </a:t>
                      </a:r>
                      <a:r>
                        <a:rPr lang="es-VE" sz="1700" strike="noStrike" dirty="0" smtClean="0">
                          <a:solidFill>
                            <a:schemeClr val="tx1"/>
                          </a:solidFill>
                        </a:rPr>
                        <a:t>pueden</a:t>
                      </a:r>
                      <a:r>
                        <a:rPr lang="es-VE" sz="1700" strike="noStrike" baseline="0" dirty="0" smtClean="0">
                          <a:solidFill>
                            <a:schemeClr val="tx1"/>
                          </a:solidFill>
                        </a:rPr>
                        <a:t> seguir</a:t>
                      </a:r>
                      <a:r>
                        <a:rPr lang="es-VE" sz="1700" strike="noStrike" dirty="0" smtClean="0">
                          <a:solidFill>
                            <a:schemeClr val="tx1"/>
                          </a:solidFill>
                        </a:rPr>
                        <a:t> </a:t>
                      </a:r>
                      <a:r>
                        <a:rPr lang="es-VE" sz="1700" strike="noStrike" dirty="0" smtClean="0">
                          <a:solidFill>
                            <a:schemeClr val="tx1"/>
                          </a:solidFill>
                        </a:rPr>
                        <a:t>satisfaciendo las necesidades de las personas que viven con y se ven afectadas por el VIH, mientras que hacen frente a la pandemia actual de la COVID-19 y a cualquiera de los desafíos que puedan surgir en el futuro.</a:t>
                      </a:r>
                    </a:p>
                    <a:p>
                      <a:pPr marL="457200" marR="0" lvl="1"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endParaRPr lang="en-ZA" sz="1100" strike="noStrike" dirty="0">
                        <a:solidFill>
                          <a:schemeClr val="tx1"/>
                        </a:solidFill>
                      </a:endParaRPr>
                    </a:p>
                    <a:p>
                      <a:pPr lvl="1">
                        <a:lnSpc>
                          <a:spcPct val="120000"/>
                        </a:lnSpc>
                      </a:pPr>
                      <a:r>
                        <a:rPr lang="es-VE" sz="1700" dirty="0" smtClean="0"/>
                        <a:t>La pandemia de COVID-19 pone en evidencia la fragilidad de las estructuras políticas, financieras y de salud mundiales y la interrelación que existe entre las vulnerabilidades económicas, sociales y de salud.</a:t>
                      </a:r>
                      <a:endParaRPr lang="en-ZA" sz="1700" dirty="0" smtClean="0"/>
                    </a:p>
                    <a:p>
                      <a:pPr marL="742950" lvl="1" indent="-285750">
                        <a:lnSpc>
                          <a:spcPct val="120000"/>
                        </a:lnSpc>
                        <a:buFont typeface="Arial" panose="020B0604020202020204" pitchFamily="34" charset="0"/>
                        <a:buChar char="•"/>
                      </a:pPr>
                      <a:r>
                        <a:rPr lang="es-VE" sz="1700" dirty="0" smtClean="0"/>
                        <a:t>Ha evidenciado la necesidad de seguir prestando servicios relacionados con el VIH para asegurarles resultados de salud positivos a las personas que viven con VIH que podrían contagiarse de COVID-19 y ha magnificado esas mismas vulnerabilidades en las sociedades y subpoblaciones.</a:t>
                      </a:r>
                      <a:endParaRPr lang="en-ZA" sz="1700" dirty="0" smtClean="0"/>
                    </a:p>
                    <a:p>
                      <a:pPr marL="742950" lvl="1" indent="-285750">
                        <a:lnSpc>
                          <a:spcPct val="120000"/>
                        </a:lnSpc>
                        <a:buFont typeface="Arial" panose="020B0604020202020204" pitchFamily="34" charset="0"/>
                        <a:buChar char="•"/>
                      </a:pPr>
                      <a:r>
                        <a:rPr lang="es-VE" sz="1700" dirty="0" smtClean="0"/>
                        <a:t>También ha demostrado cómo las lecciones aprendidas de la respuesta al </a:t>
                      </a:r>
                      <a:r>
                        <a:rPr lang="es-VE" sz="1700" dirty="0" smtClean="0"/>
                        <a:t>SIDA </a:t>
                      </a:r>
                      <a:r>
                        <a:rPr lang="es-VE" sz="1700" dirty="0" smtClean="0"/>
                        <a:t>pueden ser útiles para responder rápidamente a una nueva y devastadora pandemia.</a:t>
                      </a:r>
                      <a:endParaRPr lang="en-ZA" sz="1700" dirty="0"/>
                    </a:p>
                  </a:txBody>
                  <a:tcPr>
                    <a:solidFill>
                      <a:schemeClr val="bg1">
                        <a:lumMod val="85000"/>
                      </a:schemeClr>
                    </a:solidFill>
                  </a:tcPr>
                </a:tc>
                <a:extLst>
                  <a:ext uri="{0D108BD9-81ED-4DB2-BD59-A6C34878D82A}">
                    <a16:rowId xmlns:a16="http://schemas.microsoft.com/office/drawing/2014/main" xmlns="" val="10003"/>
                  </a:ext>
                </a:extLst>
              </a:tr>
            </a:tbl>
          </a:graphicData>
        </a:graphic>
      </p:graphicFrame>
    </p:spTree>
    <p:extLst>
      <p:ext uri="{BB962C8B-B14F-4D97-AF65-F5344CB8AC3E}">
        <p14:creationId xmlns:p14="http://schemas.microsoft.com/office/powerpoint/2010/main" val="5990635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xmlns="" id="{ACCCF7FC-3E96-47D0-BFF8-F05C68498519}"/>
              </a:ext>
            </a:extLst>
          </p:cNvPr>
          <p:cNvGraphicFramePr>
            <a:graphicFrameLocks noGrp="1"/>
          </p:cNvGraphicFramePr>
          <p:nvPr>
            <p:extLst>
              <p:ext uri="{D42A27DB-BD31-4B8C-83A1-F6EECF244321}">
                <p14:modId xmlns:p14="http://schemas.microsoft.com/office/powerpoint/2010/main" val="2187726460"/>
              </p:ext>
            </p:extLst>
          </p:nvPr>
        </p:nvGraphicFramePr>
        <p:xfrm>
          <a:off x="-126206" y="1"/>
          <a:ext cx="12318206" cy="6857999"/>
        </p:xfrm>
        <a:graphic>
          <a:graphicData uri="http://schemas.openxmlformats.org/drawingml/2006/table">
            <a:tbl>
              <a:tblPr firstRow="1" bandRow="1">
                <a:effectLst>
                  <a:outerShdw dist="38100" sx="1000" sy="1000" algn="l" rotWithShape="0">
                    <a:prstClr val="black">
                      <a:alpha val="65000"/>
                    </a:prstClr>
                  </a:outerShdw>
                </a:effectLst>
                <a:tableStyleId>{5C22544A-7EE6-4342-B048-85BDC9FD1C3A}</a:tableStyleId>
              </a:tblPr>
              <a:tblGrid>
                <a:gridCol w="3965355">
                  <a:extLst>
                    <a:ext uri="{9D8B030D-6E8A-4147-A177-3AD203B41FA5}">
                      <a16:colId xmlns:a16="http://schemas.microsoft.com/office/drawing/2014/main" xmlns="" val="1560926920"/>
                    </a:ext>
                  </a:extLst>
                </a:gridCol>
                <a:gridCol w="4896498">
                  <a:extLst>
                    <a:ext uri="{9D8B030D-6E8A-4147-A177-3AD203B41FA5}">
                      <a16:colId xmlns:a16="http://schemas.microsoft.com/office/drawing/2014/main" xmlns="" val="3935886225"/>
                    </a:ext>
                  </a:extLst>
                </a:gridCol>
                <a:gridCol w="3456353">
                  <a:extLst>
                    <a:ext uri="{9D8B030D-6E8A-4147-A177-3AD203B41FA5}">
                      <a16:colId xmlns:a16="http://schemas.microsoft.com/office/drawing/2014/main" xmlns="" val="3201011749"/>
                    </a:ext>
                  </a:extLst>
                </a:gridCol>
              </a:tblGrid>
              <a:tr h="696053">
                <a:tc gridSpan="3">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2400" b="1" kern="1200" dirty="0" smtClean="0">
                          <a:solidFill>
                            <a:schemeClr val="accent2"/>
                          </a:solidFill>
                          <a:latin typeface="Arial" panose="020B0604020202020204" pitchFamily="34" charset="0"/>
                          <a:ea typeface="+mn-ea"/>
                          <a:cs typeface="Arial" panose="020B0604020202020204" pitchFamily="34" charset="0"/>
                        </a:rPr>
                        <a:t>Plantilla</a:t>
                      </a:r>
                      <a:r>
                        <a:rPr lang="en-US" sz="2400" b="1" kern="1200" baseline="0" dirty="0" smtClean="0">
                          <a:solidFill>
                            <a:schemeClr val="accent2"/>
                          </a:solidFill>
                          <a:latin typeface="Arial" panose="020B0604020202020204" pitchFamily="34" charset="0"/>
                          <a:ea typeface="+mn-ea"/>
                          <a:cs typeface="Arial" panose="020B0604020202020204" pitchFamily="34" charset="0"/>
                        </a:rPr>
                        <a:t> para los participantes en los grupos pequeños</a:t>
                      </a:r>
                      <a:endParaRPr lang="en-US" sz="2400" dirty="0">
                        <a:solidFill>
                          <a:schemeClr val="accent2"/>
                        </a:solidFill>
                        <a:latin typeface="Arial" panose="020B0604020202020204" pitchFamily="34" charset="0"/>
                        <a:cs typeface="Arial" panose="020B0604020202020204" pitchFamily="34" charset="0"/>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2400" dirty="0">
                        <a:solidFill>
                          <a:srgbClr val="FF0000"/>
                        </a:solidFill>
                        <a:latin typeface="Arial" panose="020B0604020202020204" pitchFamily="34" charset="0"/>
                        <a:cs typeface="Arial" panose="020B0604020202020204" pitchFamily="34" charset="0"/>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2400" dirty="0">
                        <a:solidFill>
                          <a:schemeClr val="accent2">
                            <a:lumMod val="60000"/>
                            <a:lumOff val="40000"/>
                          </a:schemeClr>
                        </a:solidFill>
                        <a:latin typeface="Arial" panose="020B0604020202020204" pitchFamily="34" charset="0"/>
                        <a:cs typeface="Arial" panose="020B0604020202020204" pitchFamily="34" charset="0"/>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extLst>
                  <a:ext uri="{0D108BD9-81ED-4DB2-BD59-A6C34878D82A}">
                    <a16:rowId xmlns:a16="http://schemas.microsoft.com/office/drawing/2014/main" xmlns="" val="423117710"/>
                  </a:ext>
                </a:extLst>
              </a:tr>
              <a:tr h="416827">
                <a:tc>
                  <a:txBody>
                    <a:bodyPr/>
                    <a:lstStyle/>
                    <a:p>
                      <a:pPr marL="0" marR="0" lvl="0" indent="0" algn="ctr" defTabSz="914400" rtl="0" eaLnBrk="1" fontAlgn="auto" latinLnBrk="0" hangingPunct="1">
                        <a:lnSpc>
                          <a:spcPct val="107000"/>
                        </a:lnSpc>
                        <a:spcBef>
                          <a:spcPts val="0"/>
                        </a:spcBef>
                        <a:spcAft>
                          <a:spcPts val="0"/>
                        </a:spcAft>
                        <a:buClrTx/>
                        <a:buSzTx/>
                        <a:buFontTx/>
                        <a:buNone/>
                        <a:tabLst/>
                        <a:defRPr/>
                      </a:pPr>
                      <a:r>
                        <a:rPr lang="en-US" sz="1600" kern="1000" dirty="0" smtClean="0">
                          <a:solidFill>
                            <a:schemeClr val="bg1"/>
                          </a:solidFill>
                          <a:effectLst/>
                          <a:latin typeface="+mn-lt"/>
                          <a:ea typeface="+mn-ea"/>
                          <a:cs typeface="+mn-cs"/>
                        </a:rPr>
                        <a:t>Llegar</a:t>
                      </a:r>
                      <a:r>
                        <a:rPr lang="en-US" sz="1600" kern="1000" baseline="0" dirty="0" smtClean="0">
                          <a:solidFill>
                            <a:schemeClr val="bg1"/>
                          </a:solidFill>
                          <a:effectLst/>
                          <a:latin typeface="+mn-lt"/>
                          <a:ea typeface="+mn-ea"/>
                          <a:cs typeface="+mn-cs"/>
                        </a:rPr>
                        <a:t> a los más necesitados</a:t>
                      </a:r>
                      <a:endParaRPr lang="en-US" sz="1600" kern="1000" dirty="0">
                        <a:solidFill>
                          <a:schemeClr val="bg1"/>
                        </a:solidFill>
                        <a:effectLst/>
                        <a:latin typeface="+mn-lt"/>
                        <a:ea typeface="+mn-ea"/>
                        <a:cs typeface="+mn-cs"/>
                      </a:endParaRPr>
                    </a:p>
                  </a:txBody>
                  <a:tcPr anchor="ctr">
                    <a:lnT w="12700" cmpd="sng">
                      <a:noFill/>
                    </a:lnT>
                    <a:solidFill>
                      <a:schemeClr val="accent4"/>
                    </a:solidFill>
                  </a:tcPr>
                </a:tc>
                <a:tc>
                  <a:txBody>
                    <a:bodyPr/>
                    <a:lstStyle/>
                    <a:p>
                      <a:pPr marL="628650" lvl="2" indent="0" algn="l" defTabSz="914400" rtl="0" eaLnBrk="1" latinLnBrk="0" hangingPunct="1">
                        <a:lnSpc>
                          <a:spcPct val="100000"/>
                        </a:lnSpc>
                        <a:spcAft>
                          <a:spcPts val="600"/>
                        </a:spcAft>
                        <a:buFontTx/>
                        <a:buNone/>
                      </a:pPr>
                      <a:r>
                        <a:rPr lang="en-US" sz="1600" kern="1000" dirty="0" smtClean="0">
                          <a:solidFill>
                            <a:schemeClr val="bg1"/>
                          </a:solidFill>
                          <a:effectLst/>
                          <a:latin typeface="+mn-lt"/>
                          <a:ea typeface="+mn-ea"/>
                          <a:cs typeface="+mn-cs"/>
                        </a:rPr>
                        <a:t>Las</a:t>
                      </a:r>
                      <a:r>
                        <a:rPr lang="en-US" sz="1600" kern="1000" baseline="0" dirty="0" smtClean="0">
                          <a:solidFill>
                            <a:schemeClr val="bg1"/>
                          </a:solidFill>
                          <a:effectLst/>
                          <a:latin typeface="+mn-lt"/>
                          <a:ea typeface="+mn-ea"/>
                          <a:cs typeface="+mn-cs"/>
                        </a:rPr>
                        <a:t> estructuras que responden al VIH</a:t>
                      </a:r>
                      <a:endParaRPr lang="en-US" sz="1600" kern="1000" dirty="0">
                        <a:solidFill>
                          <a:schemeClr val="bg1"/>
                        </a:solidFill>
                        <a:effectLst/>
                        <a:latin typeface="+mn-lt"/>
                        <a:ea typeface="+mn-ea"/>
                        <a:cs typeface="+mn-cs"/>
                      </a:endParaRPr>
                    </a:p>
                  </a:txBody>
                  <a:tcPr anchor="ctr">
                    <a:lnT w="12700" cmpd="sng">
                      <a:noFill/>
                    </a:lnT>
                    <a:solidFill>
                      <a:schemeClr val="accent2"/>
                    </a:solidFill>
                  </a:tcPr>
                </a:tc>
                <a:tc>
                  <a:txBody>
                    <a:bodyPr/>
                    <a:lstStyle/>
                    <a:p>
                      <a:pPr marL="628650" lvl="2" indent="0" algn="l" defTabSz="914400" rtl="0" eaLnBrk="1" latinLnBrk="0" hangingPunct="1">
                        <a:lnSpc>
                          <a:spcPct val="100000"/>
                        </a:lnSpc>
                        <a:spcAft>
                          <a:spcPts val="600"/>
                        </a:spcAft>
                        <a:buFontTx/>
                        <a:buNone/>
                      </a:pPr>
                      <a:r>
                        <a:rPr lang="en-US" sz="1600" kern="1000" dirty="0" smtClean="0">
                          <a:solidFill>
                            <a:schemeClr val="bg1"/>
                          </a:solidFill>
                          <a:effectLst/>
                          <a:latin typeface="+mn-lt"/>
                          <a:ea typeface="+mn-ea"/>
                          <a:cs typeface="+mn-cs"/>
                        </a:rPr>
                        <a:t>Marco</a:t>
                      </a:r>
                      <a:r>
                        <a:rPr lang="en-US" sz="1600" kern="1000" baseline="0" dirty="0" smtClean="0">
                          <a:solidFill>
                            <a:schemeClr val="bg1"/>
                          </a:solidFill>
                          <a:effectLst/>
                          <a:latin typeface="+mn-lt"/>
                          <a:ea typeface="+mn-ea"/>
                          <a:cs typeface="+mn-cs"/>
                        </a:rPr>
                        <a:t> </a:t>
                      </a:r>
                      <a:r>
                        <a:rPr lang="en-US" sz="1600" kern="1000" baseline="0" dirty="0" smtClean="0">
                          <a:solidFill>
                            <a:schemeClr val="bg1"/>
                          </a:solidFill>
                          <a:effectLst/>
                          <a:latin typeface="+mn-lt"/>
                          <a:ea typeface="+mn-ea"/>
                          <a:cs typeface="+mn-cs"/>
                        </a:rPr>
                        <a:t>contextual</a:t>
                      </a:r>
                      <a:endParaRPr lang="en-US" sz="1600" kern="1000" dirty="0">
                        <a:solidFill>
                          <a:schemeClr val="bg1"/>
                        </a:solidFill>
                        <a:effectLst/>
                        <a:latin typeface="+mn-lt"/>
                        <a:ea typeface="+mn-ea"/>
                        <a:cs typeface="+mn-cs"/>
                      </a:endParaRPr>
                    </a:p>
                  </a:txBody>
                  <a:tcPr anchor="ctr">
                    <a:lnT w="12700" cmpd="sng">
                      <a:noFill/>
                    </a:lnT>
                    <a:solidFill>
                      <a:schemeClr val="accent1"/>
                    </a:solidFill>
                  </a:tcPr>
                </a:tc>
                <a:extLst>
                  <a:ext uri="{0D108BD9-81ED-4DB2-BD59-A6C34878D82A}">
                    <a16:rowId xmlns:a16="http://schemas.microsoft.com/office/drawing/2014/main" xmlns="" val="2826885672"/>
                  </a:ext>
                </a:extLst>
              </a:tr>
              <a:tr h="4269110">
                <a:tc>
                  <a:txBody>
                    <a:bodyPr/>
                    <a:lstStyle/>
                    <a:p>
                      <a:pPr algn="ctr">
                        <a:lnSpc>
                          <a:spcPct val="107000"/>
                        </a:lnSpc>
                        <a:spcAft>
                          <a:spcPts val="0"/>
                        </a:spcAft>
                      </a:pPr>
                      <a:endParaRPr lang="en-ZA" sz="1600" b="1" dirty="0">
                        <a:solidFill>
                          <a:schemeClr val="bg1"/>
                        </a:solidFill>
                        <a:effectLst/>
                        <a:latin typeface="Arial" panose="020B0604020202020204" pitchFamily="34" charset="0"/>
                        <a:ea typeface="Calibri" panose="020F0502020204030204" pitchFamily="34" charset="0"/>
                        <a:cs typeface="Arial" panose="020B0604020202020204" pitchFamily="34" charset="0"/>
                      </a:endParaRPr>
                    </a:p>
                  </a:txBody>
                  <a:tcPr>
                    <a:solidFill>
                      <a:schemeClr val="bg1"/>
                    </a:solidFill>
                  </a:tcPr>
                </a:tc>
                <a:tc rowSpan="2">
                  <a:txBody>
                    <a:bodyPr/>
                    <a:lstStyle/>
                    <a:p>
                      <a:pPr marL="628650" lvl="2" indent="0" algn="l" defTabSz="914400" rtl="0" eaLnBrk="1" latinLnBrk="0" hangingPunct="1">
                        <a:lnSpc>
                          <a:spcPct val="100000"/>
                        </a:lnSpc>
                        <a:spcAft>
                          <a:spcPts val="600"/>
                        </a:spcAft>
                        <a:buFontTx/>
                        <a:buNone/>
                      </a:pPr>
                      <a:endParaRPr lang="en-US" sz="1600" kern="1000" dirty="0">
                        <a:solidFill>
                          <a:schemeClr val="accent3">
                            <a:lumMod val="60000"/>
                            <a:lumOff val="40000"/>
                          </a:schemeClr>
                        </a:solidFill>
                        <a:effectLst/>
                        <a:latin typeface="+mn-lt"/>
                        <a:ea typeface="+mn-ea"/>
                        <a:cs typeface="+mn-cs"/>
                      </a:endParaRPr>
                    </a:p>
                  </a:txBody>
                  <a:tcPr>
                    <a:solidFill>
                      <a:schemeClr val="bg1">
                        <a:lumMod val="85000"/>
                      </a:schemeClr>
                    </a:solidFill>
                  </a:tcPr>
                </a:tc>
                <a:tc>
                  <a:txBody>
                    <a:bodyPr/>
                    <a:lstStyle/>
                    <a:p>
                      <a:pPr marL="628650" lvl="2" indent="0" algn="l" defTabSz="914400" rtl="0" eaLnBrk="1" latinLnBrk="0" hangingPunct="1">
                        <a:lnSpc>
                          <a:spcPct val="100000"/>
                        </a:lnSpc>
                        <a:spcAft>
                          <a:spcPts val="600"/>
                        </a:spcAft>
                        <a:buFontTx/>
                        <a:buNone/>
                      </a:pPr>
                      <a:endParaRPr lang="en-US" sz="1600" kern="1000" dirty="0">
                        <a:solidFill>
                          <a:schemeClr val="accent3">
                            <a:lumMod val="60000"/>
                            <a:lumOff val="40000"/>
                          </a:schemeClr>
                        </a:solidFill>
                        <a:effectLst/>
                        <a:latin typeface="+mn-lt"/>
                        <a:ea typeface="+mn-ea"/>
                        <a:cs typeface="+mn-cs"/>
                      </a:endParaRPr>
                    </a:p>
                  </a:txBody>
                  <a:tcPr>
                    <a:solidFill>
                      <a:schemeClr val="bg1"/>
                    </a:solidFill>
                  </a:tcPr>
                </a:tc>
                <a:extLst>
                  <a:ext uri="{0D108BD9-81ED-4DB2-BD59-A6C34878D82A}">
                    <a16:rowId xmlns:a16="http://schemas.microsoft.com/office/drawing/2014/main" xmlns="" val="2807043988"/>
                  </a:ext>
                </a:extLst>
              </a:tr>
              <a:tr h="1476009">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endParaRPr lang="en-US" sz="1600" b="1" kern="1200" dirty="0">
                        <a:solidFill>
                          <a:schemeClr val="bg1"/>
                        </a:solidFill>
                        <a:effectLst/>
                        <a:latin typeface="Arial" panose="020B0604020202020204" pitchFamily="34" charset="0"/>
                        <a:ea typeface="+mn-ea"/>
                        <a:cs typeface="Arial" panose="020B0604020202020204" pitchFamily="34" charset="0"/>
                      </a:endParaRPr>
                    </a:p>
                  </a:txBody>
                  <a:tcPr>
                    <a:solidFill>
                      <a:schemeClr val="bg1"/>
                    </a:solidFill>
                  </a:tcPr>
                </a:tc>
                <a:tc vMerge="1">
                  <a:txBody>
                    <a:bodyPr/>
                    <a:lstStyle/>
                    <a:p>
                      <a:endParaRPr lang="en-US" sz="1600" kern="1200" dirty="0">
                        <a:solidFill>
                          <a:schemeClr val="dk1"/>
                        </a:solidFill>
                        <a:effectLst/>
                        <a:latin typeface="+mn-lt"/>
                        <a:ea typeface="+mn-ea"/>
                        <a:cs typeface="+mn-cs"/>
                      </a:endParaRPr>
                    </a:p>
                  </a:txBody>
                  <a:tcPr>
                    <a:solidFill>
                      <a:schemeClr val="bg1">
                        <a:lumMod val="85000"/>
                      </a:schemeClr>
                    </a:solidFill>
                  </a:tcPr>
                </a:tc>
                <a:tc>
                  <a:txBody>
                    <a:bodyPr/>
                    <a:lstStyle/>
                    <a:p>
                      <a:endParaRPr lang="en-US" sz="1600" kern="1200" dirty="0">
                        <a:solidFill>
                          <a:schemeClr val="dk1"/>
                        </a:solidFill>
                        <a:effectLst/>
                        <a:latin typeface="+mn-lt"/>
                        <a:ea typeface="+mn-ea"/>
                        <a:cs typeface="+mn-cs"/>
                      </a:endParaRPr>
                    </a:p>
                  </a:txBody>
                  <a:tcPr>
                    <a:solidFill>
                      <a:schemeClr val="bg1"/>
                    </a:solidFill>
                  </a:tcPr>
                </a:tc>
                <a:extLst>
                  <a:ext uri="{0D108BD9-81ED-4DB2-BD59-A6C34878D82A}">
                    <a16:rowId xmlns:a16="http://schemas.microsoft.com/office/drawing/2014/main" xmlns="" val="1172992013"/>
                  </a:ext>
                </a:extLst>
              </a:tr>
            </a:tbl>
          </a:graphicData>
        </a:graphic>
      </p:graphicFrame>
    </p:spTree>
    <p:extLst>
      <p:ext uri="{BB962C8B-B14F-4D97-AF65-F5344CB8AC3E}">
        <p14:creationId xmlns:p14="http://schemas.microsoft.com/office/powerpoint/2010/main" val="75051101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xmlns="" id="{ACCCF7FC-3E96-47D0-BFF8-F05C68498519}"/>
              </a:ext>
            </a:extLst>
          </p:cNvPr>
          <p:cNvGraphicFramePr>
            <a:graphicFrameLocks noGrp="1"/>
          </p:cNvGraphicFramePr>
          <p:nvPr>
            <p:extLst>
              <p:ext uri="{D42A27DB-BD31-4B8C-83A1-F6EECF244321}">
                <p14:modId xmlns:p14="http://schemas.microsoft.com/office/powerpoint/2010/main" val="1570801653"/>
              </p:ext>
            </p:extLst>
          </p:nvPr>
        </p:nvGraphicFramePr>
        <p:xfrm>
          <a:off x="20548" y="0"/>
          <a:ext cx="12192000" cy="6815138"/>
        </p:xfrm>
        <a:graphic>
          <a:graphicData uri="http://schemas.openxmlformats.org/drawingml/2006/table">
            <a:tbl>
              <a:tblPr firstRow="1" bandRow="1">
                <a:effectLst>
                  <a:outerShdw dist="38100" sx="1000" sy="1000" algn="l" rotWithShape="0">
                    <a:prstClr val="black">
                      <a:alpha val="65000"/>
                    </a:prstClr>
                  </a:outerShdw>
                </a:effectLst>
                <a:tableStyleId>{5C22544A-7EE6-4342-B048-85BDC9FD1C3A}</a:tableStyleId>
              </a:tblPr>
              <a:tblGrid>
                <a:gridCol w="1787704">
                  <a:extLst>
                    <a:ext uri="{9D8B030D-6E8A-4147-A177-3AD203B41FA5}">
                      <a16:colId xmlns:a16="http://schemas.microsoft.com/office/drawing/2014/main" xmlns="" val="1560926920"/>
                    </a:ext>
                  </a:extLst>
                </a:gridCol>
                <a:gridCol w="6464211">
                  <a:extLst>
                    <a:ext uri="{9D8B030D-6E8A-4147-A177-3AD203B41FA5}">
                      <a16:colId xmlns:a16="http://schemas.microsoft.com/office/drawing/2014/main" xmlns="" val="1975310804"/>
                    </a:ext>
                  </a:extLst>
                </a:gridCol>
                <a:gridCol w="3940085">
                  <a:extLst>
                    <a:ext uri="{9D8B030D-6E8A-4147-A177-3AD203B41FA5}">
                      <a16:colId xmlns:a16="http://schemas.microsoft.com/office/drawing/2014/main" xmlns="" val="3935886225"/>
                    </a:ext>
                  </a:extLst>
                </a:gridCol>
              </a:tblGrid>
              <a:tr h="1041063">
                <a:tc>
                  <a:txBody>
                    <a:bodyPr/>
                    <a:lstStyle/>
                    <a:p>
                      <a:pPr>
                        <a:spcAft>
                          <a:spcPts val="0"/>
                        </a:spcAft>
                      </a:pPr>
                      <a:r>
                        <a:rPr lang="en-US" sz="2100" b="1" kern="1200" dirty="0" smtClean="0">
                          <a:solidFill>
                            <a:schemeClr val="accent2"/>
                          </a:solidFill>
                          <a:latin typeface="+mn-lt"/>
                          <a:ea typeface="+mn-ea"/>
                          <a:cs typeface="+mn-cs"/>
                        </a:rPr>
                        <a:t>Discusiones</a:t>
                      </a:r>
                      <a:r>
                        <a:rPr lang="en-US" sz="2100" b="1" kern="1200" baseline="0" dirty="0" smtClean="0">
                          <a:solidFill>
                            <a:schemeClr val="accent2"/>
                          </a:solidFill>
                          <a:latin typeface="+mn-lt"/>
                          <a:ea typeface="+mn-ea"/>
                          <a:cs typeface="+mn-cs"/>
                        </a:rPr>
                        <a:t> </a:t>
                      </a:r>
                      <a:r>
                        <a:rPr lang="en-US" sz="2100" b="1" kern="1200" baseline="0" dirty="0" smtClean="0">
                          <a:solidFill>
                            <a:schemeClr val="accent2"/>
                          </a:solidFill>
                          <a:latin typeface="+mn-lt"/>
                          <a:ea typeface="+mn-ea"/>
                          <a:cs typeface="+mn-cs"/>
                        </a:rPr>
                        <a:t>en </a:t>
                      </a:r>
                      <a:r>
                        <a:rPr lang="en-US" sz="2100" b="1" kern="1200" baseline="0" dirty="0" smtClean="0">
                          <a:solidFill>
                            <a:schemeClr val="accent2"/>
                          </a:solidFill>
                          <a:latin typeface="+mn-lt"/>
                          <a:ea typeface="+mn-ea"/>
                          <a:cs typeface="+mn-cs"/>
                        </a:rPr>
                        <a:t>grupos</a:t>
                      </a:r>
                      <a:endParaRPr lang="en-US" sz="2100" b="1" kern="1200" dirty="0">
                        <a:solidFill>
                          <a:schemeClr val="accent2"/>
                        </a:solidFill>
                        <a:latin typeface="+mn-lt"/>
                        <a:ea typeface="+mn-ea"/>
                        <a:cs typeface="+mn-cs"/>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2500" b="1" kern="1200" dirty="0">
                          <a:solidFill>
                            <a:schemeClr val="tx2"/>
                          </a:solidFill>
                          <a:latin typeface="Arial" panose="020B0604020202020204" pitchFamily="34" charset="0"/>
                          <a:ea typeface="+mn-ea"/>
                          <a:cs typeface="Arial" panose="020B0604020202020204" pitchFamily="34" charset="0"/>
                        </a:rPr>
                        <a:t>1h00 </a:t>
                      </a:r>
                      <a:r>
                        <a:rPr lang="en-US" sz="2500" b="1" kern="1200" dirty="0" smtClean="0">
                          <a:solidFill>
                            <a:schemeClr val="tx2"/>
                          </a:solidFill>
                          <a:latin typeface="Arial" panose="020B0604020202020204" pitchFamily="34" charset="0"/>
                          <a:ea typeface="+mn-ea"/>
                          <a:cs typeface="Arial" panose="020B0604020202020204" pitchFamily="34" charset="0"/>
                        </a:rPr>
                        <a:t>a </a:t>
                      </a:r>
                      <a:r>
                        <a:rPr lang="en-US" sz="2500" b="1" kern="1200" dirty="0">
                          <a:solidFill>
                            <a:schemeClr val="tx2"/>
                          </a:solidFill>
                          <a:latin typeface="Arial" panose="020B0604020202020204" pitchFamily="34" charset="0"/>
                          <a:ea typeface="+mn-ea"/>
                          <a:cs typeface="Arial" panose="020B0604020202020204" pitchFamily="34" charset="0"/>
                        </a:rPr>
                        <a:t>1h35 </a:t>
                      </a:r>
                      <a:r>
                        <a:rPr lang="en-US" sz="2500" b="1" kern="1200" dirty="0" smtClean="0">
                          <a:solidFill>
                            <a:schemeClr val="tx2"/>
                          </a:solidFill>
                          <a:latin typeface="Arial" panose="020B0604020202020204" pitchFamily="34" charset="0"/>
                          <a:ea typeface="+mn-ea"/>
                          <a:cs typeface="Arial" panose="020B0604020202020204" pitchFamily="34" charset="0"/>
                        </a:rPr>
                        <a:t>minutos</a:t>
                      </a:r>
                      <a:endParaRPr lang="en-US" sz="2500" dirty="0">
                        <a:solidFill>
                          <a:schemeClr val="tx2"/>
                        </a:solidFill>
                        <a:latin typeface="Arial" panose="020B0604020202020204" pitchFamily="34" charset="0"/>
                        <a:cs typeface="Arial" panose="020B0604020202020204" pitchFamily="34" charset="0"/>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2500" b="1" kern="1200" dirty="0">
                          <a:solidFill>
                            <a:schemeClr val="tx2"/>
                          </a:solidFill>
                          <a:latin typeface="Arial" panose="020B0604020202020204" pitchFamily="34" charset="0"/>
                          <a:ea typeface="+mn-ea"/>
                          <a:cs typeface="Arial" panose="020B0604020202020204" pitchFamily="34" charset="0"/>
                        </a:rPr>
                        <a:t>1h35 </a:t>
                      </a:r>
                      <a:r>
                        <a:rPr lang="en-US" sz="2500" b="1" kern="1200" dirty="0" smtClean="0">
                          <a:solidFill>
                            <a:schemeClr val="tx2"/>
                          </a:solidFill>
                          <a:latin typeface="Arial" panose="020B0604020202020204" pitchFamily="34" charset="0"/>
                          <a:ea typeface="+mn-ea"/>
                          <a:cs typeface="Arial" panose="020B0604020202020204" pitchFamily="34" charset="0"/>
                        </a:rPr>
                        <a:t>a </a:t>
                      </a:r>
                      <a:r>
                        <a:rPr lang="en-US" sz="2500" b="1" kern="1200" dirty="0">
                          <a:solidFill>
                            <a:schemeClr val="tx2"/>
                          </a:solidFill>
                          <a:latin typeface="Arial" panose="020B0604020202020204" pitchFamily="34" charset="0"/>
                          <a:ea typeface="+mn-ea"/>
                          <a:cs typeface="Arial" panose="020B0604020202020204" pitchFamily="34" charset="0"/>
                        </a:rPr>
                        <a:t>1h50 </a:t>
                      </a:r>
                      <a:r>
                        <a:rPr lang="en-US" sz="2500" b="1" kern="1200" dirty="0" smtClean="0">
                          <a:solidFill>
                            <a:schemeClr val="tx2"/>
                          </a:solidFill>
                          <a:latin typeface="Arial" panose="020B0604020202020204" pitchFamily="34" charset="0"/>
                          <a:ea typeface="+mn-ea"/>
                          <a:cs typeface="Arial" panose="020B0604020202020204" pitchFamily="34" charset="0"/>
                        </a:rPr>
                        <a:t>minutos</a:t>
                      </a:r>
                      <a:endParaRPr lang="en-US" sz="2500" dirty="0">
                        <a:solidFill>
                          <a:schemeClr val="tx2"/>
                        </a:solidFill>
                        <a:latin typeface="Arial" panose="020B0604020202020204" pitchFamily="34" charset="0"/>
                        <a:cs typeface="Arial" panose="020B0604020202020204" pitchFamily="34" charset="0"/>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extLst>
                  <a:ext uri="{0D108BD9-81ED-4DB2-BD59-A6C34878D82A}">
                    <a16:rowId xmlns:a16="http://schemas.microsoft.com/office/drawing/2014/main" xmlns="" val="423117710"/>
                  </a:ext>
                </a:extLst>
              </a:tr>
              <a:tr h="1594129">
                <a:tc>
                  <a:txBody>
                    <a:bodyPr/>
                    <a:lstStyle/>
                    <a:p>
                      <a:pPr algn="ctr">
                        <a:lnSpc>
                          <a:spcPct val="107000"/>
                        </a:lnSpc>
                        <a:spcAft>
                          <a:spcPts val="0"/>
                        </a:spcAft>
                      </a:pPr>
                      <a:endParaRPr lang="en-US" sz="1600" b="1" dirty="0" smtClean="0">
                        <a:solidFill>
                          <a:schemeClr val="bg1"/>
                        </a:solidFill>
                        <a:effectLst/>
                        <a:latin typeface="Arial" panose="020B0604020202020204" pitchFamily="34" charset="0"/>
                        <a:ea typeface="+mn-ea"/>
                        <a:cs typeface="Arial" panose="020B0604020202020204" pitchFamily="34" charset="0"/>
                      </a:endParaRPr>
                    </a:p>
                    <a:p>
                      <a:pPr algn="ctr">
                        <a:lnSpc>
                          <a:spcPct val="107000"/>
                        </a:lnSpc>
                        <a:spcAft>
                          <a:spcPts val="0"/>
                        </a:spcAft>
                      </a:pPr>
                      <a:r>
                        <a:rPr lang="en-US" sz="1600" b="1" dirty="0" smtClean="0">
                          <a:solidFill>
                            <a:schemeClr val="bg1"/>
                          </a:solidFill>
                          <a:effectLst/>
                          <a:latin typeface="Arial" panose="020B0604020202020204" pitchFamily="34" charset="0"/>
                          <a:ea typeface="+mn-ea"/>
                          <a:cs typeface="Arial" panose="020B0604020202020204" pitchFamily="34" charset="0"/>
                        </a:rPr>
                        <a:t>Moderador</a:t>
                      </a:r>
                      <a:endParaRPr lang="en-ZA" sz="1600" b="1" dirty="0">
                        <a:solidFill>
                          <a:schemeClr val="bg1"/>
                        </a:solidFill>
                        <a:effectLst/>
                        <a:latin typeface="Arial" panose="020B0604020202020204" pitchFamily="34" charset="0"/>
                        <a:ea typeface="Calibri" panose="020F0502020204030204" pitchFamily="34" charset="0"/>
                        <a:cs typeface="Arial" panose="020B0604020202020204" pitchFamily="34" charset="0"/>
                      </a:endParaRPr>
                    </a:p>
                  </a:txBody>
                  <a:tcPr>
                    <a:lnT w="12700" cmpd="sng">
                      <a:noFill/>
                    </a:lnT>
                    <a:solidFill>
                      <a:schemeClr val="accent1"/>
                    </a:solidFill>
                  </a:tcPr>
                </a:tc>
                <a:tc>
                  <a:txBody>
                    <a:bodyPr/>
                    <a:lstStyle/>
                    <a:p>
                      <a:pPr marL="0" indent="0">
                        <a:buFont typeface="Arial" panose="020B0604020202020204" pitchFamily="34" charset="0"/>
                        <a:buNone/>
                      </a:pPr>
                      <a:r>
                        <a:rPr lang="es-VE" sz="1800" kern="1200" dirty="0" smtClean="0">
                          <a:solidFill>
                            <a:schemeClr val="dk1"/>
                          </a:solidFill>
                          <a:effectLst/>
                          <a:latin typeface="+mn-lt"/>
                          <a:ea typeface="+mn-ea"/>
                          <a:cs typeface="+mn-cs"/>
                        </a:rPr>
                        <a:t>Cada grupo debe designar </a:t>
                      </a:r>
                      <a:r>
                        <a:rPr lang="es-VE" sz="1800" kern="1200" dirty="0" smtClean="0">
                          <a:solidFill>
                            <a:schemeClr val="dk1"/>
                          </a:solidFill>
                          <a:effectLst/>
                          <a:latin typeface="+mn-lt"/>
                          <a:ea typeface="+mn-ea"/>
                          <a:cs typeface="+mn-cs"/>
                        </a:rPr>
                        <a:t>a</a:t>
                      </a:r>
                      <a:r>
                        <a:rPr lang="es-VE" sz="1800" kern="1200" baseline="0" dirty="0" smtClean="0">
                          <a:solidFill>
                            <a:schemeClr val="dk1"/>
                          </a:solidFill>
                          <a:effectLst/>
                          <a:latin typeface="+mn-lt"/>
                          <a:ea typeface="+mn-ea"/>
                          <a:cs typeface="+mn-cs"/>
                        </a:rPr>
                        <a:t> </a:t>
                      </a:r>
                      <a:r>
                        <a:rPr lang="es-VE" sz="1800" kern="1200" dirty="0" smtClean="0">
                          <a:solidFill>
                            <a:schemeClr val="dk1"/>
                          </a:solidFill>
                          <a:effectLst/>
                          <a:latin typeface="+mn-lt"/>
                          <a:ea typeface="+mn-ea"/>
                          <a:cs typeface="+mn-cs"/>
                        </a:rPr>
                        <a:t>una </a:t>
                      </a:r>
                      <a:r>
                        <a:rPr lang="es-VE" sz="1800" kern="1200" dirty="0" smtClean="0">
                          <a:solidFill>
                            <a:schemeClr val="dk1"/>
                          </a:solidFill>
                          <a:effectLst/>
                          <a:latin typeface="+mn-lt"/>
                          <a:ea typeface="+mn-ea"/>
                          <a:cs typeface="+mn-cs"/>
                        </a:rPr>
                        <a:t>persona que llevará el tiempo </a:t>
                      </a:r>
                      <a:r>
                        <a:rPr lang="es-VE" sz="1800" kern="1200" dirty="0" smtClean="0">
                          <a:solidFill>
                            <a:schemeClr val="dk1"/>
                          </a:solidFill>
                          <a:effectLst/>
                          <a:latin typeface="+mn-lt"/>
                          <a:ea typeface="+mn-ea"/>
                          <a:cs typeface="+mn-cs"/>
                        </a:rPr>
                        <a:t>y a </a:t>
                      </a:r>
                      <a:r>
                        <a:rPr lang="es-VE" sz="1800" kern="1200" dirty="0" smtClean="0">
                          <a:solidFill>
                            <a:schemeClr val="dk1"/>
                          </a:solidFill>
                          <a:effectLst/>
                          <a:latin typeface="+mn-lt"/>
                          <a:ea typeface="+mn-ea"/>
                          <a:cs typeface="+mn-cs"/>
                        </a:rPr>
                        <a:t>otra que tomará notas y hará el reporte en la sesión</a:t>
                      </a:r>
                      <a:r>
                        <a:rPr lang="es-VE" sz="1800" kern="1200" baseline="0" dirty="0" smtClean="0">
                          <a:solidFill>
                            <a:schemeClr val="dk1"/>
                          </a:solidFill>
                          <a:effectLst/>
                          <a:latin typeface="+mn-lt"/>
                          <a:ea typeface="+mn-ea"/>
                          <a:cs typeface="+mn-cs"/>
                        </a:rPr>
                        <a:t> </a:t>
                      </a:r>
                      <a:r>
                        <a:rPr lang="es-VE" sz="1800" kern="1200" dirty="0" smtClean="0">
                          <a:solidFill>
                            <a:schemeClr val="dk1"/>
                          </a:solidFill>
                          <a:effectLst/>
                          <a:latin typeface="+mn-lt"/>
                          <a:ea typeface="+mn-ea"/>
                          <a:cs typeface="+mn-cs"/>
                        </a:rPr>
                        <a:t>plenaria.</a:t>
                      </a:r>
                    </a:p>
                    <a:p>
                      <a:pPr marL="0" indent="0">
                        <a:buFont typeface="Arial" panose="020B0604020202020204" pitchFamily="34" charset="0"/>
                        <a:buNone/>
                      </a:pPr>
                      <a:endParaRPr lang="es-VE" sz="1800" kern="1200" dirty="0" smtClean="0">
                        <a:solidFill>
                          <a:schemeClr val="dk1"/>
                        </a:solidFill>
                        <a:effectLst/>
                        <a:latin typeface="+mn-lt"/>
                        <a:ea typeface="+mn-ea"/>
                        <a:cs typeface="+mn-cs"/>
                      </a:endParaRPr>
                    </a:p>
                    <a:p>
                      <a:pPr marL="0" indent="0">
                        <a:buFont typeface="Arial" panose="020B0604020202020204" pitchFamily="34" charset="0"/>
                        <a:buNone/>
                      </a:pPr>
                      <a:r>
                        <a:rPr lang="es-VE" sz="1800" kern="1200" dirty="0" smtClean="0">
                          <a:solidFill>
                            <a:schemeClr val="dk1"/>
                          </a:solidFill>
                          <a:effectLst/>
                          <a:latin typeface="+mn-lt"/>
                          <a:ea typeface="+mn-ea"/>
                          <a:cs typeface="+mn-cs"/>
                        </a:rPr>
                        <a:t>Usar preguntas de guía para estructurar las discusiones.</a:t>
                      </a:r>
                      <a:endParaRPr lang="en-GB" sz="1800" kern="1200" dirty="0">
                        <a:solidFill>
                          <a:schemeClr val="dk1"/>
                        </a:solidFill>
                        <a:effectLst/>
                        <a:latin typeface="+mn-lt"/>
                        <a:ea typeface="+mn-ea"/>
                        <a:cs typeface="+mn-cs"/>
                      </a:endParaRPr>
                    </a:p>
                  </a:txBody>
                  <a:tcPr>
                    <a:lnT w="12700" cmpd="sng">
                      <a:noFill/>
                    </a:lnT>
                    <a:solidFill>
                      <a:schemeClr val="bg1"/>
                    </a:solidFill>
                  </a:tcPr>
                </a:tc>
                <a:tc>
                  <a:txBody>
                    <a:bodyPr/>
                    <a:lstStyle/>
                    <a:p>
                      <a:pPr fontAlgn="t"/>
                      <a:r>
                        <a:rPr lang="es-VE" b="0" dirty="0" smtClean="0">
                          <a:solidFill>
                            <a:schemeClr val="tx1"/>
                          </a:solidFill>
                        </a:rPr>
                        <a:t>Reporte en la sesión plenaria y diagramación de la</a:t>
                      </a:r>
                      <a:r>
                        <a:rPr lang="es-VE" b="0" baseline="0" dirty="0" smtClean="0">
                          <a:solidFill>
                            <a:schemeClr val="tx1"/>
                          </a:solidFill>
                        </a:rPr>
                        <a:t> inf</a:t>
                      </a:r>
                      <a:r>
                        <a:rPr lang="es-VE" b="0" dirty="0" smtClean="0">
                          <a:solidFill>
                            <a:schemeClr val="tx1"/>
                          </a:solidFill>
                        </a:rPr>
                        <a:t>ormación</a:t>
                      </a:r>
                      <a:r>
                        <a:rPr lang="es-VE" b="1" dirty="0" smtClean="0">
                          <a:solidFill>
                            <a:schemeClr val="tx1"/>
                          </a:solidFill>
                        </a:rPr>
                        <a:t>.</a:t>
                      </a:r>
                      <a:endParaRPr lang="en-ZA" b="1" dirty="0">
                        <a:solidFill>
                          <a:schemeClr val="bg1"/>
                        </a:solidFill>
                      </a:endParaRPr>
                    </a:p>
                  </a:txBody>
                  <a:tcPr>
                    <a:lnT w="12700" cmpd="sng">
                      <a:noFill/>
                    </a:lnT>
                    <a:solidFill>
                      <a:schemeClr val="bg1"/>
                    </a:solidFill>
                  </a:tcPr>
                </a:tc>
                <a:extLst>
                  <a:ext uri="{0D108BD9-81ED-4DB2-BD59-A6C34878D82A}">
                    <a16:rowId xmlns:a16="http://schemas.microsoft.com/office/drawing/2014/main" xmlns="" val="2826885672"/>
                  </a:ext>
                </a:extLst>
              </a:tr>
              <a:tr h="1479608">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endParaRPr lang="en-US" sz="16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r>
                        <a:rPr lang="en-US" sz="1600" b="1" kern="1200" dirty="0" smtClean="0">
                          <a:solidFill>
                            <a:schemeClr val="bg1"/>
                          </a:solidFill>
                          <a:effectLst/>
                          <a:latin typeface="Arial" panose="020B0604020202020204" pitchFamily="34" charset="0"/>
                          <a:ea typeface="+mn-ea"/>
                          <a:cs typeface="Arial" panose="020B0604020202020204" pitchFamily="34" charset="0"/>
                        </a:rPr>
                        <a:t>Notas</a:t>
                      </a:r>
                      <a:r>
                        <a:rPr lang="en-US" sz="1600" b="1" kern="1200" baseline="0" dirty="0" smtClean="0">
                          <a:solidFill>
                            <a:schemeClr val="bg1"/>
                          </a:solidFill>
                          <a:effectLst/>
                          <a:latin typeface="Arial" panose="020B0604020202020204" pitchFamily="34" charset="0"/>
                          <a:ea typeface="+mn-ea"/>
                          <a:cs typeface="Arial" panose="020B0604020202020204" pitchFamily="34" charset="0"/>
                        </a:rPr>
                        <a:t> para el moderador</a:t>
                      </a:r>
                      <a:endParaRPr lang="en-US" sz="1600" b="1" kern="1200" dirty="0">
                        <a:solidFill>
                          <a:schemeClr val="bg1"/>
                        </a:solidFill>
                        <a:effectLst/>
                        <a:latin typeface="Arial" panose="020B0604020202020204" pitchFamily="34" charset="0"/>
                        <a:ea typeface="+mn-ea"/>
                        <a:cs typeface="Arial" panose="020B0604020202020204" pitchFamily="34" charset="0"/>
                      </a:endParaRPr>
                    </a:p>
                  </a:txBody>
                  <a:tcPr>
                    <a:solidFill>
                      <a:schemeClr val="accent3"/>
                    </a:solidFill>
                  </a:tcPr>
                </a:tc>
                <a:tc>
                  <a:txBody>
                    <a:bodyPr/>
                    <a:lstStyle/>
                    <a:p>
                      <a:endParaRPr lang="es-VE" sz="1800" kern="1200" dirty="0" smtClean="0">
                        <a:solidFill>
                          <a:schemeClr val="dk1"/>
                        </a:solidFill>
                        <a:effectLst/>
                        <a:latin typeface="+mn-lt"/>
                        <a:ea typeface="+mn-ea"/>
                        <a:cs typeface="+mn-cs"/>
                      </a:endParaRPr>
                    </a:p>
                    <a:p>
                      <a:r>
                        <a:rPr lang="es-VE" sz="1800" kern="1200" dirty="0" smtClean="0">
                          <a:solidFill>
                            <a:schemeClr val="dk1"/>
                          </a:solidFill>
                          <a:effectLst/>
                          <a:latin typeface="+mn-lt"/>
                          <a:ea typeface="+mn-ea"/>
                          <a:cs typeface="+mn-cs"/>
                        </a:rPr>
                        <a:t>Estar </a:t>
                      </a:r>
                      <a:r>
                        <a:rPr lang="es-VE" sz="1800" kern="1200" dirty="0" smtClean="0">
                          <a:solidFill>
                            <a:schemeClr val="dk1"/>
                          </a:solidFill>
                          <a:effectLst/>
                          <a:latin typeface="+mn-lt"/>
                          <a:ea typeface="+mn-ea"/>
                          <a:cs typeface="+mn-cs"/>
                        </a:rPr>
                        <a:t>atento a participantes que podrían necesitar ayuda.</a:t>
                      </a:r>
                      <a:endParaRPr lang="en-US" sz="1800" kern="1200" dirty="0">
                        <a:solidFill>
                          <a:schemeClr val="dk1"/>
                        </a:solidFill>
                        <a:effectLst/>
                        <a:latin typeface="+mn-lt"/>
                        <a:ea typeface="+mn-ea"/>
                        <a:cs typeface="+mn-cs"/>
                      </a:endParaRPr>
                    </a:p>
                  </a:txBody>
                  <a:tcPr>
                    <a:solidFill>
                      <a:schemeClr val="bg1">
                        <a:lumMod val="85000"/>
                      </a:schemeClr>
                    </a:solidFill>
                  </a:tcPr>
                </a:tc>
                <a:tc>
                  <a:txBody>
                    <a:bodyPr/>
                    <a:lstStyle/>
                    <a:p>
                      <a:pPr marL="0" marR="0" lvl="0" indent="0" algn="l" defTabSz="914400" rtl="0" eaLnBrk="1" fontAlgn="auto" latinLnBrk="0" hangingPunct="1">
                        <a:lnSpc>
                          <a:spcPct val="107000"/>
                        </a:lnSpc>
                        <a:spcBef>
                          <a:spcPts val="0"/>
                        </a:spcBef>
                        <a:spcAft>
                          <a:spcPts val="0"/>
                        </a:spcAft>
                        <a:buClrTx/>
                        <a:buSzTx/>
                        <a:buFontTx/>
                        <a:buNone/>
                        <a:tabLst/>
                        <a:defRPr/>
                      </a:pPr>
                      <a:r>
                        <a:rPr lang="es-VE" sz="1800" dirty="0" smtClean="0">
                          <a:effectLst/>
                        </a:rPr>
                        <a:t>Opcional: diagramar</a:t>
                      </a:r>
                      <a:r>
                        <a:rPr lang="es-VE" sz="1800" baseline="0" dirty="0" smtClean="0">
                          <a:effectLst/>
                        </a:rPr>
                        <a:t> la </a:t>
                      </a:r>
                      <a:r>
                        <a:rPr lang="es-VE" sz="1800" dirty="0" smtClean="0">
                          <a:effectLst/>
                        </a:rPr>
                        <a:t>información mientras se comparte la pantalla usando la </a:t>
                      </a:r>
                      <a:r>
                        <a:rPr lang="es-VE" sz="1800" dirty="0" smtClean="0">
                          <a:effectLst/>
                        </a:rPr>
                        <a:t>plantilla</a:t>
                      </a:r>
                      <a:r>
                        <a:rPr lang="es-VE" sz="1800" baseline="0" dirty="0" smtClean="0">
                          <a:effectLst/>
                        </a:rPr>
                        <a:t> de</a:t>
                      </a:r>
                      <a:r>
                        <a:rPr lang="es-VE" sz="1800" dirty="0" smtClean="0">
                          <a:effectLst/>
                        </a:rPr>
                        <a:t> </a:t>
                      </a:r>
                      <a:r>
                        <a:rPr lang="es-VE" sz="1800" dirty="0" smtClean="0">
                          <a:effectLst/>
                        </a:rPr>
                        <a:t>la siguiente diapositiva.</a:t>
                      </a:r>
                      <a:endParaRPr lang="en-ZA" sz="1800" dirty="0">
                        <a:effectLst/>
                      </a:endParaRPr>
                    </a:p>
                  </a:txBody>
                  <a:tcPr>
                    <a:solidFill>
                      <a:schemeClr val="bg1">
                        <a:lumMod val="85000"/>
                      </a:schemeClr>
                    </a:solidFill>
                  </a:tcPr>
                </a:tc>
                <a:extLst>
                  <a:ext uri="{0D108BD9-81ED-4DB2-BD59-A6C34878D82A}">
                    <a16:rowId xmlns:a16="http://schemas.microsoft.com/office/drawing/2014/main" xmlns="" val="1172992013"/>
                  </a:ext>
                </a:extLst>
              </a:tr>
              <a:tr h="2700338">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endParaRPr lang="en-US" sz="16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r>
                        <a:rPr lang="en-US" sz="1600" b="1" kern="1200" dirty="0" smtClean="0">
                          <a:solidFill>
                            <a:schemeClr val="bg1"/>
                          </a:solidFill>
                          <a:effectLst/>
                          <a:latin typeface="Arial" panose="020B0604020202020204" pitchFamily="34" charset="0"/>
                          <a:ea typeface="+mn-ea"/>
                          <a:cs typeface="Arial" panose="020B0604020202020204" pitchFamily="34" charset="0"/>
                        </a:rPr>
                        <a:t>Técnicos/</a:t>
                      </a:r>
                    </a:p>
                    <a:p>
                      <a:pPr marL="0" marR="0" indent="0" algn="ctr" defTabSz="914400" rtl="0" eaLnBrk="1" fontAlgn="auto" latinLnBrk="0" hangingPunct="1">
                        <a:lnSpc>
                          <a:spcPct val="107000"/>
                        </a:lnSpc>
                        <a:spcBef>
                          <a:spcPts val="0"/>
                        </a:spcBef>
                        <a:spcAft>
                          <a:spcPts val="0"/>
                        </a:spcAft>
                        <a:buClrTx/>
                        <a:buSzTx/>
                        <a:buFontTx/>
                        <a:buNone/>
                        <a:tabLst/>
                        <a:defRPr/>
                      </a:pPr>
                      <a:r>
                        <a:rPr lang="en-US" sz="1600" b="1" kern="1200" dirty="0" smtClean="0">
                          <a:solidFill>
                            <a:schemeClr val="bg1"/>
                          </a:solidFill>
                          <a:effectLst/>
                          <a:latin typeface="Arial" panose="020B0604020202020204" pitchFamily="34" charset="0"/>
                          <a:ea typeface="+mn-ea"/>
                          <a:cs typeface="Arial" panose="020B0604020202020204" pitchFamily="34" charset="0"/>
                        </a:rPr>
                        <a:t>Encargados</a:t>
                      </a:r>
                      <a:r>
                        <a:rPr lang="en-US" sz="1600" b="1" kern="1200" baseline="0" dirty="0" smtClean="0">
                          <a:solidFill>
                            <a:schemeClr val="bg1"/>
                          </a:solidFill>
                          <a:effectLst/>
                          <a:latin typeface="Arial" panose="020B0604020202020204" pitchFamily="34" charset="0"/>
                          <a:ea typeface="+mn-ea"/>
                          <a:cs typeface="Arial" panose="020B0604020202020204" pitchFamily="34" charset="0"/>
                        </a:rPr>
                        <a:t> de la toma de notas</a:t>
                      </a:r>
                      <a:endParaRPr lang="en-US" sz="16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endParaRPr lang="en-US" sz="1600" b="1" kern="1200" dirty="0">
                        <a:solidFill>
                          <a:schemeClr val="bg1"/>
                        </a:solidFill>
                        <a:effectLst/>
                        <a:latin typeface="Arial" panose="020B0604020202020204" pitchFamily="34" charset="0"/>
                        <a:ea typeface="+mn-ea"/>
                        <a:cs typeface="Arial" panose="020B0604020202020204" pitchFamily="34" charset="0"/>
                      </a:endParaRPr>
                    </a:p>
                  </a:txBody>
                  <a:tcPr>
                    <a:solidFill>
                      <a:schemeClr val="accent4"/>
                    </a:solidFill>
                  </a:tcPr>
                </a:tc>
                <a:tc>
                  <a:txBody>
                    <a:bodyPr/>
                    <a:lstStyle/>
                    <a:p>
                      <a:pPr>
                        <a:lnSpc>
                          <a:spcPct val="100000"/>
                        </a:lnSpc>
                        <a:spcAft>
                          <a:spcPts val="0"/>
                        </a:spcAft>
                      </a:pPr>
                      <a:r>
                        <a:rPr lang="es-VE" sz="1800" kern="1200" dirty="0" smtClean="0">
                          <a:solidFill>
                            <a:schemeClr val="dk1"/>
                          </a:solidFill>
                          <a:effectLst/>
                          <a:latin typeface="+mn-lt"/>
                          <a:ea typeface="+mn-ea"/>
                          <a:cs typeface="+mn-cs"/>
                        </a:rPr>
                        <a:t>Publicar</a:t>
                      </a:r>
                      <a:r>
                        <a:rPr lang="es-VE" sz="1800" kern="1200" baseline="0" dirty="0" smtClean="0">
                          <a:solidFill>
                            <a:schemeClr val="dk1"/>
                          </a:solidFill>
                          <a:effectLst/>
                          <a:latin typeface="+mn-lt"/>
                          <a:ea typeface="+mn-ea"/>
                          <a:cs typeface="+mn-cs"/>
                        </a:rPr>
                        <a:t> d</a:t>
                      </a:r>
                      <a:r>
                        <a:rPr lang="es-VE" sz="1800" kern="1200" dirty="0" smtClean="0">
                          <a:solidFill>
                            <a:schemeClr val="dk1"/>
                          </a:solidFill>
                          <a:effectLst/>
                          <a:latin typeface="+mn-lt"/>
                          <a:ea typeface="+mn-ea"/>
                          <a:cs typeface="+mn-cs"/>
                        </a:rPr>
                        <a:t>udas y preguntas en el chat.</a:t>
                      </a:r>
                    </a:p>
                    <a:p>
                      <a:pPr>
                        <a:lnSpc>
                          <a:spcPct val="100000"/>
                        </a:lnSpc>
                        <a:spcAft>
                          <a:spcPts val="0"/>
                        </a:spcAft>
                      </a:pPr>
                      <a:r>
                        <a:rPr lang="es-VE" sz="1800" kern="1200" dirty="0" smtClean="0">
                          <a:solidFill>
                            <a:schemeClr val="dk1"/>
                          </a:solidFill>
                          <a:effectLst/>
                          <a:latin typeface="+mn-lt"/>
                          <a:ea typeface="+mn-ea"/>
                          <a:cs typeface="+mn-cs"/>
                        </a:rPr>
                        <a:t>Publicar</a:t>
                      </a:r>
                      <a:r>
                        <a:rPr lang="es-VE" sz="1800" kern="1200" baseline="0" dirty="0" smtClean="0">
                          <a:solidFill>
                            <a:schemeClr val="dk1"/>
                          </a:solidFill>
                          <a:effectLst/>
                          <a:latin typeface="+mn-lt"/>
                          <a:ea typeface="+mn-ea"/>
                          <a:cs typeface="+mn-cs"/>
                        </a:rPr>
                        <a:t> p</a:t>
                      </a:r>
                      <a:r>
                        <a:rPr lang="es-VE" sz="1800" kern="1200" dirty="0" smtClean="0">
                          <a:solidFill>
                            <a:schemeClr val="dk1"/>
                          </a:solidFill>
                          <a:effectLst/>
                          <a:latin typeface="+mn-lt"/>
                          <a:ea typeface="+mn-ea"/>
                          <a:cs typeface="+mn-cs"/>
                        </a:rPr>
                        <a:t>lantilla de Google Doc.</a:t>
                      </a:r>
                    </a:p>
                    <a:p>
                      <a:pPr>
                        <a:lnSpc>
                          <a:spcPct val="100000"/>
                        </a:lnSpc>
                        <a:spcAft>
                          <a:spcPts val="0"/>
                        </a:spcAft>
                      </a:pPr>
                      <a:r>
                        <a:rPr lang="es-VE" sz="1800" kern="1200" dirty="0" smtClean="0">
                          <a:solidFill>
                            <a:schemeClr val="dk1"/>
                          </a:solidFill>
                          <a:effectLst/>
                          <a:latin typeface="+mn-lt"/>
                          <a:ea typeface="+mn-ea"/>
                          <a:cs typeface="+mn-cs"/>
                        </a:rPr>
                        <a:t>Salas para grupos pequeños abiertas.</a:t>
                      </a:r>
                    </a:p>
                    <a:p>
                      <a:pPr>
                        <a:lnSpc>
                          <a:spcPct val="100000"/>
                        </a:lnSpc>
                        <a:spcAft>
                          <a:spcPts val="0"/>
                        </a:spcAft>
                      </a:pPr>
                      <a:r>
                        <a:rPr lang="es-VE" sz="1800" kern="1200" dirty="0" smtClean="0">
                          <a:solidFill>
                            <a:schemeClr val="dk1"/>
                          </a:solidFill>
                          <a:effectLst/>
                          <a:latin typeface="+mn-lt"/>
                          <a:ea typeface="+mn-ea"/>
                          <a:cs typeface="+mn-cs"/>
                        </a:rPr>
                        <a:t>Transmitir las preguntas nuevamente a los </a:t>
                      </a:r>
                      <a:r>
                        <a:rPr lang="es-VE" sz="1800" kern="1200" dirty="0" smtClean="0">
                          <a:solidFill>
                            <a:schemeClr val="dk1"/>
                          </a:solidFill>
                          <a:effectLst/>
                          <a:latin typeface="+mn-lt"/>
                          <a:ea typeface="+mn-ea"/>
                          <a:cs typeface="+mn-cs"/>
                        </a:rPr>
                        <a:t>grupos pequeños.</a:t>
                      </a:r>
                      <a:endParaRPr lang="es-VE" sz="1800" kern="1200" dirty="0" smtClean="0">
                        <a:solidFill>
                          <a:schemeClr val="dk1"/>
                        </a:solidFill>
                        <a:effectLst/>
                        <a:latin typeface="+mn-lt"/>
                        <a:ea typeface="+mn-ea"/>
                        <a:cs typeface="+mn-cs"/>
                      </a:endParaRPr>
                    </a:p>
                    <a:p>
                      <a:pPr>
                        <a:lnSpc>
                          <a:spcPct val="100000"/>
                        </a:lnSpc>
                        <a:spcAft>
                          <a:spcPts val="0"/>
                        </a:spcAft>
                      </a:pPr>
                      <a:r>
                        <a:rPr lang="es-VE" sz="1800" kern="1200" dirty="0" smtClean="0">
                          <a:solidFill>
                            <a:schemeClr val="dk1"/>
                          </a:solidFill>
                          <a:effectLst/>
                          <a:latin typeface="+mn-lt"/>
                          <a:ea typeface="+mn-ea"/>
                          <a:cs typeface="+mn-cs"/>
                        </a:rPr>
                        <a:t>Volver a enviar el link de Google Doc.</a:t>
                      </a:r>
                    </a:p>
                    <a:p>
                      <a:pPr>
                        <a:lnSpc>
                          <a:spcPct val="100000"/>
                        </a:lnSpc>
                        <a:spcAft>
                          <a:spcPts val="0"/>
                        </a:spcAft>
                      </a:pPr>
                      <a:r>
                        <a:rPr lang="es-VE" sz="1800" kern="1200" dirty="0" smtClean="0">
                          <a:solidFill>
                            <a:schemeClr val="dk1"/>
                          </a:solidFill>
                          <a:effectLst/>
                          <a:latin typeface="+mn-lt"/>
                          <a:ea typeface="+mn-ea"/>
                          <a:cs typeface="+mn-cs"/>
                        </a:rPr>
                        <a:t>Verificar durante toda la sesión y junto al moderador si hay participantes que necesiten ayuda.</a:t>
                      </a:r>
                      <a:endParaRPr lang="en-US" sz="1800" kern="1200" dirty="0">
                        <a:solidFill>
                          <a:schemeClr val="dk1"/>
                        </a:solidFill>
                        <a:effectLst/>
                        <a:latin typeface="+mn-lt"/>
                        <a:ea typeface="+mn-ea"/>
                        <a:cs typeface="+mn-cs"/>
                      </a:endParaRPr>
                    </a:p>
                  </a:txBody>
                  <a:tcPr>
                    <a:solidFill>
                      <a:schemeClr val="bg1"/>
                    </a:solidFill>
                  </a:tcPr>
                </a:tc>
                <a:tc>
                  <a:txBody>
                    <a:bodyPr/>
                    <a:lstStyle/>
                    <a:p>
                      <a:pPr>
                        <a:lnSpc>
                          <a:spcPct val="107000"/>
                        </a:lnSpc>
                        <a:spcAft>
                          <a:spcPts val="600"/>
                        </a:spcAft>
                      </a:pPr>
                      <a:endParaRPr lang="en-ZA" sz="1800" kern="1000" dirty="0">
                        <a:effectLst/>
                      </a:endParaRPr>
                    </a:p>
                  </a:txBody>
                  <a:tcPr>
                    <a:solidFill>
                      <a:schemeClr val="bg1"/>
                    </a:solidFill>
                  </a:tcPr>
                </a:tc>
                <a:extLst>
                  <a:ext uri="{0D108BD9-81ED-4DB2-BD59-A6C34878D82A}">
                    <a16:rowId xmlns:a16="http://schemas.microsoft.com/office/drawing/2014/main" xmlns="" val="899445866"/>
                  </a:ext>
                </a:extLst>
              </a:tr>
            </a:tbl>
          </a:graphicData>
        </a:graphic>
      </p:graphicFrame>
      <p:grpSp>
        <p:nvGrpSpPr>
          <p:cNvPr id="3" name="Group 2">
            <a:extLst>
              <a:ext uri="{FF2B5EF4-FFF2-40B4-BE49-F238E27FC236}">
                <a16:creationId xmlns:a16="http://schemas.microsoft.com/office/drawing/2014/main" xmlns="" id="{D4662D5C-4F12-9743-996E-01E9BD4C4040}"/>
              </a:ext>
            </a:extLst>
          </p:cNvPr>
          <p:cNvGrpSpPr/>
          <p:nvPr/>
        </p:nvGrpSpPr>
        <p:grpSpPr>
          <a:xfrm>
            <a:off x="2006782" y="124363"/>
            <a:ext cx="527644" cy="484423"/>
            <a:chOff x="6600056" y="692261"/>
            <a:chExt cx="5192436" cy="5205985"/>
          </a:xfrm>
        </p:grpSpPr>
        <p:sp>
          <p:nvSpPr>
            <p:cNvPr id="5" name="Freeform 282">
              <a:extLst>
                <a:ext uri="{FF2B5EF4-FFF2-40B4-BE49-F238E27FC236}">
                  <a16:creationId xmlns:a16="http://schemas.microsoft.com/office/drawing/2014/main" xmlns="" id="{0B0A31FB-CAAD-374F-BAE8-34D86D1F87BC}"/>
                </a:ext>
              </a:extLst>
            </p:cNvPr>
            <p:cNvSpPr>
              <a:spLocks/>
            </p:cNvSpPr>
            <p:nvPr/>
          </p:nvSpPr>
          <p:spPr bwMode="auto">
            <a:xfrm flipH="1">
              <a:off x="6600056" y="692261"/>
              <a:ext cx="5192436" cy="5205985"/>
            </a:xfrm>
            <a:custGeom>
              <a:avLst/>
              <a:gdLst>
                <a:gd name="T0" fmla="*/ 3195 w 5934"/>
                <a:gd name="T1" fmla="*/ 5704 h 5712"/>
                <a:gd name="T2" fmla="*/ 3564 w 5934"/>
                <a:gd name="T3" fmla="*/ 5654 h 5712"/>
                <a:gd name="T4" fmla="*/ 3917 w 5934"/>
                <a:gd name="T5" fmla="*/ 5562 h 5712"/>
                <a:gd name="T6" fmla="*/ 4252 w 5934"/>
                <a:gd name="T7" fmla="*/ 5431 h 5712"/>
                <a:gd name="T8" fmla="*/ 4565 w 5934"/>
                <a:gd name="T9" fmla="*/ 5262 h 5712"/>
                <a:gd name="T10" fmla="*/ 4854 w 5934"/>
                <a:gd name="T11" fmla="*/ 5059 h 5712"/>
                <a:gd name="T12" fmla="*/ 5114 w 5934"/>
                <a:gd name="T13" fmla="*/ 4826 h 5712"/>
                <a:gd name="T14" fmla="*/ 5344 w 5934"/>
                <a:gd name="T15" fmla="*/ 4564 h 5712"/>
                <a:gd name="T16" fmla="*/ 5540 w 5934"/>
                <a:gd name="T17" fmla="*/ 4277 h 5712"/>
                <a:gd name="T18" fmla="*/ 5701 w 5934"/>
                <a:gd name="T19" fmla="*/ 3967 h 5712"/>
                <a:gd name="T20" fmla="*/ 5822 w 5934"/>
                <a:gd name="T21" fmla="*/ 3637 h 5712"/>
                <a:gd name="T22" fmla="*/ 5900 w 5934"/>
                <a:gd name="T23" fmla="*/ 3290 h 5712"/>
                <a:gd name="T24" fmla="*/ 5933 w 5934"/>
                <a:gd name="T25" fmla="*/ 2930 h 5712"/>
                <a:gd name="T26" fmla="*/ 5925 w 5934"/>
                <a:gd name="T27" fmla="*/ 2637 h 5712"/>
                <a:gd name="T28" fmla="*/ 5873 w 5934"/>
                <a:gd name="T29" fmla="*/ 2282 h 5712"/>
                <a:gd name="T30" fmla="*/ 5778 w 5934"/>
                <a:gd name="T31" fmla="*/ 1941 h 5712"/>
                <a:gd name="T32" fmla="*/ 5641 w 5934"/>
                <a:gd name="T33" fmla="*/ 1619 h 5712"/>
                <a:gd name="T34" fmla="*/ 5466 w 5934"/>
                <a:gd name="T35" fmla="*/ 1317 h 5712"/>
                <a:gd name="T36" fmla="*/ 5255 w 5934"/>
                <a:gd name="T37" fmla="*/ 1040 h 5712"/>
                <a:gd name="T38" fmla="*/ 5013 w 5934"/>
                <a:gd name="T39" fmla="*/ 789 h 5712"/>
                <a:gd name="T40" fmla="*/ 4742 w 5934"/>
                <a:gd name="T41" fmla="*/ 568 h 5712"/>
                <a:gd name="T42" fmla="*/ 4443 w 5934"/>
                <a:gd name="T43" fmla="*/ 379 h 5712"/>
                <a:gd name="T44" fmla="*/ 4121 w 5934"/>
                <a:gd name="T45" fmla="*/ 224 h 5712"/>
                <a:gd name="T46" fmla="*/ 3778 w 5934"/>
                <a:gd name="T47" fmla="*/ 108 h 5712"/>
                <a:gd name="T48" fmla="*/ 3418 w 5934"/>
                <a:gd name="T49" fmla="*/ 32 h 5712"/>
                <a:gd name="T50" fmla="*/ 3043 w 5934"/>
                <a:gd name="T51" fmla="*/ 1 h 5712"/>
                <a:gd name="T52" fmla="*/ 2739 w 5934"/>
                <a:gd name="T53" fmla="*/ 8 h 5712"/>
                <a:gd name="T54" fmla="*/ 2370 w 5934"/>
                <a:gd name="T55" fmla="*/ 58 h 5712"/>
                <a:gd name="T56" fmla="*/ 2017 w 5934"/>
                <a:gd name="T57" fmla="*/ 150 h 5712"/>
                <a:gd name="T58" fmla="*/ 1681 w 5934"/>
                <a:gd name="T59" fmla="*/ 282 h 5712"/>
                <a:gd name="T60" fmla="*/ 1368 w 5934"/>
                <a:gd name="T61" fmla="*/ 450 h 5712"/>
                <a:gd name="T62" fmla="*/ 1080 w 5934"/>
                <a:gd name="T63" fmla="*/ 653 h 5712"/>
                <a:gd name="T64" fmla="*/ 820 w 5934"/>
                <a:gd name="T65" fmla="*/ 886 h 5712"/>
                <a:gd name="T66" fmla="*/ 590 w 5934"/>
                <a:gd name="T67" fmla="*/ 1148 h 5712"/>
                <a:gd name="T68" fmla="*/ 393 w 5934"/>
                <a:gd name="T69" fmla="*/ 1435 h 5712"/>
                <a:gd name="T70" fmla="*/ 233 w 5934"/>
                <a:gd name="T71" fmla="*/ 1745 h 5712"/>
                <a:gd name="T72" fmla="*/ 112 w 5934"/>
                <a:gd name="T73" fmla="*/ 2075 h 5712"/>
                <a:gd name="T74" fmla="*/ 33 w 5934"/>
                <a:gd name="T75" fmla="*/ 2422 h 5712"/>
                <a:gd name="T76" fmla="*/ 1 w 5934"/>
                <a:gd name="T77" fmla="*/ 2783 h 5712"/>
                <a:gd name="T78" fmla="*/ 9 w 5934"/>
                <a:gd name="T79" fmla="*/ 3075 h 5712"/>
                <a:gd name="T80" fmla="*/ 60 w 5934"/>
                <a:gd name="T81" fmla="*/ 3431 h 5712"/>
                <a:gd name="T82" fmla="*/ 156 w 5934"/>
                <a:gd name="T83" fmla="*/ 3771 h 5712"/>
                <a:gd name="T84" fmla="*/ 293 w 5934"/>
                <a:gd name="T85" fmla="*/ 4094 h 5712"/>
                <a:gd name="T86" fmla="*/ 468 w 5934"/>
                <a:gd name="T87" fmla="*/ 4395 h 5712"/>
                <a:gd name="T88" fmla="*/ 678 w 5934"/>
                <a:gd name="T89" fmla="*/ 4672 h 5712"/>
                <a:gd name="T90" fmla="*/ 921 w 5934"/>
                <a:gd name="T91" fmla="*/ 4923 h 5712"/>
                <a:gd name="T92" fmla="*/ 1192 w 5934"/>
                <a:gd name="T93" fmla="*/ 5144 h 5712"/>
                <a:gd name="T94" fmla="*/ 1491 w 5934"/>
                <a:gd name="T95" fmla="*/ 5333 h 5712"/>
                <a:gd name="T96" fmla="*/ 1813 w 5934"/>
                <a:gd name="T97" fmla="*/ 5488 h 5712"/>
                <a:gd name="T98" fmla="*/ 2156 w 5934"/>
                <a:gd name="T99" fmla="*/ 5604 h 5712"/>
                <a:gd name="T100" fmla="*/ 2516 w 5934"/>
                <a:gd name="T101" fmla="*/ 5680 h 5712"/>
                <a:gd name="T102" fmla="*/ 2891 w 5934"/>
                <a:gd name="T103" fmla="*/ 5711 h 57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34" h="5712">
                  <a:moveTo>
                    <a:pt x="2967" y="5712"/>
                  </a:moveTo>
                  <a:lnTo>
                    <a:pt x="2967" y="5712"/>
                  </a:lnTo>
                  <a:lnTo>
                    <a:pt x="3043" y="5711"/>
                  </a:lnTo>
                  <a:lnTo>
                    <a:pt x="3119" y="5709"/>
                  </a:lnTo>
                  <a:lnTo>
                    <a:pt x="3195" y="5704"/>
                  </a:lnTo>
                  <a:lnTo>
                    <a:pt x="3270" y="5697"/>
                  </a:lnTo>
                  <a:lnTo>
                    <a:pt x="3344" y="5690"/>
                  </a:lnTo>
                  <a:lnTo>
                    <a:pt x="3418" y="5680"/>
                  </a:lnTo>
                  <a:lnTo>
                    <a:pt x="3492" y="5668"/>
                  </a:lnTo>
                  <a:lnTo>
                    <a:pt x="3564" y="5654"/>
                  </a:lnTo>
                  <a:lnTo>
                    <a:pt x="3637" y="5639"/>
                  </a:lnTo>
                  <a:lnTo>
                    <a:pt x="3707" y="5623"/>
                  </a:lnTo>
                  <a:lnTo>
                    <a:pt x="3778" y="5604"/>
                  </a:lnTo>
                  <a:lnTo>
                    <a:pt x="3849" y="5584"/>
                  </a:lnTo>
                  <a:lnTo>
                    <a:pt x="3917" y="5562"/>
                  </a:lnTo>
                  <a:lnTo>
                    <a:pt x="3987" y="5539"/>
                  </a:lnTo>
                  <a:lnTo>
                    <a:pt x="4054" y="5514"/>
                  </a:lnTo>
                  <a:lnTo>
                    <a:pt x="4121" y="5488"/>
                  </a:lnTo>
                  <a:lnTo>
                    <a:pt x="4187" y="5460"/>
                  </a:lnTo>
                  <a:lnTo>
                    <a:pt x="4252" y="5431"/>
                  </a:lnTo>
                  <a:lnTo>
                    <a:pt x="4316" y="5399"/>
                  </a:lnTo>
                  <a:lnTo>
                    <a:pt x="4380" y="5367"/>
                  </a:lnTo>
                  <a:lnTo>
                    <a:pt x="4443" y="5333"/>
                  </a:lnTo>
                  <a:lnTo>
                    <a:pt x="4505" y="5299"/>
                  </a:lnTo>
                  <a:lnTo>
                    <a:pt x="4565" y="5262"/>
                  </a:lnTo>
                  <a:lnTo>
                    <a:pt x="4625" y="5224"/>
                  </a:lnTo>
                  <a:lnTo>
                    <a:pt x="4683" y="5184"/>
                  </a:lnTo>
                  <a:lnTo>
                    <a:pt x="4742" y="5144"/>
                  </a:lnTo>
                  <a:lnTo>
                    <a:pt x="4798" y="5102"/>
                  </a:lnTo>
                  <a:lnTo>
                    <a:pt x="4854" y="5059"/>
                  </a:lnTo>
                  <a:lnTo>
                    <a:pt x="4908" y="5015"/>
                  </a:lnTo>
                  <a:lnTo>
                    <a:pt x="4961" y="4969"/>
                  </a:lnTo>
                  <a:lnTo>
                    <a:pt x="5013" y="4923"/>
                  </a:lnTo>
                  <a:lnTo>
                    <a:pt x="5065" y="4875"/>
                  </a:lnTo>
                  <a:lnTo>
                    <a:pt x="5114" y="4826"/>
                  </a:lnTo>
                  <a:lnTo>
                    <a:pt x="5162" y="4776"/>
                  </a:lnTo>
                  <a:lnTo>
                    <a:pt x="5209" y="4724"/>
                  </a:lnTo>
                  <a:lnTo>
                    <a:pt x="5255" y="4672"/>
                  </a:lnTo>
                  <a:lnTo>
                    <a:pt x="5300" y="4618"/>
                  </a:lnTo>
                  <a:lnTo>
                    <a:pt x="5344" y="4564"/>
                  </a:lnTo>
                  <a:lnTo>
                    <a:pt x="5385" y="4508"/>
                  </a:lnTo>
                  <a:lnTo>
                    <a:pt x="5427" y="4452"/>
                  </a:lnTo>
                  <a:lnTo>
                    <a:pt x="5466" y="4395"/>
                  </a:lnTo>
                  <a:lnTo>
                    <a:pt x="5504" y="4337"/>
                  </a:lnTo>
                  <a:lnTo>
                    <a:pt x="5540" y="4277"/>
                  </a:lnTo>
                  <a:lnTo>
                    <a:pt x="5575" y="4217"/>
                  </a:lnTo>
                  <a:lnTo>
                    <a:pt x="5609" y="4155"/>
                  </a:lnTo>
                  <a:lnTo>
                    <a:pt x="5641" y="4094"/>
                  </a:lnTo>
                  <a:lnTo>
                    <a:pt x="5672" y="4031"/>
                  </a:lnTo>
                  <a:lnTo>
                    <a:pt x="5701" y="3967"/>
                  </a:lnTo>
                  <a:lnTo>
                    <a:pt x="5728" y="3902"/>
                  </a:lnTo>
                  <a:lnTo>
                    <a:pt x="5753" y="3838"/>
                  </a:lnTo>
                  <a:lnTo>
                    <a:pt x="5778" y="3771"/>
                  </a:lnTo>
                  <a:lnTo>
                    <a:pt x="5801" y="3705"/>
                  </a:lnTo>
                  <a:lnTo>
                    <a:pt x="5822" y="3637"/>
                  </a:lnTo>
                  <a:lnTo>
                    <a:pt x="5841" y="3569"/>
                  </a:lnTo>
                  <a:lnTo>
                    <a:pt x="5858" y="3501"/>
                  </a:lnTo>
                  <a:lnTo>
                    <a:pt x="5873" y="3431"/>
                  </a:lnTo>
                  <a:lnTo>
                    <a:pt x="5888" y="3361"/>
                  </a:lnTo>
                  <a:lnTo>
                    <a:pt x="5900" y="3290"/>
                  </a:lnTo>
                  <a:lnTo>
                    <a:pt x="5910" y="3219"/>
                  </a:lnTo>
                  <a:lnTo>
                    <a:pt x="5918" y="3148"/>
                  </a:lnTo>
                  <a:lnTo>
                    <a:pt x="5925" y="3075"/>
                  </a:lnTo>
                  <a:lnTo>
                    <a:pt x="5931" y="3003"/>
                  </a:lnTo>
                  <a:lnTo>
                    <a:pt x="5933" y="2930"/>
                  </a:lnTo>
                  <a:lnTo>
                    <a:pt x="5934" y="2856"/>
                  </a:lnTo>
                  <a:lnTo>
                    <a:pt x="5934" y="2856"/>
                  </a:lnTo>
                  <a:lnTo>
                    <a:pt x="5933" y="2783"/>
                  </a:lnTo>
                  <a:lnTo>
                    <a:pt x="5931" y="2709"/>
                  </a:lnTo>
                  <a:lnTo>
                    <a:pt x="5925" y="2637"/>
                  </a:lnTo>
                  <a:lnTo>
                    <a:pt x="5918" y="2564"/>
                  </a:lnTo>
                  <a:lnTo>
                    <a:pt x="5910" y="2493"/>
                  </a:lnTo>
                  <a:lnTo>
                    <a:pt x="5900" y="2422"/>
                  </a:lnTo>
                  <a:lnTo>
                    <a:pt x="5888" y="2351"/>
                  </a:lnTo>
                  <a:lnTo>
                    <a:pt x="5873" y="2282"/>
                  </a:lnTo>
                  <a:lnTo>
                    <a:pt x="5858" y="2211"/>
                  </a:lnTo>
                  <a:lnTo>
                    <a:pt x="5841" y="2143"/>
                  </a:lnTo>
                  <a:lnTo>
                    <a:pt x="5822" y="2075"/>
                  </a:lnTo>
                  <a:lnTo>
                    <a:pt x="5801" y="2007"/>
                  </a:lnTo>
                  <a:lnTo>
                    <a:pt x="5778" y="1941"/>
                  </a:lnTo>
                  <a:lnTo>
                    <a:pt x="5753" y="1874"/>
                  </a:lnTo>
                  <a:lnTo>
                    <a:pt x="5728" y="1810"/>
                  </a:lnTo>
                  <a:lnTo>
                    <a:pt x="5701" y="1745"/>
                  </a:lnTo>
                  <a:lnTo>
                    <a:pt x="5672" y="1681"/>
                  </a:lnTo>
                  <a:lnTo>
                    <a:pt x="5641" y="1619"/>
                  </a:lnTo>
                  <a:lnTo>
                    <a:pt x="5609" y="1557"/>
                  </a:lnTo>
                  <a:lnTo>
                    <a:pt x="5575" y="1495"/>
                  </a:lnTo>
                  <a:lnTo>
                    <a:pt x="5540" y="1435"/>
                  </a:lnTo>
                  <a:lnTo>
                    <a:pt x="5504" y="1376"/>
                  </a:lnTo>
                  <a:lnTo>
                    <a:pt x="5466" y="1317"/>
                  </a:lnTo>
                  <a:lnTo>
                    <a:pt x="5427" y="1260"/>
                  </a:lnTo>
                  <a:lnTo>
                    <a:pt x="5385" y="1204"/>
                  </a:lnTo>
                  <a:lnTo>
                    <a:pt x="5344" y="1148"/>
                  </a:lnTo>
                  <a:lnTo>
                    <a:pt x="5300" y="1094"/>
                  </a:lnTo>
                  <a:lnTo>
                    <a:pt x="5255" y="1040"/>
                  </a:lnTo>
                  <a:lnTo>
                    <a:pt x="5209" y="988"/>
                  </a:lnTo>
                  <a:lnTo>
                    <a:pt x="5162" y="936"/>
                  </a:lnTo>
                  <a:lnTo>
                    <a:pt x="5114" y="886"/>
                  </a:lnTo>
                  <a:lnTo>
                    <a:pt x="5065" y="838"/>
                  </a:lnTo>
                  <a:lnTo>
                    <a:pt x="5013" y="789"/>
                  </a:lnTo>
                  <a:lnTo>
                    <a:pt x="4961" y="743"/>
                  </a:lnTo>
                  <a:lnTo>
                    <a:pt x="4908" y="697"/>
                  </a:lnTo>
                  <a:lnTo>
                    <a:pt x="4854" y="653"/>
                  </a:lnTo>
                  <a:lnTo>
                    <a:pt x="4798" y="610"/>
                  </a:lnTo>
                  <a:lnTo>
                    <a:pt x="4742" y="568"/>
                  </a:lnTo>
                  <a:lnTo>
                    <a:pt x="4683" y="528"/>
                  </a:lnTo>
                  <a:lnTo>
                    <a:pt x="4625" y="488"/>
                  </a:lnTo>
                  <a:lnTo>
                    <a:pt x="4565" y="450"/>
                  </a:lnTo>
                  <a:lnTo>
                    <a:pt x="4505" y="413"/>
                  </a:lnTo>
                  <a:lnTo>
                    <a:pt x="4443" y="379"/>
                  </a:lnTo>
                  <a:lnTo>
                    <a:pt x="4380" y="345"/>
                  </a:lnTo>
                  <a:lnTo>
                    <a:pt x="4316" y="313"/>
                  </a:lnTo>
                  <a:lnTo>
                    <a:pt x="4252" y="282"/>
                  </a:lnTo>
                  <a:lnTo>
                    <a:pt x="4187" y="252"/>
                  </a:lnTo>
                  <a:lnTo>
                    <a:pt x="4121" y="224"/>
                  </a:lnTo>
                  <a:lnTo>
                    <a:pt x="4054" y="198"/>
                  </a:lnTo>
                  <a:lnTo>
                    <a:pt x="3987" y="174"/>
                  </a:lnTo>
                  <a:lnTo>
                    <a:pt x="3917" y="150"/>
                  </a:lnTo>
                  <a:lnTo>
                    <a:pt x="3849" y="128"/>
                  </a:lnTo>
                  <a:lnTo>
                    <a:pt x="3778" y="108"/>
                  </a:lnTo>
                  <a:lnTo>
                    <a:pt x="3707" y="89"/>
                  </a:lnTo>
                  <a:lnTo>
                    <a:pt x="3637" y="73"/>
                  </a:lnTo>
                  <a:lnTo>
                    <a:pt x="3564" y="58"/>
                  </a:lnTo>
                  <a:lnTo>
                    <a:pt x="3492" y="44"/>
                  </a:lnTo>
                  <a:lnTo>
                    <a:pt x="3418" y="32"/>
                  </a:lnTo>
                  <a:lnTo>
                    <a:pt x="3344" y="22"/>
                  </a:lnTo>
                  <a:lnTo>
                    <a:pt x="3270" y="15"/>
                  </a:lnTo>
                  <a:lnTo>
                    <a:pt x="3195" y="8"/>
                  </a:lnTo>
                  <a:lnTo>
                    <a:pt x="3119" y="3"/>
                  </a:lnTo>
                  <a:lnTo>
                    <a:pt x="3043" y="1"/>
                  </a:lnTo>
                  <a:lnTo>
                    <a:pt x="2967" y="0"/>
                  </a:lnTo>
                  <a:lnTo>
                    <a:pt x="2967" y="0"/>
                  </a:lnTo>
                  <a:lnTo>
                    <a:pt x="2891" y="1"/>
                  </a:lnTo>
                  <a:lnTo>
                    <a:pt x="2814" y="3"/>
                  </a:lnTo>
                  <a:lnTo>
                    <a:pt x="2739" y="8"/>
                  </a:lnTo>
                  <a:lnTo>
                    <a:pt x="2664" y="15"/>
                  </a:lnTo>
                  <a:lnTo>
                    <a:pt x="2590" y="22"/>
                  </a:lnTo>
                  <a:lnTo>
                    <a:pt x="2516" y="32"/>
                  </a:lnTo>
                  <a:lnTo>
                    <a:pt x="2442" y="44"/>
                  </a:lnTo>
                  <a:lnTo>
                    <a:pt x="2370" y="58"/>
                  </a:lnTo>
                  <a:lnTo>
                    <a:pt x="2297" y="73"/>
                  </a:lnTo>
                  <a:lnTo>
                    <a:pt x="2226" y="89"/>
                  </a:lnTo>
                  <a:lnTo>
                    <a:pt x="2156" y="108"/>
                  </a:lnTo>
                  <a:lnTo>
                    <a:pt x="2085" y="128"/>
                  </a:lnTo>
                  <a:lnTo>
                    <a:pt x="2017" y="150"/>
                  </a:lnTo>
                  <a:lnTo>
                    <a:pt x="1947" y="174"/>
                  </a:lnTo>
                  <a:lnTo>
                    <a:pt x="1880" y="198"/>
                  </a:lnTo>
                  <a:lnTo>
                    <a:pt x="1813" y="224"/>
                  </a:lnTo>
                  <a:lnTo>
                    <a:pt x="1746" y="252"/>
                  </a:lnTo>
                  <a:lnTo>
                    <a:pt x="1681" y="282"/>
                  </a:lnTo>
                  <a:lnTo>
                    <a:pt x="1617" y="313"/>
                  </a:lnTo>
                  <a:lnTo>
                    <a:pt x="1553" y="345"/>
                  </a:lnTo>
                  <a:lnTo>
                    <a:pt x="1491" y="379"/>
                  </a:lnTo>
                  <a:lnTo>
                    <a:pt x="1429" y="413"/>
                  </a:lnTo>
                  <a:lnTo>
                    <a:pt x="1368" y="450"/>
                  </a:lnTo>
                  <a:lnTo>
                    <a:pt x="1309" y="488"/>
                  </a:lnTo>
                  <a:lnTo>
                    <a:pt x="1251" y="528"/>
                  </a:lnTo>
                  <a:lnTo>
                    <a:pt x="1192" y="568"/>
                  </a:lnTo>
                  <a:lnTo>
                    <a:pt x="1136" y="610"/>
                  </a:lnTo>
                  <a:lnTo>
                    <a:pt x="1080" y="653"/>
                  </a:lnTo>
                  <a:lnTo>
                    <a:pt x="1026" y="697"/>
                  </a:lnTo>
                  <a:lnTo>
                    <a:pt x="972" y="743"/>
                  </a:lnTo>
                  <a:lnTo>
                    <a:pt x="921" y="789"/>
                  </a:lnTo>
                  <a:lnTo>
                    <a:pt x="870" y="838"/>
                  </a:lnTo>
                  <a:lnTo>
                    <a:pt x="820" y="886"/>
                  </a:lnTo>
                  <a:lnTo>
                    <a:pt x="772" y="936"/>
                  </a:lnTo>
                  <a:lnTo>
                    <a:pt x="724" y="988"/>
                  </a:lnTo>
                  <a:lnTo>
                    <a:pt x="678" y="1040"/>
                  </a:lnTo>
                  <a:lnTo>
                    <a:pt x="634" y="1094"/>
                  </a:lnTo>
                  <a:lnTo>
                    <a:pt x="590" y="1148"/>
                  </a:lnTo>
                  <a:lnTo>
                    <a:pt x="548" y="1204"/>
                  </a:lnTo>
                  <a:lnTo>
                    <a:pt x="507" y="1260"/>
                  </a:lnTo>
                  <a:lnTo>
                    <a:pt x="468" y="1317"/>
                  </a:lnTo>
                  <a:lnTo>
                    <a:pt x="429" y="1376"/>
                  </a:lnTo>
                  <a:lnTo>
                    <a:pt x="393" y="1435"/>
                  </a:lnTo>
                  <a:lnTo>
                    <a:pt x="359" y="1495"/>
                  </a:lnTo>
                  <a:lnTo>
                    <a:pt x="325" y="1557"/>
                  </a:lnTo>
                  <a:lnTo>
                    <a:pt x="293" y="1619"/>
                  </a:lnTo>
                  <a:lnTo>
                    <a:pt x="262" y="1681"/>
                  </a:lnTo>
                  <a:lnTo>
                    <a:pt x="233" y="1745"/>
                  </a:lnTo>
                  <a:lnTo>
                    <a:pt x="206" y="1810"/>
                  </a:lnTo>
                  <a:lnTo>
                    <a:pt x="180" y="1874"/>
                  </a:lnTo>
                  <a:lnTo>
                    <a:pt x="156" y="1941"/>
                  </a:lnTo>
                  <a:lnTo>
                    <a:pt x="133" y="2007"/>
                  </a:lnTo>
                  <a:lnTo>
                    <a:pt x="112" y="2075"/>
                  </a:lnTo>
                  <a:lnTo>
                    <a:pt x="93" y="2143"/>
                  </a:lnTo>
                  <a:lnTo>
                    <a:pt x="76" y="2211"/>
                  </a:lnTo>
                  <a:lnTo>
                    <a:pt x="60" y="2282"/>
                  </a:lnTo>
                  <a:lnTo>
                    <a:pt x="46" y="2351"/>
                  </a:lnTo>
                  <a:lnTo>
                    <a:pt x="33" y="2422"/>
                  </a:lnTo>
                  <a:lnTo>
                    <a:pt x="23" y="2493"/>
                  </a:lnTo>
                  <a:lnTo>
                    <a:pt x="15" y="2564"/>
                  </a:lnTo>
                  <a:lnTo>
                    <a:pt x="9" y="2637"/>
                  </a:lnTo>
                  <a:lnTo>
                    <a:pt x="3" y="2709"/>
                  </a:lnTo>
                  <a:lnTo>
                    <a:pt x="1" y="2783"/>
                  </a:lnTo>
                  <a:lnTo>
                    <a:pt x="0" y="2856"/>
                  </a:lnTo>
                  <a:lnTo>
                    <a:pt x="0" y="2856"/>
                  </a:lnTo>
                  <a:lnTo>
                    <a:pt x="1" y="2930"/>
                  </a:lnTo>
                  <a:lnTo>
                    <a:pt x="3" y="3003"/>
                  </a:lnTo>
                  <a:lnTo>
                    <a:pt x="9" y="3075"/>
                  </a:lnTo>
                  <a:lnTo>
                    <a:pt x="15" y="3148"/>
                  </a:lnTo>
                  <a:lnTo>
                    <a:pt x="23" y="3219"/>
                  </a:lnTo>
                  <a:lnTo>
                    <a:pt x="33" y="3290"/>
                  </a:lnTo>
                  <a:lnTo>
                    <a:pt x="46" y="3361"/>
                  </a:lnTo>
                  <a:lnTo>
                    <a:pt x="60" y="3431"/>
                  </a:lnTo>
                  <a:lnTo>
                    <a:pt x="76" y="3501"/>
                  </a:lnTo>
                  <a:lnTo>
                    <a:pt x="93" y="3569"/>
                  </a:lnTo>
                  <a:lnTo>
                    <a:pt x="112" y="3637"/>
                  </a:lnTo>
                  <a:lnTo>
                    <a:pt x="133" y="3705"/>
                  </a:lnTo>
                  <a:lnTo>
                    <a:pt x="156" y="3771"/>
                  </a:lnTo>
                  <a:lnTo>
                    <a:pt x="180" y="3838"/>
                  </a:lnTo>
                  <a:lnTo>
                    <a:pt x="206" y="3902"/>
                  </a:lnTo>
                  <a:lnTo>
                    <a:pt x="233" y="3967"/>
                  </a:lnTo>
                  <a:lnTo>
                    <a:pt x="262" y="4031"/>
                  </a:lnTo>
                  <a:lnTo>
                    <a:pt x="293" y="4094"/>
                  </a:lnTo>
                  <a:lnTo>
                    <a:pt x="325" y="4155"/>
                  </a:lnTo>
                  <a:lnTo>
                    <a:pt x="359" y="4217"/>
                  </a:lnTo>
                  <a:lnTo>
                    <a:pt x="393" y="4277"/>
                  </a:lnTo>
                  <a:lnTo>
                    <a:pt x="429" y="4337"/>
                  </a:lnTo>
                  <a:lnTo>
                    <a:pt x="468" y="4395"/>
                  </a:lnTo>
                  <a:lnTo>
                    <a:pt x="507" y="4452"/>
                  </a:lnTo>
                  <a:lnTo>
                    <a:pt x="548" y="4508"/>
                  </a:lnTo>
                  <a:lnTo>
                    <a:pt x="590" y="4564"/>
                  </a:lnTo>
                  <a:lnTo>
                    <a:pt x="634" y="4618"/>
                  </a:lnTo>
                  <a:lnTo>
                    <a:pt x="678" y="4672"/>
                  </a:lnTo>
                  <a:lnTo>
                    <a:pt x="724" y="4724"/>
                  </a:lnTo>
                  <a:lnTo>
                    <a:pt x="772" y="4776"/>
                  </a:lnTo>
                  <a:lnTo>
                    <a:pt x="820" y="4826"/>
                  </a:lnTo>
                  <a:lnTo>
                    <a:pt x="870" y="4875"/>
                  </a:lnTo>
                  <a:lnTo>
                    <a:pt x="921" y="4923"/>
                  </a:lnTo>
                  <a:lnTo>
                    <a:pt x="972" y="4969"/>
                  </a:lnTo>
                  <a:lnTo>
                    <a:pt x="1026" y="5015"/>
                  </a:lnTo>
                  <a:lnTo>
                    <a:pt x="1080" y="5059"/>
                  </a:lnTo>
                  <a:lnTo>
                    <a:pt x="1136" y="5102"/>
                  </a:lnTo>
                  <a:lnTo>
                    <a:pt x="1192" y="5144"/>
                  </a:lnTo>
                  <a:lnTo>
                    <a:pt x="1251" y="5184"/>
                  </a:lnTo>
                  <a:lnTo>
                    <a:pt x="1309" y="5224"/>
                  </a:lnTo>
                  <a:lnTo>
                    <a:pt x="1368" y="5262"/>
                  </a:lnTo>
                  <a:lnTo>
                    <a:pt x="1429" y="5299"/>
                  </a:lnTo>
                  <a:lnTo>
                    <a:pt x="1491" y="5333"/>
                  </a:lnTo>
                  <a:lnTo>
                    <a:pt x="1553" y="5367"/>
                  </a:lnTo>
                  <a:lnTo>
                    <a:pt x="1617" y="5399"/>
                  </a:lnTo>
                  <a:lnTo>
                    <a:pt x="1681" y="5431"/>
                  </a:lnTo>
                  <a:lnTo>
                    <a:pt x="1746" y="5460"/>
                  </a:lnTo>
                  <a:lnTo>
                    <a:pt x="1813" y="5488"/>
                  </a:lnTo>
                  <a:lnTo>
                    <a:pt x="1880" y="5514"/>
                  </a:lnTo>
                  <a:lnTo>
                    <a:pt x="1947" y="5539"/>
                  </a:lnTo>
                  <a:lnTo>
                    <a:pt x="2017" y="5562"/>
                  </a:lnTo>
                  <a:lnTo>
                    <a:pt x="2085" y="5584"/>
                  </a:lnTo>
                  <a:lnTo>
                    <a:pt x="2156" y="5604"/>
                  </a:lnTo>
                  <a:lnTo>
                    <a:pt x="2226" y="5623"/>
                  </a:lnTo>
                  <a:lnTo>
                    <a:pt x="2297" y="5639"/>
                  </a:lnTo>
                  <a:lnTo>
                    <a:pt x="2370" y="5654"/>
                  </a:lnTo>
                  <a:lnTo>
                    <a:pt x="2442" y="5668"/>
                  </a:lnTo>
                  <a:lnTo>
                    <a:pt x="2516" y="5680"/>
                  </a:lnTo>
                  <a:lnTo>
                    <a:pt x="2590" y="5690"/>
                  </a:lnTo>
                  <a:lnTo>
                    <a:pt x="2664" y="5697"/>
                  </a:lnTo>
                  <a:lnTo>
                    <a:pt x="2739" y="5704"/>
                  </a:lnTo>
                  <a:lnTo>
                    <a:pt x="2814" y="5709"/>
                  </a:lnTo>
                  <a:lnTo>
                    <a:pt x="2891" y="5711"/>
                  </a:lnTo>
                  <a:lnTo>
                    <a:pt x="2967" y="5712"/>
                  </a:lnTo>
                  <a:close/>
                </a:path>
              </a:pathLst>
            </a:custGeom>
            <a:solidFill>
              <a:schemeClr val="bg1">
                <a:lumMod val="95000"/>
              </a:schemeClr>
            </a:solidFill>
            <a:ln w="57150">
              <a:solidFill>
                <a:srgbClr val="7BA21A"/>
              </a:solidFill>
            </a:ln>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6" name="Freeform 283">
              <a:extLst>
                <a:ext uri="{FF2B5EF4-FFF2-40B4-BE49-F238E27FC236}">
                  <a16:creationId xmlns:a16="http://schemas.microsoft.com/office/drawing/2014/main" xmlns="" id="{2753BD3E-9787-C349-9565-74551C4FBFFD}"/>
                </a:ext>
              </a:extLst>
            </p:cNvPr>
            <p:cNvSpPr>
              <a:spLocks/>
            </p:cNvSpPr>
            <p:nvPr/>
          </p:nvSpPr>
          <p:spPr bwMode="auto">
            <a:xfrm flipH="1">
              <a:off x="6600056" y="692261"/>
              <a:ext cx="5192436" cy="5205985"/>
            </a:xfrm>
            <a:custGeom>
              <a:avLst/>
              <a:gdLst>
                <a:gd name="T0" fmla="*/ 3195 w 5934"/>
                <a:gd name="T1" fmla="*/ 5704 h 5712"/>
                <a:gd name="T2" fmla="*/ 3564 w 5934"/>
                <a:gd name="T3" fmla="*/ 5654 h 5712"/>
                <a:gd name="T4" fmla="*/ 3917 w 5934"/>
                <a:gd name="T5" fmla="*/ 5562 h 5712"/>
                <a:gd name="T6" fmla="*/ 4252 w 5934"/>
                <a:gd name="T7" fmla="*/ 5431 h 5712"/>
                <a:gd name="T8" fmla="*/ 4565 w 5934"/>
                <a:gd name="T9" fmla="*/ 5262 h 5712"/>
                <a:gd name="T10" fmla="*/ 4854 w 5934"/>
                <a:gd name="T11" fmla="*/ 5059 h 5712"/>
                <a:gd name="T12" fmla="*/ 5114 w 5934"/>
                <a:gd name="T13" fmla="*/ 4826 h 5712"/>
                <a:gd name="T14" fmla="*/ 5344 w 5934"/>
                <a:gd name="T15" fmla="*/ 4564 h 5712"/>
                <a:gd name="T16" fmla="*/ 5540 w 5934"/>
                <a:gd name="T17" fmla="*/ 4277 h 5712"/>
                <a:gd name="T18" fmla="*/ 5701 w 5934"/>
                <a:gd name="T19" fmla="*/ 3967 h 5712"/>
                <a:gd name="T20" fmla="*/ 5822 w 5934"/>
                <a:gd name="T21" fmla="*/ 3637 h 5712"/>
                <a:gd name="T22" fmla="*/ 5900 w 5934"/>
                <a:gd name="T23" fmla="*/ 3290 h 5712"/>
                <a:gd name="T24" fmla="*/ 5933 w 5934"/>
                <a:gd name="T25" fmla="*/ 2930 h 5712"/>
                <a:gd name="T26" fmla="*/ 5925 w 5934"/>
                <a:gd name="T27" fmla="*/ 2637 h 5712"/>
                <a:gd name="T28" fmla="*/ 5873 w 5934"/>
                <a:gd name="T29" fmla="*/ 2282 h 5712"/>
                <a:gd name="T30" fmla="*/ 5778 w 5934"/>
                <a:gd name="T31" fmla="*/ 1941 h 5712"/>
                <a:gd name="T32" fmla="*/ 5641 w 5934"/>
                <a:gd name="T33" fmla="*/ 1619 h 5712"/>
                <a:gd name="T34" fmla="*/ 5466 w 5934"/>
                <a:gd name="T35" fmla="*/ 1317 h 5712"/>
                <a:gd name="T36" fmla="*/ 5255 w 5934"/>
                <a:gd name="T37" fmla="*/ 1040 h 5712"/>
                <a:gd name="T38" fmla="*/ 5013 w 5934"/>
                <a:gd name="T39" fmla="*/ 789 h 5712"/>
                <a:gd name="T40" fmla="*/ 4742 w 5934"/>
                <a:gd name="T41" fmla="*/ 568 h 5712"/>
                <a:gd name="T42" fmla="*/ 4443 w 5934"/>
                <a:gd name="T43" fmla="*/ 379 h 5712"/>
                <a:gd name="T44" fmla="*/ 4121 w 5934"/>
                <a:gd name="T45" fmla="*/ 224 h 5712"/>
                <a:gd name="T46" fmla="*/ 3778 w 5934"/>
                <a:gd name="T47" fmla="*/ 108 h 5712"/>
                <a:gd name="T48" fmla="*/ 3418 w 5934"/>
                <a:gd name="T49" fmla="*/ 32 h 5712"/>
                <a:gd name="T50" fmla="*/ 3043 w 5934"/>
                <a:gd name="T51" fmla="*/ 1 h 5712"/>
                <a:gd name="T52" fmla="*/ 2739 w 5934"/>
                <a:gd name="T53" fmla="*/ 8 h 5712"/>
                <a:gd name="T54" fmla="*/ 2370 w 5934"/>
                <a:gd name="T55" fmla="*/ 58 h 5712"/>
                <a:gd name="T56" fmla="*/ 2017 w 5934"/>
                <a:gd name="T57" fmla="*/ 150 h 5712"/>
                <a:gd name="T58" fmla="*/ 1681 w 5934"/>
                <a:gd name="T59" fmla="*/ 282 h 5712"/>
                <a:gd name="T60" fmla="*/ 1368 w 5934"/>
                <a:gd name="T61" fmla="*/ 450 h 5712"/>
                <a:gd name="T62" fmla="*/ 1080 w 5934"/>
                <a:gd name="T63" fmla="*/ 653 h 5712"/>
                <a:gd name="T64" fmla="*/ 820 w 5934"/>
                <a:gd name="T65" fmla="*/ 886 h 5712"/>
                <a:gd name="T66" fmla="*/ 590 w 5934"/>
                <a:gd name="T67" fmla="*/ 1148 h 5712"/>
                <a:gd name="T68" fmla="*/ 393 w 5934"/>
                <a:gd name="T69" fmla="*/ 1435 h 5712"/>
                <a:gd name="T70" fmla="*/ 233 w 5934"/>
                <a:gd name="T71" fmla="*/ 1745 h 5712"/>
                <a:gd name="T72" fmla="*/ 112 w 5934"/>
                <a:gd name="T73" fmla="*/ 2075 h 5712"/>
                <a:gd name="T74" fmla="*/ 33 w 5934"/>
                <a:gd name="T75" fmla="*/ 2422 h 5712"/>
                <a:gd name="T76" fmla="*/ 1 w 5934"/>
                <a:gd name="T77" fmla="*/ 2783 h 5712"/>
                <a:gd name="T78" fmla="*/ 9 w 5934"/>
                <a:gd name="T79" fmla="*/ 3075 h 5712"/>
                <a:gd name="T80" fmla="*/ 60 w 5934"/>
                <a:gd name="T81" fmla="*/ 3431 h 5712"/>
                <a:gd name="T82" fmla="*/ 156 w 5934"/>
                <a:gd name="T83" fmla="*/ 3771 h 5712"/>
                <a:gd name="T84" fmla="*/ 293 w 5934"/>
                <a:gd name="T85" fmla="*/ 4094 h 5712"/>
                <a:gd name="T86" fmla="*/ 468 w 5934"/>
                <a:gd name="T87" fmla="*/ 4395 h 5712"/>
                <a:gd name="T88" fmla="*/ 678 w 5934"/>
                <a:gd name="T89" fmla="*/ 4672 h 5712"/>
                <a:gd name="T90" fmla="*/ 921 w 5934"/>
                <a:gd name="T91" fmla="*/ 4923 h 5712"/>
                <a:gd name="T92" fmla="*/ 1192 w 5934"/>
                <a:gd name="T93" fmla="*/ 5144 h 5712"/>
                <a:gd name="T94" fmla="*/ 1491 w 5934"/>
                <a:gd name="T95" fmla="*/ 5333 h 5712"/>
                <a:gd name="T96" fmla="*/ 1813 w 5934"/>
                <a:gd name="T97" fmla="*/ 5488 h 5712"/>
                <a:gd name="T98" fmla="*/ 2156 w 5934"/>
                <a:gd name="T99" fmla="*/ 5604 h 5712"/>
                <a:gd name="T100" fmla="*/ 2516 w 5934"/>
                <a:gd name="T101" fmla="*/ 5680 h 5712"/>
                <a:gd name="T102" fmla="*/ 2891 w 5934"/>
                <a:gd name="T103" fmla="*/ 5711 h 57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34" h="5712">
                  <a:moveTo>
                    <a:pt x="2967" y="5712"/>
                  </a:moveTo>
                  <a:lnTo>
                    <a:pt x="2967" y="5712"/>
                  </a:lnTo>
                  <a:lnTo>
                    <a:pt x="3043" y="5711"/>
                  </a:lnTo>
                  <a:lnTo>
                    <a:pt x="3119" y="5709"/>
                  </a:lnTo>
                  <a:lnTo>
                    <a:pt x="3195" y="5704"/>
                  </a:lnTo>
                  <a:lnTo>
                    <a:pt x="3270" y="5697"/>
                  </a:lnTo>
                  <a:lnTo>
                    <a:pt x="3344" y="5690"/>
                  </a:lnTo>
                  <a:lnTo>
                    <a:pt x="3418" y="5680"/>
                  </a:lnTo>
                  <a:lnTo>
                    <a:pt x="3492" y="5668"/>
                  </a:lnTo>
                  <a:lnTo>
                    <a:pt x="3564" y="5654"/>
                  </a:lnTo>
                  <a:lnTo>
                    <a:pt x="3637" y="5639"/>
                  </a:lnTo>
                  <a:lnTo>
                    <a:pt x="3707" y="5623"/>
                  </a:lnTo>
                  <a:lnTo>
                    <a:pt x="3778" y="5604"/>
                  </a:lnTo>
                  <a:lnTo>
                    <a:pt x="3849" y="5584"/>
                  </a:lnTo>
                  <a:lnTo>
                    <a:pt x="3917" y="5562"/>
                  </a:lnTo>
                  <a:lnTo>
                    <a:pt x="3987" y="5539"/>
                  </a:lnTo>
                  <a:lnTo>
                    <a:pt x="4054" y="5514"/>
                  </a:lnTo>
                  <a:lnTo>
                    <a:pt x="4121" y="5488"/>
                  </a:lnTo>
                  <a:lnTo>
                    <a:pt x="4187" y="5460"/>
                  </a:lnTo>
                  <a:lnTo>
                    <a:pt x="4252" y="5431"/>
                  </a:lnTo>
                  <a:lnTo>
                    <a:pt x="4316" y="5399"/>
                  </a:lnTo>
                  <a:lnTo>
                    <a:pt x="4380" y="5367"/>
                  </a:lnTo>
                  <a:lnTo>
                    <a:pt x="4443" y="5333"/>
                  </a:lnTo>
                  <a:lnTo>
                    <a:pt x="4505" y="5299"/>
                  </a:lnTo>
                  <a:lnTo>
                    <a:pt x="4565" y="5262"/>
                  </a:lnTo>
                  <a:lnTo>
                    <a:pt x="4625" y="5224"/>
                  </a:lnTo>
                  <a:lnTo>
                    <a:pt x="4683" y="5184"/>
                  </a:lnTo>
                  <a:lnTo>
                    <a:pt x="4742" y="5144"/>
                  </a:lnTo>
                  <a:lnTo>
                    <a:pt x="4798" y="5102"/>
                  </a:lnTo>
                  <a:lnTo>
                    <a:pt x="4854" y="5059"/>
                  </a:lnTo>
                  <a:lnTo>
                    <a:pt x="4908" y="5015"/>
                  </a:lnTo>
                  <a:lnTo>
                    <a:pt x="4961" y="4969"/>
                  </a:lnTo>
                  <a:lnTo>
                    <a:pt x="5013" y="4923"/>
                  </a:lnTo>
                  <a:lnTo>
                    <a:pt x="5065" y="4875"/>
                  </a:lnTo>
                  <a:lnTo>
                    <a:pt x="5114" y="4826"/>
                  </a:lnTo>
                  <a:lnTo>
                    <a:pt x="5162" y="4776"/>
                  </a:lnTo>
                  <a:lnTo>
                    <a:pt x="5209" y="4724"/>
                  </a:lnTo>
                  <a:lnTo>
                    <a:pt x="5255" y="4672"/>
                  </a:lnTo>
                  <a:lnTo>
                    <a:pt x="5300" y="4618"/>
                  </a:lnTo>
                  <a:lnTo>
                    <a:pt x="5344" y="4564"/>
                  </a:lnTo>
                  <a:lnTo>
                    <a:pt x="5385" y="4508"/>
                  </a:lnTo>
                  <a:lnTo>
                    <a:pt x="5427" y="4452"/>
                  </a:lnTo>
                  <a:lnTo>
                    <a:pt x="5466" y="4395"/>
                  </a:lnTo>
                  <a:lnTo>
                    <a:pt x="5504" y="4337"/>
                  </a:lnTo>
                  <a:lnTo>
                    <a:pt x="5540" y="4277"/>
                  </a:lnTo>
                  <a:lnTo>
                    <a:pt x="5575" y="4217"/>
                  </a:lnTo>
                  <a:lnTo>
                    <a:pt x="5609" y="4155"/>
                  </a:lnTo>
                  <a:lnTo>
                    <a:pt x="5641" y="4094"/>
                  </a:lnTo>
                  <a:lnTo>
                    <a:pt x="5672" y="4031"/>
                  </a:lnTo>
                  <a:lnTo>
                    <a:pt x="5701" y="3967"/>
                  </a:lnTo>
                  <a:lnTo>
                    <a:pt x="5728" y="3902"/>
                  </a:lnTo>
                  <a:lnTo>
                    <a:pt x="5753" y="3838"/>
                  </a:lnTo>
                  <a:lnTo>
                    <a:pt x="5778" y="3771"/>
                  </a:lnTo>
                  <a:lnTo>
                    <a:pt x="5801" y="3705"/>
                  </a:lnTo>
                  <a:lnTo>
                    <a:pt x="5822" y="3637"/>
                  </a:lnTo>
                  <a:lnTo>
                    <a:pt x="5841" y="3569"/>
                  </a:lnTo>
                  <a:lnTo>
                    <a:pt x="5858" y="3501"/>
                  </a:lnTo>
                  <a:lnTo>
                    <a:pt x="5873" y="3431"/>
                  </a:lnTo>
                  <a:lnTo>
                    <a:pt x="5888" y="3361"/>
                  </a:lnTo>
                  <a:lnTo>
                    <a:pt x="5900" y="3290"/>
                  </a:lnTo>
                  <a:lnTo>
                    <a:pt x="5910" y="3219"/>
                  </a:lnTo>
                  <a:lnTo>
                    <a:pt x="5918" y="3148"/>
                  </a:lnTo>
                  <a:lnTo>
                    <a:pt x="5925" y="3075"/>
                  </a:lnTo>
                  <a:lnTo>
                    <a:pt x="5931" y="3003"/>
                  </a:lnTo>
                  <a:lnTo>
                    <a:pt x="5933" y="2930"/>
                  </a:lnTo>
                  <a:lnTo>
                    <a:pt x="5934" y="2856"/>
                  </a:lnTo>
                  <a:lnTo>
                    <a:pt x="5934" y="2856"/>
                  </a:lnTo>
                  <a:lnTo>
                    <a:pt x="5933" y="2783"/>
                  </a:lnTo>
                  <a:lnTo>
                    <a:pt x="5931" y="2709"/>
                  </a:lnTo>
                  <a:lnTo>
                    <a:pt x="5925" y="2637"/>
                  </a:lnTo>
                  <a:lnTo>
                    <a:pt x="5918" y="2564"/>
                  </a:lnTo>
                  <a:lnTo>
                    <a:pt x="5910" y="2493"/>
                  </a:lnTo>
                  <a:lnTo>
                    <a:pt x="5900" y="2422"/>
                  </a:lnTo>
                  <a:lnTo>
                    <a:pt x="5888" y="2351"/>
                  </a:lnTo>
                  <a:lnTo>
                    <a:pt x="5873" y="2282"/>
                  </a:lnTo>
                  <a:lnTo>
                    <a:pt x="5858" y="2211"/>
                  </a:lnTo>
                  <a:lnTo>
                    <a:pt x="5841" y="2143"/>
                  </a:lnTo>
                  <a:lnTo>
                    <a:pt x="5822" y="2075"/>
                  </a:lnTo>
                  <a:lnTo>
                    <a:pt x="5801" y="2007"/>
                  </a:lnTo>
                  <a:lnTo>
                    <a:pt x="5778" y="1941"/>
                  </a:lnTo>
                  <a:lnTo>
                    <a:pt x="5753" y="1874"/>
                  </a:lnTo>
                  <a:lnTo>
                    <a:pt x="5728" y="1810"/>
                  </a:lnTo>
                  <a:lnTo>
                    <a:pt x="5701" y="1745"/>
                  </a:lnTo>
                  <a:lnTo>
                    <a:pt x="5672" y="1681"/>
                  </a:lnTo>
                  <a:lnTo>
                    <a:pt x="5641" y="1619"/>
                  </a:lnTo>
                  <a:lnTo>
                    <a:pt x="5609" y="1557"/>
                  </a:lnTo>
                  <a:lnTo>
                    <a:pt x="5575" y="1495"/>
                  </a:lnTo>
                  <a:lnTo>
                    <a:pt x="5540" y="1435"/>
                  </a:lnTo>
                  <a:lnTo>
                    <a:pt x="5504" y="1376"/>
                  </a:lnTo>
                  <a:lnTo>
                    <a:pt x="5466" y="1317"/>
                  </a:lnTo>
                  <a:lnTo>
                    <a:pt x="5427" y="1260"/>
                  </a:lnTo>
                  <a:lnTo>
                    <a:pt x="5385" y="1204"/>
                  </a:lnTo>
                  <a:lnTo>
                    <a:pt x="5344" y="1148"/>
                  </a:lnTo>
                  <a:lnTo>
                    <a:pt x="5300" y="1094"/>
                  </a:lnTo>
                  <a:lnTo>
                    <a:pt x="5255" y="1040"/>
                  </a:lnTo>
                  <a:lnTo>
                    <a:pt x="5209" y="988"/>
                  </a:lnTo>
                  <a:lnTo>
                    <a:pt x="5162" y="936"/>
                  </a:lnTo>
                  <a:lnTo>
                    <a:pt x="5114" y="886"/>
                  </a:lnTo>
                  <a:lnTo>
                    <a:pt x="5065" y="838"/>
                  </a:lnTo>
                  <a:lnTo>
                    <a:pt x="5013" y="789"/>
                  </a:lnTo>
                  <a:lnTo>
                    <a:pt x="4961" y="743"/>
                  </a:lnTo>
                  <a:lnTo>
                    <a:pt x="4908" y="697"/>
                  </a:lnTo>
                  <a:lnTo>
                    <a:pt x="4854" y="653"/>
                  </a:lnTo>
                  <a:lnTo>
                    <a:pt x="4798" y="610"/>
                  </a:lnTo>
                  <a:lnTo>
                    <a:pt x="4742" y="568"/>
                  </a:lnTo>
                  <a:lnTo>
                    <a:pt x="4683" y="528"/>
                  </a:lnTo>
                  <a:lnTo>
                    <a:pt x="4625" y="488"/>
                  </a:lnTo>
                  <a:lnTo>
                    <a:pt x="4565" y="450"/>
                  </a:lnTo>
                  <a:lnTo>
                    <a:pt x="4505" y="413"/>
                  </a:lnTo>
                  <a:lnTo>
                    <a:pt x="4443" y="379"/>
                  </a:lnTo>
                  <a:lnTo>
                    <a:pt x="4380" y="345"/>
                  </a:lnTo>
                  <a:lnTo>
                    <a:pt x="4316" y="313"/>
                  </a:lnTo>
                  <a:lnTo>
                    <a:pt x="4252" y="282"/>
                  </a:lnTo>
                  <a:lnTo>
                    <a:pt x="4187" y="252"/>
                  </a:lnTo>
                  <a:lnTo>
                    <a:pt x="4121" y="224"/>
                  </a:lnTo>
                  <a:lnTo>
                    <a:pt x="4054" y="198"/>
                  </a:lnTo>
                  <a:lnTo>
                    <a:pt x="3987" y="174"/>
                  </a:lnTo>
                  <a:lnTo>
                    <a:pt x="3917" y="150"/>
                  </a:lnTo>
                  <a:lnTo>
                    <a:pt x="3849" y="128"/>
                  </a:lnTo>
                  <a:lnTo>
                    <a:pt x="3778" y="108"/>
                  </a:lnTo>
                  <a:lnTo>
                    <a:pt x="3707" y="89"/>
                  </a:lnTo>
                  <a:lnTo>
                    <a:pt x="3637" y="73"/>
                  </a:lnTo>
                  <a:lnTo>
                    <a:pt x="3564" y="58"/>
                  </a:lnTo>
                  <a:lnTo>
                    <a:pt x="3492" y="44"/>
                  </a:lnTo>
                  <a:lnTo>
                    <a:pt x="3418" y="32"/>
                  </a:lnTo>
                  <a:lnTo>
                    <a:pt x="3344" y="22"/>
                  </a:lnTo>
                  <a:lnTo>
                    <a:pt x="3270" y="15"/>
                  </a:lnTo>
                  <a:lnTo>
                    <a:pt x="3195" y="8"/>
                  </a:lnTo>
                  <a:lnTo>
                    <a:pt x="3119" y="3"/>
                  </a:lnTo>
                  <a:lnTo>
                    <a:pt x="3043" y="1"/>
                  </a:lnTo>
                  <a:lnTo>
                    <a:pt x="2967" y="0"/>
                  </a:lnTo>
                  <a:lnTo>
                    <a:pt x="2967" y="0"/>
                  </a:lnTo>
                  <a:lnTo>
                    <a:pt x="2891" y="1"/>
                  </a:lnTo>
                  <a:lnTo>
                    <a:pt x="2814" y="3"/>
                  </a:lnTo>
                  <a:lnTo>
                    <a:pt x="2739" y="8"/>
                  </a:lnTo>
                  <a:lnTo>
                    <a:pt x="2664" y="15"/>
                  </a:lnTo>
                  <a:lnTo>
                    <a:pt x="2590" y="22"/>
                  </a:lnTo>
                  <a:lnTo>
                    <a:pt x="2516" y="32"/>
                  </a:lnTo>
                  <a:lnTo>
                    <a:pt x="2442" y="44"/>
                  </a:lnTo>
                  <a:lnTo>
                    <a:pt x="2370" y="58"/>
                  </a:lnTo>
                  <a:lnTo>
                    <a:pt x="2297" y="73"/>
                  </a:lnTo>
                  <a:lnTo>
                    <a:pt x="2226" y="89"/>
                  </a:lnTo>
                  <a:lnTo>
                    <a:pt x="2156" y="108"/>
                  </a:lnTo>
                  <a:lnTo>
                    <a:pt x="2085" y="128"/>
                  </a:lnTo>
                  <a:lnTo>
                    <a:pt x="2017" y="150"/>
                  </a:lnTo>
                  <a:lnTo>
                    <a:pt x="1947" y="174"/>
                  </a:lnTo>
                  <a:lnTo>
                    <a:pt x="1880" y="198"/>
                  </a:lnTo>
                  <a:lnTo>
                    <a:pt x="1813" y="224"/>
                  </a:lnTo>
                  <a:lnTo>
                    <a:pt x="1746" y="252"/>
                  </a:lnTo>
                  <a:lnTo>
                    <a:pt x="1681" y="282"/>
                  </a:lnTo>
                  <a:lnTo>
                    <a:pt x="1617" y="313"/>
                  </a:lnTo>
                  <a:lnTo>
                    <a:pt x="1553" y="345"/>
                  </a:lnTo>
                  <a:lnTo>
                    <a:pt x="1491" y="379"/>
                  </a:lnTo>
                  <a:lnTo>
                    <a:pt x="1429" y="413"/>
                  </a:lnTo>
                  <a:lnTo>
                    <a:pt x="1368" y="450"/>
                  </a:lnTo>
                  <a:lnTo>
                    <a:pt x="1309" y="488"/>
                  </a:lnTo>
                  <a:lnTo>
                    <a:pt x="1251" y="528"/>
                  </a:lnTo>
                  <a:lnTo>
                    <a:pt x="1192" y="568"/>
                  </a:lnTo>
                  <a:lnTo>
                    <a:pt x="1136" y="610"/>
                  </a:lnTo>
                  <a:lnTo>
                    <a:pt x="1080" y="653"/>
                  </a:lnTo>
                  <a:lnTo>
                    <a:pt x="1026" y="697"/>
                  </a:lnTo>
                  <a:lnTo>
                    <a:pt x="972" y="743"/>
                  </a:lnTo>
                  <a:lnTo>
                    <a:pt x="921" y="789"/>
                  </a:lnTo>
                  <a:lnTo>
                    <a:pt x="870" y="838"/>
                  </a:lnTo>
                  <a:lnTo>
                    <a:pt x="820" y="886"/>
                  </a:lnTo>
                  <a:lnTo>
                    <a:pt x="772" y="936"/>
                  </a:lnTo>
                  <a:lnTo>
                    <a:pt x="724" y="988"/>
                  </a:lnTo>
                  <a:lnTo>
                    <a:pt x="678" y="1040"/>
                  </a:lnTo>
                  <a:lnTo>
                    <a:pt x="634" y="1094"/>
                  </a:lnTo>
                  <a:lnTo>
                    <a:pt x="590" y="1148"/>
                  </a:lnTo>
                  <a:lnTo>
                    <a:pt x="548" y="1204"/>
                  </a:lnTo>
                  <a:lnTo>
                    <a:pt x="507" y="1260"/>
                  </a:lnTo>
                  <a:lnTo>
                    <a:pt x="468" y="1317"/>
                  </a:lnTo>
                  <a:lnTo>
                    <a:pt x="429" y="1376"/>
                  </a:lnTo>
                  <a:lnTo>
                    <a:pt x="393" y="1435"/>
                  </a:lnTo>
                  <a:lnTo>
                    <a:pt x="359" y="1495"/>
                  </a:lnTo>
                  <a:lnTo>
                    <a:pt x="325" y="1557"/>
                  </a:lnTo>
                  <a:lnTo>
                    <a:pt x="293" y="1619"/>
                  </a:lnTo>
                  <a:lnTo>
                    <a:pt x="262" y="1681"/>
                  </a:lnTo>
                  <a:lnTo>
                    <a:pt x="233" y="1745"/>
                  </a:lnTo>
                  <a:lnTo>
                    <a:pt x="206" y="1810"/>
                  </a:lnTo>
                  <a:lnTo>
                    <a:pt x="180" y="1874"/>
                  </a:lnTo>
                  <a:lnTo>
                    <a:pt x="156" y="1941"/>
                  </a:lnTo>
                  <a:lnTo>
                    <a:pt x="133" y="2007"/>
                  </a:lnTo>
                  <a:lnTo>
                    <a:pt x="112" y="2075"/>
                  </a:lnTo>
                  <a:lnTo>
                    <a:pt x="93" y="2143"/>
                  </a:lnTo>
                  <a:lnTo>
                    <a:pt x="76" y="2211"/>
                  </a:lnTo>
                  <a:lnTo>
                    <a:pt x="60" y="2282"/>
                  </a:lnTo>
                  <a:lnTo>
                    <a:pt x="46" y="2351"/>
                  </a:lnTo>
                  <a:lnTo>
                    <a:pt x="33" y="2422"/>
                  </a:lnTo>
                  <a:lnTo>
                    <a:pt x="23" y="2493"/>
                  </a:lnTo>
                  <a:lnTo>
                    <a:pt x="15" y="2564"/>
                  </a:lnTo>
                  <a:lnTo>
                    <a:pt x="9" y="2637"/>
                  </a:lnTo>
                  <a:lnTo>
                    <a:pt x="3" y="2709"/>
                  </a:lnTo>
                  <a:lnTo>
                    <a:pt x="1" y="2783"/>
                  </a:lnTo>
                  <a:lnTo>
                    <a:pt x="0" y="2856"/>
                  </a:lnTo>
                  <a:lnTo>
                    <a:pt x="0" y="2856"/>
                  </a:lnTo>
                  <a:lnTo>
                    <a:pt x="1" y="2930"/>
                  </a:lnTo>
                  <a:lnTo>
                    <a:pt x="3" y="3003"/>
                  </a:lnTo>
                  <a:lnTo>
                    <a:pt x="9" y="3075"/>
                  </a:lnTo>
                  <a:lnTo>
                    <a:pt x="15" y="3148"/>
                  </a:lnTo>
                  <a:lnTo>
                    <a:pt x="23" y="3219"/>
                  </a:lnTo>
                  <a:lnTo>
                    <a:pt x="33" y="3290"/>
                  </a:lnTo>
                  <a:lnTo>
                    <a:pt x="46" y="3361"/>
                  </a:lnTo>
                  <a:lnTo>
                    <a:pt x="60" y="3431"/>
                  </a:lnTo>
                  <a:lnTo>
                    <a:pt x="76" y="3501"/>
                  </a:lnTo>
                  <a:lnTo>
                    <a:pt x="93" y="3569"/>
                  </a:lnTo>
                  <a:lnTo>
                    <a:pt x="112" y="3637"/>
                  </a:lnTo>
                  <a:lnTo>
                    <a:pt x="133" y="3705"/>
                  </a:lnTo>
                  <a:lnTo>
                    <a:pt x="156" y="3771"/>
                  </a:lnTo>
                  <a:lnTo>
                    <a:pt x="180" y="3838"/>
                  </a:lnTo>
                  <a:lnTo>
                    <a:pt x="206" y="3902"/>
                  </a:lnTo>
                  <a:lnTo>
                    <a:pt x="233" y="3967"/>
                  </a:lnTo>
                  <a:lnTo>
                    <a:pt x="262" y="4031"/>
                  </a:lnTo>
                  <a:lnTo>
                    <a:pt x="293" y="4094"/>
                  </a:lnTo>
                  <a:lnTo>
                    <a:pt x="325" y="4155"/>
                  </a:lnTo>
                  <a:lnTo>
                    <a:pt x="359" y="4217"/>
                  </a:lnTo>
                  <a:lnTo>
                    <a:pt x="393" y="4277"/>
                  </a:lnTo>
                  <a:lnTo>
                    <a:pt x="429" y="4337"/>
                  </a:lnTo>
                  <a:lnTo>
                    <a:pt x="468" y="4395"/>
                  </a:lnTo>
                  <a:lnTo>
                    <a:pt x="507" y="4452"/>
                  </a:lnTo>
                  <a:lnTo>
                    <a:pt x="548" y="4508"/>
                  </a:lnTo>
                  <a:lnTo>
                    <a:pt x="590" y="4564"/>
                  </a:lnTo>
                  <a:lnTo>
                    <a:pt x="634" y="4618"/>
                  </a:lnTo>
                  <a:lnTo>
                    <a:pt x="678" y="4672"/>
                  </a:lnTo>
                  <a:lnTo>
                    <a:pt x="724" y="4724"/>
                  </a:lnTo>
                  <a:lnTo>
                    <a:pt x="772" y="4776"/>
                  </a:lnTo>
                  <a:lnTo>
                    <a:pt x="820" y="4826"/>
                  </a:lnTo>
                  <a:lnTo>
                    <a:pt x="870" y="4875"/>
                  </a:lnTo>
                  <a:lnTo>
                    <a:pt x="921" y="4923"/>
                  </a:lnTo>
                  <a:lnTo>
                    <a:pt x="972" y="4969"/>
                  </a:lnTo>
                  <a:lnTo>
                    <a:pt x="1026" y="5015"/>
                  </a:lnTo>
                  <a:lnTo>
                    <a:pt x="1080" y="5059"/>
                  </a:lnTo>
                  <a:lnTo>
                    <a:pt x="1136" y="5102"/>
                  </a:lnTo>
                  <a:lnTo>
                    <a:pt x="1192" y="5144"/>
                  </a:lnTo>
                  <a:lnTo>
                    <a:pt x="1251" y="5184"/>
                  </a:lnTo>
                  <a:lnTo>
                    <a:pt x="1309" y="5224"/>
                  </a:lnTo>
                  <a:lnTo>
                    <a:pt x="1368" y="5262"/>
                  </a:lnTo>
                  <a:lnTo>
                    <a:pt x="1429" y="5299"/>
                  </a:lnTo>
                  <a:lnTo>
                    <a:pt x="1491" y="5333"/>
                  </a:lnTo>
                  <a:lnTo>
                    <a:pt x="1553" y="5367"/>
                  </a:lnTo>
                  <a:lnTo>
                    <a:pt x="1617" y="5399"/>
                  </a:lnTo>
                  <a:lnTo>
                    <a:pt x="1681" y="5431"/>
                  </a:lnTo>
                  <a:lnTo>
                    <a:pt x="1746" y="5460"/>
                  </a:lnTo>
                  <a:lnTo>
                    <a:pt x="1813" y="5488"/>
                  </a:lnTo>
                  <a:lnTo>
                    <a:pt x="1880" y="5514"/>
                  </a:lnTo>
                  <a:lnTo>
                    <a:pt x="1947" y="5539"/>
                  </a:lnTo>
                  <a:lnTo>
                    <a:pt x="2017" y="5562"/>
                  </a:lnTo>
                  <a:lnTo>
                    <a:pt x="2085" y="5584"/>
                  </a:lnTo>
                  <a:lnTo>
                    <a:pt x="2156" y="5604"/>
                  </a:lnTo>
                  <a:lnTo>
                    <a:pt x="2226" y="5623"/>
                  </a:lnTo>
                  <a:lnTo>
                    <a:pt x="2297" y="5639"/>
                  </a:lnTo>
                  <a:lnTo>
                    <a:pt x="2370" y="5654"/>
                  </a:lnTo>
                  <a:lnTo>
                    <a:pt x="2442" y="5668"/>
                  </a:lnTo>
                  <a:lnTo>
                    <a:pt x="2516" y="5680"/>
                  </a:lnTo>
                  <a:lnTo>
                    <a:pt x="2590" y="5690"/>
                  </a:lnTo>
                  <a:lnTo>
                    <a:pt x="2664" y="5697"/>
                  </a:lnTo>
                  <a:lnTo>
                    <a:pt x="2739" y="5704"/>
                  </a:lnTo>
                  <a:lnTo>
                    <a:pt x="2814" y="5709"/>
                  </a:lnTo>
                  <a:lnTo>
                    <a:pt x="2891" y="5711"/>
                  </a:lnTo>
                  <a:lnTo>
                    <a:pt x="2967" y="5712"/>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7" name="Freeform 284">
              <a:extLst>
                <a:ext uri="{FF2B5EF4-FFF2-40B4-BE49-F238E27FC236}">
                  <a16:creationId xmlns:a16="http://schemas.microsoft.com/office/drawing/2014/main" xmlns="" id="{064287C4-C37A-FF4B-B810-AF57ACE9063A}"/>
                </a:ext>
              </a:extLst>
            </p:cNvPr>
            <p:cNvSpPr>
              <a:spLocks/>
            </p:cNvSpPr>
            <p:nvPr/>
          </p:nvSpPr>
          <p:spPr bwMode="auto">
            <a:xfrm flipH="1">
              <a:off x="6610556" y="705021"/>
              <a:ext cx="5166185" cy="5180464"/>
            </a:xfrm>
            <a:custGeom>
              <a:avLst/>
              <a:gdLst>
                <a:gd name="T0" fmla="*/ 3179 w 5905"/>
                <a:gd name="T1" fmla="*/ 5676 h 5684"/>
                <a:gd name="T2" fmla="*/ 3547 w 5905"/>
                <a:gd name="T3" fmla="*/ 5626 h 5684"/>
                <a:gd name="T4" fmla="*/ 3899 w 5905"/>
                <a:gd name="T5" fmla="*/ 5534 h 5684"/>
                <a:gd name="T6" fmla="*/ 4232 w 5905"/>
                <a:gd name="T7" fmla="*/ 5404 h 5684"/>
                <a:gd name="T8" fmla="*/ 4542 w 5905"/>
                <a:gd name="T9" fmla="*/ 5236 h 5684"/>
                <a:gd name="T10" fmla="*/ 4830 w 5905"/>
                <a:gd name="T11" fmla="*/ 5034 h 5684"/>
                <a:gd name="T12" fmla="*/ 5089 w 5905"/>
                <a:gd name="T13" fmla="*/ 4802 h 5684"/>
                <a:gd name="T14" fmla="*/ 5318 w 5905"/>
                <a:gd name="T15" fmla="*/ 4542 h 5684"/>
                <a:gd name="T16" fmla="*/ 5514 w 5905"/>
                <a:gd name="T17" fmla="*/ 4256 h 5684"/>
                <a:gd name="T18" fmla="*/ 5673 w 5905"/>
                <a:gd name="T19" fmla="*/ 3947 h 5684"/>
                <a:gd name="T20" fmla="*/ 5793 w 5905"/>
                <a:gd name="T21" fmla="*/ 3620 h 5684"/>
                <a:gd name="T22" fmla="*/ 5871 w 5905"/>
                <a:gd name="T23" fmla="*/ 3274 h 5684"/>
                <a:gd name="T24" fmla="*/ 5904 w 5905"/>
                <a:gd name="T25" fmla="*/ 2916 h 5684"/>
                <a:gd name="T26" fmla="*/ 5896 w 5905"/>
                <a:gd name="T27" fmla="*/ 2624 h 5684"/>
                <a:gd name="T28" fmla="*/ 5845 w 5905"/>
                <a:gd name="T29" fmla="*/ 2270 h 5684"/>
                <a:gd name="T30" fmla="*/ 5750 w 5905"/>
                <a:gd name="T31" fmla="*/ 1932 h 5684"/>
                <a:gd name="T32" fmla="*/ 5614 w 5905"/>
                <a:gd name="T33" fmla="*/ 1611 h 5684"/>
                <a:gd name="T34" fmla="*/ 5440 w 5905"/>
                <a:gd name="T35" fmla="*/ 1312 h 5684"/>
                <a:gd name="T36" fmla="*/ 5230 w 5905"/>
                <a:gd name="T37" fmla="*/ 1035 h 5684"/>
                <a:gd name="T38" fmla="*/ 4989 w 5905"/>
                <a:gd name="T39" fmla="*/ 786 h 5684"/>
                <a:gd name="T40" fmla="*/ 4719 w 5905"/>
                <a:gd name="T41" fmla="*/ 566 h 5684"/>
                <a:gd name="T42" fmla="*/ 4421 w 5905"/>
                <a:gd name="T43" fmla="*/ 377 h 5684"/>
                <a:gd name="T44" fmla="*/ 4100 w 5905"/>
                <a:gd name="T45" fmla="*/ 223 h 5684"/>
                <a:gd name="T46" fmla="*/ 3761 w 5905"/>
                <a:gd name="T47" fmla="*/ 108 h 5684"/>
                <a:gd name="T48" fmla="*/ 3402 w 5905"/>
                <a:gd name="T49" fmla="*/ 33 h 5684"/>
                <a:gd name="T50" fmla="*/ 3029 w 5905"/>
                <a:gd name="T51" fmla="*/ 1 h 5684"/>
                <a:gd name="T52" fmla="*/ 2726 w 5905"/>
                <a:gd name="T53" fmla="*/ 8 h 5684"/>
                <a:gd name="T54" fmla="*/ 2358 w 5905"/>
                <a:gd name="T55" fmla="*/ 58 h 5684"/>
                <a:gd name="T56" fmla="*/ 2007 w 5905"/>
                <a:gd name="T57" fmla="*/ 150 h 5684"/>
                <a:gd name="T58" fmla="*/ 1674 w 5905"/>
                <a:gd name="T59" fmla="*/ 281 h 5684"/>
                <a:gd name="T60" fmla="*/ 1363 w 5905"/>
                <a:gd name="T61" fmla="*/ 448 h 5684"/>
                <a:gd name="T62" fmla="*/ 1076 w 5905"/>
                <a:gd name="T63" fmla="*/ 650 h 5684"/>
                <a:gd name="T64" fmla="*/ 817 w 5905"/>
                <a:gd name="T65" fmla="*/ 882 h 5684"/>
                <a:gd name="T66" fmla="*/ 588 w 5905"/>
                <a:gd name="T67" fmla="*/ 1142 h 5684"/>
                <a:gd name="T68" fmla="*/ 392 w 5905"/>
                <a:gd name="T69" fmla="*/ 1428 h 5684"/>
                <a:gd name="T70" fmla="*/ 233 w 5905"/>
                <a:gd name="T71" fmla="*/ 1737 h 5684"/>
                <a:gd name="T72" fmla="*/ 112 w 5905"/>
                <a:gd name="T73" fmla="*/ 2065 h 5684"/>
                <a:gd name="T74" fmla="*/ 35 w 5905"/>
                <a:gd name="T75" fmla="*/ 2410 h 5684"/>
                <a:gd name="T76" fmla="*/ 1 w 5905"/>
                <a:gd name="T77" fmla="*/ 2769 h 5684"/>
                <a:gd name="T78" fmla="*/ 9 w 5905"/>
                <a:gd name="T79" fmla="*/ 3060 h 5684"/>
                <a:gd name="T80" fmla="*/ 61 w 5905"/>
                <a:gd name="T81" fmla="*/ 3414 h 5684"/>
                <a:gd name="T82" fmla="*/ 156 w 5905"/>
                <a:gd name="T83" fmla="*/ 3752 h 5684"/>
                <a:gd name="T84" fmla="*/ 292 w 5905"/>
                <a:gd name="T85" fmla="*/ 4073 h 5684"/>
                <a:gd name="T86" fmla="*/ 466 w 5905"/>
                <a:gd name="T87" fmla="*/ 4372 h 5684"/>
                <a:gd name="T88" fmla="*/ 676 w 5905"/>
                <a:gd name="T89" fmla="*/ 4649 h 5684"/>
                <a:gd name="T90" fmla="*/ 917 w 5905"/>
                <a:gd name="T91" fmla="*/ 4898 h 5684"/>
                <a:gd name="T92" fmla="*/ 1187 w 5905"/>
                <a:gd name="T93" fmla="*/ 5118 h 5684"/>
                <a:gd name="T94" fmla="*/ 1484 w 5905"/>
                <a:gd name="T95" fmla="*/ 5307 h 5684"/>
                <a:gd name="T96" fmla="*/ 1805 w 5905"/>
                <a:gd name="T97" fmla="*/ 5461 h 5684"/>
                <a:gd name="T98" fmla="*/ 2145 w 5905"/>
                <a:gd name="T99" fmla="*/ 5576 h 5684"/>
                <a:gd name="T100" fmla="*/ 2504 w 5905"/>
                <a:gd name="T101" fmla="*/ 5651 h 5684"/>
                <a:gd name="T102" fmla="*/ 2877 w 5905"/>
                <a:gd name="T103" fmla="*/ 5683 h 56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05" h="5684">
                  <a:moveTo>
                    <a:pt x="2953" y="5684"/>
                  </a:moveTo>
                  <a:lnTo>
                    <a:pt x="2953" y="5684"/>
                  </a:lnTo>
                  <a:lnTo>
                    <a:pt x="3029" y="5683"/>
                  </a:lnTo>
                  <a:lnTo>
                    <a:pt x="3104" y="5680"/>
                  </a:lnTo>
                  <a:lnTo>
                    <a:pt x="3179" y="5676"/>
                  </a:lnTo>
                  <a:lnTo>
                    <a:pt x="3255" y="5669"/>
                  </a:lnTo>
                  <a:lnTo>
                    <a:pt x="3329" y="5662"/>
                  </a:lnTo>
                  <a:lnTo>
                    <a:pt x="3402" y="5651"/>
                  </a:lnTo>
                  <a:lnTo>
                    <a:pt x="3475" y="5640"/>
                  </a:lnTo>
                  <a:lnTo>
                    <a:pt x="3547" y="5626"/>
                  </a:lnTo>
                  <a:lnTo>
                    <a:pt x="3619" y="5611"/>
                  </a:lnTo>
                  <a:lnTo>
                    <a:pt x="3690" y="5595"/>
                  </a:lnTo>
                  <a:lnTo>
                    <a:pt x="3761" y="5576"/>
                  </a:lnTo>
                  <a:lnTo>
                    <a:pt x="3830" y="5556"/>
                  </a:lnTo>
                  <a:lnTo>
                    <a:pt x="3899" y="5534"/>
                  </a:lnTo>
                  <a:lnTo>
                    <a:pt x="3967" y="5512"/>
                  </a:lnTo>
                  <a:lnTo>
                    <a:pt x="4034" y="5487"/>
                  </a:lnTo>
                  <a:lnTo>
                    <a:pt x="4100" y="5461"/>
                  </a:lnTo>
                  <a:lnTo>
                    <a:pt x="4167" y="5433"/>
                  </a:lnTo>
                  <a:lnTo>
                    <a:pt x="4232" y="5404"/>
                  </a:lnTo>
                  <a:lnTo>
                    <a:pt x="4296" y="5372"/>
                  </a:lnTo>
                  <a:lnTo>
                    <a:pt x="4358" y="5341"/>
                  </a:lnTo>
                  <a:lnTo>
                    <a:pt x="4421" y="5307"/>
                  </a:lnTo>
                  <a:lnTo>
                    <a:pt x="4483" y="5272"/>
                  </a:lnTo>
                  <a:lnTo>
                    <a:pt x="4542" y="5236"/>
                  </a:lnTo>
                  <a:lnTo>
                    <a:pt x="4602" y="5198"/>
                  </a:lnTo>
                  <a:lnTo>
                    <a:pt x="4660" y="5159"/>
                  </a:lnTo>
                  <a:lnTo>
                    <a:pt x="4719" y="5118"/>
                  </a:lnTo>
                  <a:lnTo>
                    <a:pt x="4775" y="5077"/>
                  </a:lnTo>
                  <a:lnTo>
                    <a:pt x="4830" y="5034"/>
                  </a:lnTo>
                  <a:lnTo>
                    <a:pt x="4883" y="4990"/>
                  </a:lnTo>
                  <a:lnTo>
                    <a:pt x="4937" y="4945"/>
                  </a:lnTo>
                  <a:lnTo>
                    <a:pt x="4989" y="4898"/>
                  </a:lnTo>
                  <a:lnTo>
                    <a:pt x="5039" y="4851"/>
                  </a:lnTo>
                  <a:lnTo>
                    <a:pt x="5089" y="4802"/>
                  </a:lnTo>
                  <a:lnTo>
                    <a:pt x="5137" y="4752"/>
                  </a:lnTo>
                  <a:lnTo>
                    <a:pt x="5184" y="4701"/>
                  </a:lnTo>
                  <a:lnTo>
                    <a:pt x="5230" y="4649"/>
                  </a:lnTo>
                  <a:lnTo>
                    <a:pt x="5275" y="4596"/>
                  </a:lnTo>
                  <a:lnTo>
                    <a:pt x="5318" y="4542"/>
                  </a:lnTo>
                  <a:lnTo>
                    <a:pt x="5360" y="4487"/>
                  </a:lnTo>
                  <a:lnTo>
                    <a:pt x="5401" y="4429"/>
                  </a:lnTo>
                  <a:lnTo>
                    <a:pt x="5440" y="4372"/>
                  </a:lnTo>
                  <a:lnTo>
                    <a:pt x="5477" y="4315"/>
                  </a:lnTo>
                  <a:lnTo>
                    <a:pt x="5514" y="4256"/>
                  </a:lnTo>
                  <a:lnTo>
                    <a:pt x="5549" y="4195"/>
                  </a:lnTo>
                  <a:lnTo>
                    <a:pt x="5581" y="4135"/>
                  </a:lnTo>
                  <a:lnTo>
                    <a:pt x="5614" y="4073"/>
                  </a:lnTo>
                  <a:lnTo>
                    <a:pt x="5644" y="4011"/>
                  </a:lnTo>
                  <a:lnTo>
                    <a:pt x="5673" y="3947"/>
                  </a:lnTo>
                  <a:lnTo>
                    <a:pt x="5700" y="3883"/>
                  </a:lnTo>
                  <a:lnTo>
                    <a:pt x="5726" y="3818"/>
                  </a:lnTo>
                  <a:lnTo>
                    <a:pt x="5750" y="3752"/>
                  </a:lnTo>
                  <a:lnTo>
                    <a:pt x="5772" y="3687"/>
                  </a:lnTo>
                  <a:lnTo>
                    <a:pt x="5793" y="3620"/>
                  </a:lnTo>
                  <a:lnTo>
                    <a:pt x="5812" y="3552"/>
                  </a:lnTo>
                  <a:lnTo>
                    <a:pt x="5829" y="3484"/>
                  </a:lnTo>
                  <a:lnTo>
                    <a:pt x="5845" y="3414"/>
                  </a:lnTo>
                  <a:lnTo>
                    <a:pt x="5859" y="3344"/>
                  </a:lnTo>
                  <a:lnTo>
                    <a:pt x="5871" y="3274"/>
                  </a:lnTo>
                  <a:lnTo>
                    <a:pt x="5882" y="3204"/>
                  </a:lnTo>
                  <a:lnTo>
                    <a:pt x="5890" y="3133"/>
                  </a:lnTo>
                  <a:lnTo>
                    <a:pt x="5896" y="3060"/>
                  </a:lnTo>
                  <a:lnTo>
                    <a:pt x="5901" y="2988"/>
                  </a:lnTo>
                  <a:lnTo>
                    <a:pt x="5904" y="2916"/>
                  </a:lnTo>
                  <a:lnTo>
                    <a:pt x="5905" y="2842"/>
                  </a:lnTo>
                  <a:lnTo>
                    <a:pt x="5905" y="2842"/>
                  </a:lnTo>
                  <a:lnTo>
                    <a:pt x="5904" y="2769"/>
                  </a:lnTo>
                  <a:lnTo>
                    <a:pt x="5901" y="2696"/>
                  </a:lnTo>
                  <a:lnTo>
                    <a:pt x="5896" y="2624"/>
                  </a:lnTo>
                  <a:lnTo>
                    <a:pt x="5890" y="2552"/>
                  </a:lnTo>
                  <a:lnTo>
                    <a:pt x="5882" y="2480"/>
                  </a:lnTo>
                  <a:lnTo>
                    <a:pt x="5871" y="2410"/>
                  </a:lnTo>
                  <a:lnTo>
                    <a:pt x="5859" y="2340"/>
                  </a:lnTo>
                  <a:lnTo>
                    <a:pt x="5845" y="2270"/>
                  </a:lnTo>
                  <a:lnTo>
                    <a:pt x="5829" y="2201"/>
                  </a:lnTo>
                  <a:lnTo>
                    <a:pt x="5812" y="2133"/>
                  </a:lnTo>
                  <a:lnTo>
                    <a:pt x="5793" y="2065"/>
                  </a:lnTo>
                  <a:lnTo>
                    <a:pt x="5772" y="1998"/>
                  </a:lnTo>
                  <a:lnTo>
                    <a:pt x="5750" y="1932"/>
                  </a:lnTo>
                  <a:lnTo>
                    <a:pt x="5726" y="1866"/>
                  </a:lnTo>
                  <a:lnTo>
                    <a:pt x="5700" y="1801"/>
                  </a:lnTo>
                  <a:lnTo>
                    <a:pt x="5673" y="1737"/>
                  </a:lnTo>
                  <a:lnTo>
                    <a:pt x="5644" y="1674"/>
                  </a:lnTo>
                  <a:lnTo>
                    <a:pt x="5614" y="1611"/>
                  </a:lnTo>
                  <a:lnTo>
                    <a:pt x="5581" y="1549"/>
                  </a:lnTo>
                  <a:lnTo>
                    <a:pt x="5549" y="1489"/>
                  </a:lnTo>
                  <a:lnTo>
                    <a:pt x="5514" y="1428"/>
                  </a:lnTo>
                  <a:lnTo>
                    <a:pt x="5477" y="1369"/>
                  </a:lnTo>
                  <a:lnTo>
                    <a:pt x="5440" y="1312"/>
                  </a:lnTo>
                  <a:lnTo>
                    <a:pt x="5401" y="1255"/>
                  </a:lnTo>
                  <a:lnTo>
                    <a:pt x="5360" y="1198"/>
                  </a:lnTo>
                  <a:lnTo>
                    <a:pt x="5318" y="1142"/>
                  </a:lnTo>
                  <a:lnTo>
                    <a:pt x="5275" y="1088"/>
                  </a:lnTo>
                  <a:lnTo>
                    <a:pt x="5230" y="1035"/>
                  </a:lnTo>
                  <a:lnTo>
                    <a:pt x="5184" y="984"/>
                  </a:lnTo>
                  <a:lnTo>
                    <a:pt x="5137" y="932"/>
                  </a:lnTo>
                  <a:lnTo>
                    <a:pt x="5089" y="882"/>
                  </a:lnTo>
                  <a:lnTo>
                    <a:pt x="5039" y="833"/>
                  </a:lnTo>
                  <a:lnTo>
                    <a:pt x="4989" y="786"/>
                  </a:lnTo>
                  <a:lnTo>
                    <a:pt x="4937" y="740"/>
                  </a:lnTo>
                  <a:lnTo>
                    <a:pt x="4883" y="694"/>
                  </a:lnTo>
                  <a:lnTo>
                    <a:pt x="4830" y="650"/>
                  </a:lnTo>
                  <a:lnTo>
                    <a:pt x="4775" y="607"/>
                  </a:lnTo>
                  <a:lnTo>
                    <a:pt x="4719" y="566"/>
                  </a:lnTo>
                  <a:lnTo>
                    <a:pt x="4660" y="525"/>
                  </a:lnTo>
                  <a:lnTo>
                    <a:pt x="4602" y="486"/>
                  </a:lnTo>
                  <a:lnTo>
                    <a:pt x="4542" y="448"/>
                  </a:lnTo>
                  <a:lnTo>
                    <a:pt x="4483" y="412"/>
                  </a:lnTo>
                  <a:lnTo>
                    <a:pt x="4421" y="377"/>
                  </a:lnTo>
                  <a:lnTo>
                    <a:pt x="4358" y="343"/>
                  </a:lnTo>
                  <a:lnTo>
                    <a:pt x="4296" y="312"/>
                  </a:lnTo>
                  <a:lnTo>
                    <a:pt x="4232" y="281"/>
                  </a:lnTo>
                  <a:lnTo>
                    <a:pt x="4167" y="251"/>
                  </a:lnTo>
                  <a:lnTo>
                    <a:pt x="4100" y="223"/>
                  </a:lnTo>
                  <a:lnTo>
                    <a:pt x="4034" y="197"/>
                  </a:lnTo>
                  <a:lnTo>
                    <a:pt x="3967" y="173"/>
                  </a:lnTo>
                  <a:lnTo>
                    <a:pt x="3899" y="150"/>
                  </a:lnTo>
                  <a:lnTo>
                    <a:pt x="3830" y="128"/>
                  </a:lnTo>
                  <a:lnTo>
                    <a:pt x="3761" y="108"/>
                  </a:lnTo>
                  <a:lnTo>
                    <a:pt x="3690" y="89"/>
                  </a:lnTo>
                  <a:lnTo>
                    <a:pt x="3619" y="73"/>
                  </a:lnTo>
                  <a:lnTo>
                    <a:pt x="3547" y="58"/>
                  </a:lnTo>
                  <a:lnTo>
                    <a:pt x="3475" y="44"/>
                  </a:lnTo>
                  <a:lnTo>
                    <a:pt x="3402" y="33"/>
                  </a:lnTo>
                  <a:lnTo>
                    <a:pt x="3329" y="22"/>
                  </a:lnTo>
                  <a:lnTo>
                    <a:pt x="3255" y="15"/>
                  </a:lnTo>
                  <a:lnTo>
                    <a:pt x="3179" y="8"/>
                  </a:lnTo>
                  <a:lnTo>
                    <a:pt x="3104" y="4"/>
                  </a:lnTo>
                  <a:lnTo>
                    <a:pt x="3029" y="1"/>
                  </a:lnTo>
                  <a:lnTo>
                    <a:pt x="2953" y="0"/>
                  </a:lnTo>
                  <a:lnTo>
                    <a:pt x="2953" y="0"/>
                  </a:lnTo>
                  <a:lnTo>
                    <a:pt x="2877" y="1"/>
                  </a:lnTo>
                  <a:lnTo>
                    <a:pt x="2801" y="4"/>
                  </a:lnTo>
                  <a:lnTo>
                    <a:pt x="2726" y="8"/>
                  </a:lnTo>
                  <a:lnTo>
                    <a:pt x="2651" y="15"/>
                  </a:lnTo>
                  <a:lnTo>
                    <a:pt x="2577" y="22"/>
                  </a:lnTo>
                  <a:lnTo>
                    <a:pt x="2504" y="33"/>
                  </a:lnTo>
                  <a:lnTo>
                    <a:pt x="2431" y="44"/>
                  </a:lnTo>
                  <a:lnTo>
                    <a:pt x="2358" y="58"/>
                  </a:lnTo>
                  <a:lnTo>
                    <a:pt x="2287" y="73"/>
                  </a:lnTo>
                  <a:lnTo>
                    <a:pt x="2216" y="89"/>
                  </a:lnTo>
                  <a:lnTo>
                    <a:pt x="2145" y="108"/>
                  </a:lnTo>
                  <a:lnTo>
                    <a:pt x="2076" y="128"/>
                  </a:lnTo>
                  <a:lnTo>
                    <a:pt x="2007" y="150"/>
                  </a:lnTo>
                  <a:lnTo>
                    <a:pt x="1939" y="173"/>
                  </a:lnTo>
                  <a:lnTo>
                    <a:pt x="1871" y="197"/>
                  </a:lnTo>
                  <a:lnTo>
                    <a:pt x="1805" y="223"/>
                  </a:lnTo>
                  <a:lnTo>
                    <a:pt x="1739" y="251"/>
                  </a:lnTo>
                  <a:lnTo>
                    <a:pt x="1674" y="281"/>
                  </a:lnTo>
                  <a:lnTo>
                    <a:pt x="1610" y="312"/>
                  </a:lnTo>
                  <a:lnTo>
                    <a:pt x="1547" y="343"/>
                  </a:lnTo>
                  <a:lnTo>
                    <a:pt x="1484" y="377"/>
                  </a:lnTo>
                  <a:lnTo>
                    <a:pt x="1423" y="412"/>
                  </a:lnTo>
                  <a:lnTo>
                    <a:pt x="1363" y="448"/>
                  </a:lnTo>
                  <a:lnTo>
                    <a:pt x="1304" y="486"/>
                  </a:lnTo>
                  <a:lnTo>
                    <a:pt x="1245" y="525"/>
                  </a:lnTo>
                  <a:lnTo>
                    <a:pt x="1187" y="566"/>
                  </a:lnTo>
                  <a:lnTo>
                    <a:pt x="1131" y="607"/>
                  </a:lnTo>
                  <a:lnTo>
                    <a:pt x="1076" y="650"/>
                  </a:lnTo>
                  <a:lnTo>
                    <a:pt x="1022" y="694"/>
                  </a:lnTo>
                  <a:lnTo>
                    <a:pt x="968" y="740"/>
                  </a:lnTo>
                  <a:lnTo>
                    <a:pt x="917" y="786"/>
                  </a:lnTo>
                  <a:lnTo>
                    <a:pt x="866" y="833"/>
                  </a:lnTo>
                  <a:lnTo>
                    <a:pt x="817" y="882"/>
                  </a:lnTo>
                  <a:lnTo>
                    <a:pt x="769" y="932"/>
                  </a:lnTo>
                  <a:lnTo>
                    <a:pt x="722" y="984"/>
                  </a:lnTo>
                  <a:lnTo>
                    <a:pt x="676" y="1035"/>
                  </a:lnTo>
                  <a:lnTo>
                    <a:pt x="631" y="1088"/>
                  </a:lnTo>
                  <a:lnTo>
                    <a:pt x="588" y="1142"/>
                  </a:lnTo>
                  <a:lnTo>
                    <a:pt x="545" y="1198"/>
                  </a:lnTo>
                  <a:lnTo>
                    <a:pt x="505" y="1255"/>
                  </a:lnTo>
                  <a:lnTo>
                    <a:pt x="466" y="1312"/>
                  </a:lnTo>
                  <a:lnTo>
                    <a:pt x="429" y="1369"/>
                  </a:lnTo>
                  <a:lnTo>
                    <a:pt x="392" y="1428"/>
                  </a:lnTo>
                  <a:lnTo>
                    <a:pt x="357" y="1489"/>
                  </a:lnTo>
                  <a:lnTo>
                    <a:pt x="325" y="1549"/>
                  </a:lnTo>
                  <a:lnTo>
                    <a:pt x="292" y="1611"/>
                  </a:lnTo>
                  <a:lnTo>
                    <a:pt x="262" y="1674"/>
                  </a:lnTo>
                  <a:lnTo>
                    <a:pt x="233" y="1737"/>
                  </a:lnTo>
                  <a:lnTo>
                    <a:pt x="206" y="1801"/>
                  </a:lnTo>
                  <a:lnTo>
                    <a:pt x="180" y="1866"/>
                  </a:lnTo>
                  <a:lnTo>
                    <a:pt x="156" y="1932"/>
                  </a:lnTo>
                  <a:lnTo>
                    <a:pt x="134" y="1998"/>
                  </a:lnTo>
                  <a:lnTo>
                    <a:pt x="112" y="2065"/>
                  </a:lnTo>
                  <a:lnTo>
                    <a:pt x="93" y="2133"/>
                  </a:lnTo>
                  <a:lnTo>
                    <a:pt x="77" y="2201"/>
                  </a:lnTo>
                  <a:lnTo>
                    <a:pt x="61" y="2270"/>
                  </a:lnTo>
                  <a:lnTo>
                    <a:pt x="46" y="2340"/>
                  </a:lnTo>
                  <a:lnTo>
                    <a:pt x="35" y="2410"/>
                  </a:lnTo>
                  <a:lnTo>
                    <a:pt x="24" y="2480"/>
                  </a:lnTo>
                  <a:lnTo>
                    <a:pt x="16" y="2552"/>
                  </a:lnTo>
                  <a:lnTo>
                    <a:pt x="9" y="2624"/>
                  </a:lnTo>
                  <a:lnTo>
                    <a:pt x="5" y="2696"/>
                  </a:lnTo>
                  <a:lnTo>
                    <a:pt x="1" y="2769"/>
                  </a:lnTo>
                  <a:lnTo>
                    <a:pt x="0" y="2842"/>
                  </a:lnTo>
                  <a:lnTo>
                    <a:pt x="0" y="2842"/>
                  </a:lnTo>
                  <a:lnTo>
                    <a:pt x="1" y="2916"/>
                  </a:lnTo>
                  <a:lnTo>
                    <a:pt x="5" y="2988"/>
                  </a:lnTo>
                  <a:lnTo>
                    <a:pt x="9" y="3060"/>
                  </a:lnTo>
                  <a:lnTo>
                    <a:pt x="16" y="3133"/>
                  </a:lnTo>
                  <a:lnTo>
                    <a:pt x="24" y="3204"/>
                  </a:lnTo>
                  <a:lnTo>
                    <a:pt x="35" y="3274"/>
                  </a:lnTo>
                  <a:lnTo>
                    <a:pt x="46" y="3344"/>
                  </a:lnTo>
                  <a:lnTo>
                    <a:pt x="61" y="3414"/>
                  </a:lnTo>
                  <a:lnTo>
                    <a:pt x="77" y="3484"/>
                  </a:lnTo>
                  <a:lnTo>
                    <a:pt x="93" y="3552"/>
                  </a:lnTo>
                  <a:lnTo>
                    <a:pt x="112" y="3620"/>
                  </a:lnTo>
                  <a:lnTo>
                    <a:pt x="134" y="3687"/>
                  </a:lnTo>
                  <a:lnTo>
                    <a:pt x="156" y="3752"/>
                  </a:lnTo>
                  <a:lnTo>
                    <a:pt x="180" y="3818"/>
                  </a:lnTo>
                  <a:lnTo>
                    <a:pt x="206" y="3883"/>
                  </a:lnTo>
                  <a:lnTo>
                    <a:pt x="233" y="3947"/>
                  </a:lnTo>
                  <a:lnTo>
                    <a:pt x="262" y="4011"/>
                  </a:lnTo>
                  <a:lnTo>
                    <a:pt x="292" y="4073"/>
                  </a:lnTo>
                  <a:lnTo>
                    <a:pt x="325" y="4135"/>
                  </a:lnTo>
                  <a:lnTo>
                    <a:pt x="357" y="4195"/>
                  </a:lnTo>
                  <a:lnTo>
                    <a:pt x="392" y="4256"/>
                  </a:lnTo>
                  <a:lnTo>
                    <a:pt x="429" y="4315"/>
                  </a:lnTo>
                  <a:lnTo>
                    <a:pt x="466" y="4372"/>
                  </a:lnTo>
                  <a:lnTo>
                    <a:pt x="505" y="4429"/>
                  </a:lnTo>
                  <a:lnTo>
                    <a:pt x="545" y="4487"/>
                  </a:lnTo>
                  <a:lnTo>
                    <a:pt x="588" y="4542"/>
                  </a:lnTo>
                  <a:lnTo>
                    <a:pt x="631" y="4596"/>
                  </a:lnTo>
                  <a:lnTo>
                    <a:pt x="676" y="4649"/>
                  </a:lnTo>
                  <a:lnTo>
                    <a:pt x="722" y="4701"/>
                  </a:lnTo>
                  <a:lnTo>
                    <a:pt x="769" y="4752"/>
                  </a:lnTo>
                  <a:lnTo>
                    <a:pt x="817" y="4802"/>
                  </a:lnTo>
                  <a:lnTo>
                    <a:pt x="866" y="4851"/>
                  </a:lnTo>
                  <a:lnTo>
                    <a:pt x="917" y="4898"/>
                  </a:lnTo>
                  <a:lnTo>
                    <a:pt x="968" y="4945"/>
                  </a:lnTo>
                  <a:lnTo>
                    <a:pt x="1022" y="4990"/>
                  </a:lnTo>
                  <a:lnTo>
                    <a:pt x="1076" y="5034"/>
                  </a:lnTo>
                  <a:lnTo>
                    <a:pt x="1131" y="5077"/>
                  </a:lnTo>
                  <a:lnTo>
                    <a:pt x="1187" y="5118"/>
                  </a:lnTo>
                  <a:lnTo>
                    <a:pt x="1245" y="5159"/>
                  </a:lnTo>
                  <a:lnTo>
                    <a:pt x="1304" y="5198"/>
                  </a:lnTo>
                  <a:lnTo>
                    <a:pt x="1363" y="5236"/>
                  </a:lnTo>
                  <a:lnTo>
                    <a:pt x="1423" y="5272"/>
                  </a:lnTo>
                  <a:lnTo>
                    <a:pt x="1484" y="5307"/>
                  </a:lnTo>
                  <a:lnTo>
                    <a:pt x="1547" y="5341"/>
                  </a:lnTo>
                  <a:lnTo>
                    <a:pt x="1610" y="5372"/>
                  </a:lnTo>
                  <a:lnTo>
                    <a:pt x="1674" y="5404"/>
                  </a:lnTo>
                  <a:lnTo>
                    <a:pt x="1739" y="5433"/>
                  </a:lnTo>
                  <a:lnTo>
                    <a:pt x="1805" y="5461"/>
                  </a:lnTo>
                  <a:lnTo>
                    <a:pt x="1871" y="5487"/>
                  </a:lnTo>
                  <a:lnTo>
                    <a:pt x="1939" y="5512"/>
                  </a:lnTo>
                  <a:lnTo>
                    <a:pt x="2007" y="5534"/>
                  </a:lnTo>
                  <a:lnTo>
                    <a:pt x="2076" y="5556"/>
                  </a:lnTo>
                  <a:lnTo>
                    <a:pt x="2145" y="5576"/>
                  </a:lnTo>
                  <a:lnTo>
                    <a:pt x="2216" y="5595"/>
                  </a:lnTo>
                  <a:lnTo>
                    <a:pt x="2287" y="5611"/>
                  </a:lnTo>
                  <a:lnTo>
                    <a:pt x="2358" y="5626"/>
                  </a:lnTo>
                  <a:lnTo>
                    <a:pt x="2431" y="5640"/>
                  </a:lnTo>
                  <a:lnTo>
                    <a:pt x="2504" y="5651"/>
                  </a:lnTo>
                  <a:lnTo>
                    <a:pt x="2577" y="5662"/>
                  </a:lnTo>
                  <a:lnTo>
                    <a:pt x="2651" y="5669"/>
                  </a:lnTo>
                  <a:lnTo>
                    <a:pt x="2726" y="5676"/>
                  </a:lnTo>
                  <a:lnTo>
                    <a:pt x="2801" y="5680"/>
                  </a:lnTo>
                  <a:lnTo>
                    <a:pt x="2877" y="5683"/>
                  </a:lnTo>
                  <a:lnTo>
                    <a:pt x="2953" y="5684"/>
                  </a:lnTo>
                  <a:close/>
                </a:path>
              </a:pathLst>
            </a:custGeom>
            <a:solidFill>
              <a:srgbClr val="BCBCB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8" name="Freeform 285">
              <a:extLst>
                <a:ext uri="{FF2B5EF4-FFF2-40B4-BE49-F238E27FC236}">
                  <a16:creationId xmlns:a16="http://schemas.microsoft.com/office/drawing/2014/main" xmlns="" id="{14D97991-C39A-C248-AA70-A2C8E0E56A96}"/>
                </a:ext>
              </a:extLst>
            </p:cNvPr>
            <p:cNvSpPr>
              <a:spLocks/>
            </p:cNvSpPr>
            <p:nvPr/>
          </p:nvSpPr>
          <p:spPr bwMode="auto">
            <a:xfrm flipH="1">
              <a:off x="6610556" y="705021"/>
              <a:ext cx="5166185" cy="5180464"/>
            </a:xfrm>
            <a:custGeom>
              <a:avLst/>
              <a:gdLst>
                <a:gd name="T0" fmla="*/ 3179 w 5905"/>
                <a:gd name="T1" fmla="*/ 5676 h 5684"/>
                <a:gd name="T2" fmla="*/ 3547 w 5905"/>
                <a:gd name="T3" fmla="*/ 5626 h 5684"/>
                <a:gd name="T4" fmla="*/ 3899 w 5905"/>
                <a:gd name="T5" fmla="*/ 5534 h 5684"/>
                <a:gd name="T6" fmla="*/ 4232 w 5905"/>
                <a:gd name="T7" fmla="*/ 5404 h 5684"/>
                <a:gd name="T8" fmla="*/ 4542 w 5905"/>
                <a:gd name="T9" fmla="*/ 5236 h 5684"/>
                <a:gd name="T10" fmla="*/ 4830 w 5905"/>
                <a:gd name="T11" fmla="*/ 5034 h 5684"/>
                <a:gd name="T12" fmla="*/ 5089 w 5905"/>
                <a:gd name="T13" fmla="*/ 4802 h 5684"/>
                <a:gd name="T14" fmla="*/ 5318 w 5905"/>
                <a:gd name="T15" fmla="*/ 4542 h 5684"/>
                <a:gd name="T16" fmla="*/ 5514 w 5905"/>
                <a:gd name="T17" fmla="*/ 4256 h 5684"/>
                <a:gd name="T18" fmla="*/ 5673 w 5905"/>
                <a:gd name="T19" fmla="*/ 3947 h 5684"/>
                <a:gd name="T20" fmla="*/ 5793 w 5905"/>
                <a:gd name="T21" fmla="*/ 3620 h 5684"/>
                <a:gd name="T22" fmla="*/ 5871 w 5905"/>
                <a:gd name="T23" fmla="*/ 3274 h 5684"/>
                <a:gd name="T24" fmla="*/ 5904 w 5905"/>
                <a:gd name="T25" fmla="*/ 2916 h 5684"/>
                <a:gd name="T26" fmla="*/ 5896 w 5905"/>
                <a:gd name="T27" fmla="*/ 2624 h 5684"/>
                <a:gd name="T28" fmla="*/ 5845 w 5905"/>
                <a:gd name="T29" fmla="*/ 2270 h 5684"/>
                <a:gd name="T30" fmla="*/ 5750 w 5905"/>
                <a:gd name="T31" fmla="*/ 1932 h 5684"/>
                <a:gd name="T32" fmla="*/ 5614 w 5905"/>
                <a:gd name="T33" fmla="*/ 1611 h 5684"/>
                <a:gd name="T34" fmla="*/ 5440 w 5905"/>
                <a:gd name="T35" fmla="*/ 1312 h 5684"/>
                <a:gd name="T36" fmla="*/ 5230 w 5905"/>
                <a:gd name="T37" fmla="*/ 1035 h 5684"/>
                <a:gd name="T38" fmla="*/ 4989 w 5905"/>
                <a:gd name="T39" fmla="*/ 786 h 5684"/>
                <a:gd name="T40" fmla="*/ 4719 w 5905"/>
                <a:gd name="T41" fmla="*/ 566 h 5684"/>
                <a:gd name="T42" fmla="*/ 4421 w 5905"/>
                <a:gd name="T43" fmla="*/ 377 h 5684"/>
                <a:gd name="T44" fmla="*/ 4100 w 5905"/>
                <a:gd name="T45" fmla="*/ 223 h 5684"/>
                <a:gd name="T46" fmla="*/ 3761 w 5905"/>
                <a:gd name="T47" fmla="*/ 108 h 5684"/>
                <a:gd name="T48" fmla="*/ 3402 w 5905"/>
                <a:gd name="T49" fmla="*/ 33 h 5684"/>
                <a:gd name="T50" fmla="*/ 3029 w 5905"/>
                <a:gd name="T51" fmla="*/ 1 h 5684"/>
                <a:gd name="T52" fmla="*/ 2726 w 5905"/>
                <a:gd name="T53" fmla="*/ 8 h 5684"/>
                <a:gd name="T54" fmla="*/ 2358 w 5905"/>
                <a:gd name="T55" fmla="*/ 58 h 5684"/>
                <a:gd name="T56" fmla="*/ 2007 w 5905"/>
                <a:gd name="T57" fmla="*/ 150 h 5684"/>
                <a:gd name="T58" fmla="*/ 1674 w 5905"/>
                <a:gd name="T59" fmla="*/ 281 h 5684"/>
                <a:gd name="T60" fmla="*/ 1363 w 5905"/>
                <a:gd name="T61" fmla="*/ 448 h 5684"/>
                <a:gd name="T62" fmla="*/ 1076 w 5905"/>
                <a:gd name="T63" fmla="*/ 650 h 5684"/>
                <a:gd name="T64" fmla="*/ 817 w 5905"/>
                <a:gd name="T65" fmla="*/ 882 h 5684"/>
                <a:gd name="T66" fmla="*/ 588 w 5905"/>
                <a:gd name="T67" fmla="*/ 1142 h 5684"/>
                <a:gd name="T68" fmla="*/ 392 w 5905"/>
                <a:gd name="T69" fmla="*/ 1428 h 5684"/>
                <a:gd name="T70" fmla="*/ 233 w 5905"/>
                <a:gd name="T71" fmla="*/ 1737 h 5684"/>
                <a:gd name="T72" fmla="*/ 112 w 5905"/>
                <a:gd name="T73" fmla="*/ 2065 h 5684"/>
                <a:gd name="T74" fmla="*/ 35 w 5905"/>
                <a:gd name="T75" fmla="*/ 2410 h 5684"/>
                <a:gd name="T76" fmla="*/ 1 w 5905"/>
                <a:gd name="T77" fmla="*/ 2769 h 5684"/>
                <a:gd name="T78" fmla="*/ 9 w 5905"/>
                <a:gd name="T79" fmla="*/ 3060 h 5684"/>
                <a:gd name="T80" fmla="*/ 61 w 5905"/>
                <a:gd name="T81" fmla="*/ 3414 h 5684"/>
                <a:gd name="T82" fmla="*/ 156 w 5905"/>
                <a:gd name="T83" fmla="*/ 3752 h 5684"/>
                <a:gd name="T84" fmla="*/ 292 w 5905"/>
                <a:gd name="T85" fmla="*/ 4073 h 5684"/>
                <a:gd name="T86" fmla="*/ 466 w 5905"/>
                <a:gd name="T87" fmla="*/ 4372 h 5684"/>
                <a:gd name="T88" fmla="*/ 676 w 5905"/>
                <a:gd name="T89" fmla="*/ 4649 h 5684"/>
                <a:gd name="T90" fmla="*/ 917 w 5905"/>
                <a:gd name="T91" fmla="*/ 4898 h 5684"/>
                <a:gd name="T92" fmla="*/ 1187 w 5905"/>
                <a:gd name="T93" fmla="*/ 5118 h 5684"/>
                <a:gd name="T94" fmla="*/ 1484 w 5905"/>
                <a:gd name="T95" fmla="*/ 5307 h 5684"/>
                <a:gd name="T96" fmla="*/ 1805 w 5905"/>
                <a:gd name="T97" fmla="*/ 5461 h 5684"/>
                <a:gd name="T98" fmla="*/ 2145 w 5905"/>
                <a:gd name="T99" fmla="*/ 5576 h 5684"/>
                <a:gd name="T100" fmla="*/ 2504 w 5905"/>
                <a:gd name="T101" fmla="*/ 5651 h 5684"/>
                <a:gd name="T102" fmla="*/ 2877 w 5905"/>
                <a:gd name="T103" fmla="*/ 5683 h 56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905" h="5684">
                  <a:moveTo>
                    <a:pt x="2953" y="5684"/>
                  </a:moveTo>
                  <a:lnTo>
                    <a:pt x="2953" y="5684"/>
                  </a:lnTo>
                  <a:lnTo>
                    <a:pt x="3029" y="5683"/>
                  </a:lnTo>
                  <a:lnTo>
                    <a:pt x="3104" y="5680"/>
                  </a:lnTo>
                  <a:lnTo>
                    <a:pt x="3179" y="5676"/>
                  </a:lnTo>
                  <a:lnTo>
                    <a:pt x="3255" y="5669"/>
                  </a:lnTo>
                  <a:lnTo>
                    <a:pt x="3329" y="5662"/>
                  </a:lnTo>
                  <a:lnTo>
                    <a:pt x="3402" y="5651"/>
                  </a:lnTo>
                  <a:lnTo>
                    <a:pt x="3475" y="5640"/>
                  </a:lnTo>
                  <a:lnTo>
                    <a:pt x="3547" y="5626"/>
                  </a:lnTo>
                  <a:lnTo>
                    <a:pt x="3619" y="5611"/>
                  </a:lnTo>
                  <a:lnTo>
                    <a:pt x="3690" y="5595"/>
                  </a:lnTo>
                  <a:lnTo>
                    <a:pt x="3761" y="5576"/>
                  </a:lnTo>
                  <a:lnTo>
                    <a:pt x="3830" y="5556"/>
                  </a:lnTo>
                  <a:lnTo>
                    <a:pt x="3899" y="5534"/>
                  </a:lnTo>
                  <a:lnTo>
                    <a:pt x="3967" y="5512"/>
                  </a:lnTo>
                  <a:lnTo>
                    <a:pt x="4034" y="5487"/>
                  </a:lnTo>
                  <a:lnTo>
                    <a:pt x="4100" y="5461"/>
                  </a:lnTo>
                  <a:lnTo>
                    <a:pt x="4167" y="5433"/>
                  </a:lnTo>
                  <a:lnTo>
                    <a:pt x="4232" y="5404"/>
                  </a:lnTo>
                  <a:lnTo>
                    <a:pt x="4296" y="5372"/>
                  </a:lnTo>
                  <a:lnTo>
                    <a:pt x="4358" y="5341"/>
                  </a:lnTo>
                  <a:lnTo>
                    <a:pt x="4421" y="5307"/>
                  </a:lnTo>
                  <a:lnTo>
                    <a:pt x="4483" y="5272"/>
                  </a:lnTo>
                  <a:lnTo>
                    <a:pt x="4542" y="5236"/>
                  </a:lnTo>
                  <a:lnTo>
                    <a:pt x="4602" y="5198"/>
                  </a:lnTo>
                  <a:lnTo>
                    <a:pt x="4660" y="5159"/>
                  </a:lnTo>
                  <a:lnTo>
                    <a:pt x="4719" y="5118"/>
                  </a:lnTo>
                  <a:lnTo>
                    <a:pt x="4775" y="5077"/>
                  </a:lnTo>
                  <a:lnTo>
                    <a:pt x="4830" y="5034"/>
                  </a:lnTo>
                  <a:lnTo>
                    <a:pt x="4883" y="4990"/>
                  </a:lnTo>
                  <a:lnTo>
                    <a:pt x="4937" y="4945"/>
                  </a:lnTo>
                  <a:lnTo>
                    <a:pt x="4989" y="4898"/>
                  </a:lnTo>
                  <a:lnTo>
                    <a:pt x="5039" y="4851"/>
                  </a:lnTo>
                  <a:lnTo>
                    <a:pt x="5089" y="4802"/>
                  </a:lnTo>
                  <a:lnTo>
                    <a:pt x="5137" y="4752"/>
                  </a:lnTo>
                  <a:lnTo>
                    <a:pt x="5184" y="4701"/>
                  </a:lnTo>
                  <a:lnTo>
                    <a:pt x="5230" y="4649"/>
                  </a:lnTo>
                  <a:lnTo>
                    <a:pt x="5275" y="4596"/>
                  </a:lnTo>
                  <a:lnTo>
                    <a:pt x="5318" y="4542"/>
                  </a:lnTo>
                  <a:lnTo>
                    <a:pt x="5360" y="4487"/>
                  </a:lnTo>
                  <a:lnTo>
                    <a:pt x="5401" y="4429"/>
                  </a:lnTo>
                  <a:lnTo>
                    <a:pt x="5440" y="4372"/>
                  </a:lnTo>
                  <a:lnTo>
                    <a:pt x="5477" y="4315"/>
                  </a:lnTo>
                  <a:lnTo>
                    <a:pt x="5514" y="4256"/>
                  </a:lnTo>
                  <a:lnTo>
                    <a:pt x="5549" y="4195"/>
                  </a:lnTo>
                  <a:lnTo>
                    <a:pt x="5581" y="4135"/>
                  </a:lnTo>
                  <a:lnTo>
                    <a:pt x="5614" y="4073"/>
                  </a:lnTo>
                  <a:lnTo>
                    <a:pt x="5644" y="4011"/>
                  </a:lnTo>
                  <a:lnTo>
                    <a:pt x="5673" y="3947"/>
                  </a:lnTo>
                  <a:lnTo>
                    <a:pt x="5700" y="3883"/>
                  </a:lnTo>
                  <a:lnTo>
                    <a:pt x="5726" y="3818"/>
                  </a:lnTo>
                  <a:lnTo>
                    <a:pt x="5750" y="3752"/>
                  </a:lnTo>
                  <a:lnTo>
                    <a:pt x="5772" y="3687"/>
                  </a:lnTo>
                  <a:lnTo>
                    <a:pt x="5793" y="3620"/>
                  </a:lnTo>
                  <a:lnTo>
                    <a:pt x="5812" y="3552"/>
                  </a:lnTo>
                  <a:lnTo>
                    <a:pt x="5829" y="3484"/>
                  </a:lnTo>
                  <a:lnTo>
                    <a:pt x="5845" y="3414"/>
                  </a:lnTo>
                  <a:lnTo>
                    <a:pt x="5859" y="3344"/>
                  </a:lnTo>
                  <a:lnTo>
                    <a:pt x="5871" y="3274"/>
                  </a:lnTo>
                  <a:lnTo>
                    <a:pt x="5882" y="3204"/>
                  </a:lnTo>
                  <a:lnTo>
                    <a:pt x="5890" y="3133"/>
                  </a:lnTo>
                  <a:lnTo>
                    <a:pt x="5896" y="3060"/>
                  </a:lnTo>
                  <a:lnTo>
                    <a:pt x="5901" y="2988"/>
                  </a:lnTo>
                  <a:lnTo>
                    <a:pt x="5904" y="2916"/>
                  </a:lnTo>
                  <a:lnTo>
                    <a:pt x="5905" y="2842"/>
                  </a:lnTo>
                  <a:lnTo>
                    <a:pt x="5905" y="2842"/>
                  </a:lnTo>
                  <a:lnTo>
                    <a:pt x="5904" y="2769"/>
                  </a:lnTo>
                  <a:lnTo>
                    <a:pt x="5901" y="2696"/>
                  </a:lnTo>
                  <a:lnTo>
                    <a:pt x="5896" y="2624"/>
                  </a:lnTo>
                  <a:lnTo>
                    <a:pt x="5890" y="2552"/>
                  </a:lnTo>
                  <a:lnTo>
                    <a:pt x="5882" y="2480"/>
                  </a:lnTo>
                  <a:lnTo>
                    <a:pt x="5871" y="2410"/>
                  </a:lnTo>
                  <a:lnTo>
                    <a:pt x="5859" y="2340"/>
                  </a:lnTo>
                  <a:lnTo>
                    <a:pt x="5845" y="2270"/>
                  </a:lnTo>
                  <a:lnTo>
                    <a:pt x="5829" y="2201"/>
                  </a:lnTo>
                  <a:lnTo>
                    <a:pt x="5812" y="2133"/>
                  </a:lnTo>
                  <a:lnTo>
                    <a:pt x="5793" y="2065"/>
                  </a:lnTo>
                  <a:lnTo>
                    <a:pt x="5772" y="1998"/>
                  </a:lnTo>
                  <a:lnTo>
                    <a:pt x="5750" y="1932"/>
                  </a:lnTo>
                  <a:lnTo>
                    <a:pt x="5726" y="1866"/>
                  </a:lnTo>
                  <a:lnTo>
                    <a:pt x="5700" y="1801"/>
                  </a:lnTo>
                  <a:lnTo>
                    <a:pt x="5673" y="1737"/>
                  </a:lnTo>
                  <a:lnTo>
                    <a:pt x="5644" y="1674"/>
                  </a:lnTo>
                  <a:lnTo>
                    <a:pt x="5614" y="1611"/>
                  </a:lnTo>
                  <a:lnTo>
                    <a:pt x="5581" y="1549"/>
                  </a:lnTo>
                  <a:lnTo>
                    <a:pt x="5549" y="1489"/>
                  </a:lnTo>
                  <a:lnTo>
                    <a:pt x="5514" y="1428"/>
                  </a:lnTo>
                  <a:lnTo>
                    <a:pt x="5477" y="1369"/>
                  </a:lnTo>
                  <a:lnTo>
                    <a:pt x="5440" y="1312"/>
                  </a:lnTo>
                  <a:lnTo>
                    <a:pt x="5401" y="1255"/>
                  </a:lnTo>
                  <a:lnTo>
                    <a:pt x="5360" y="1198"/>
                  </a:lnTo>
                  <a:lnTo>
                    <a:pt x="5318" y="1142"/>
                  </a:lnTo>
                  <a:lnTo>
                    <a:pt x="5275" y="1088"/>
                  </a:lnTo>
                  <a:lnTo>
                    <a:pt x="5230" y="1035"/>
                  </a:lnTo>
                  <a:lnTo>
                    <a:pt x="5184" y="984"/>
                  </a:lnTo>
                  <a:lnTo>
                    <a:pt x="5137" y="932"/>
                  </a:lnTo>
                  <a:lnTo>
                    <a:pt x="5089" y="882"/>
                  </a:lnTo>
                  <a:lnTo>
                    <a:pt x="5039" y="833"/>
                  </a:lnTo>
                  <a:lnTo>
                    <a:pt x="4989" y="786"/>
                  </a:lnTo>
                  <a:lnTo>
                    <a:pt x="4937" y="740"/>
                  </a:lnTo>
                  <a:lnTo>
                    <a:pt x="4883" y="694"/>
                  </a:lnTo>
                  <a:lnTo>
                    <a:pt x="4830" y="650"/>
                  </a:lnTo>
                  <a:lnTo>
                    <a:pt x="4775" y="607"/>
                  </a:lnTo>
                  <a:lnTo>
                    <a:pt x="4719" y="566"/>
                  </a:lnTo>
                  <a:lnTo>
                    <a:pt x="4660" y="525"/>
                  </a:lnTo>
                  <a:lnTo>
                    <a:pt x="4602" y="486"/>
                  </a:lnTo>
                  <a:lnTo>
                    <a:pt x="4542" y="448"/>
                  </a:lnTo>
                  <a:lnTo>
                    <a:pt x="4483" y="412"/>
                  </a:lnTo>
                  <a:lnTo>
                    <a:pt x="4421" y="377"/>
                  </a:lnTo>
                  <a:lnTo>
                    <a:pt x="4358" y="343"/>
                  </a:lnTo>
                  <a:lnTo>
                    <a:pt x="4296" y="312"/>
                  </a:lnTo>
                  <a:lnTo>
                    <a:pt x="4232" y="281"/>
                  </a:lnTo>
                  <a:lnTo>
                    <a:pt x="4167" y="251"/>
                  </a:lnTo>
                  <a:lnTo>
                    <a:pt x="4100" y="223"/>
                  </a:lnTo>
                  <a:lnTo>
                    <a:pt x="4034" y="197"/>
                  </a:lnTo>
                  <a:lnTo>
                    <a:pt x="3967" y="173"/>
                  </a:lnTo>
                  <a:lnTo>
                    <a:pt x="3899" y="150"/>
                  </a:lnTo>
                  <a:lnTo>
                    <a:pt x="3830" y="128"/>
                  </a:lnTo>
                  <a:lnTo>
                    <a:pt x="3761" y="108"/>
                  </a:lnTo>
                  <a:lnTo>
                    <a:pt x="3690" y="89"/>
                  </a:lnTo>
                  <a:lnTo>
                    <a:pt x="3619" y="73"/>
                  </a:lnTo>
                  <a:lnTo>
                    <a:pt x="3547" y="58"/>
                  </a:lnTo>
                  <a:lnTo>
                    <a:pt x="3475" y="44"/>
                  </a:lnTo>
                  <a:lnTo>
                    <a:pt x="3402" y="33"/>
                  </a:lnTo>
                  <a:lnTo>
                    <a:pt x="3329" y="22"/>
                  </a:lnTo>
                  <a:lnTo>
                    <a:pt x="3255" y="15"/>
                  </a:lnTo>
                  <a:lnTo>
                    <a:pt x="3179" y="8"/>
                  </a:lnTo>
                  <a:lnTo>
                    <a:pt x="3104" y="4"/>
                  </a:lnTo>
                  <a:lnTo>
                    <a:pt x="3029" y="1"/>
                  </a:lnTo>
                  <a:lnTo>
                    <a:pt x="2953" y="0"/>
                  </a:lnTo>
                  <a:lnTo>
                    <a:pt x="2953" y="0"/>
                  </a:lnTo>
                  <a:lnTo>
                    <a:pt x="2877" y="1"/>
                  </a:lnTo>
                  <a:lnTo>
                    <a:pt x="2801" y="4"/>
                  </a:lnTo>
                  <a:lnTo>
                    <a:pt x="2726" y="8"/>
                  </a:lnTo>
                  <a:lnTo>
                    <a:pt x="2651" y="15"/>
                  </a:lnTo>
                  <a:lnTo>
                    <a:pt x="2577" y="22"/>
                  </a:lnTo>
                  <a:lnTo>
                    <a:pt x="2504" y="33"/>
                  </a:lnTo>
                  <a:lnTo>
                    <a:pt x="2431" y="44"/>
                  </a:lnTo>
                  <a:lnTo>
                    <a:pt x="2358" y="58"/>
                  </a:lnTo>
                  <a:lnTo>
                    <a:pt x="2287" y="73"/>
                  </a:lnTo>
                  <a:lnTo>
                    <a:pt x="2216" y="89"/>
                  </a:lnTo>
                  <a:lnTo>
                    <a:pt x="2145" y="108"/>
                  </a:lnTo>
                  <a:lnTo>
                    <a:pt x="2076" y="128"/>
                  </a:lnTo>
                  <a:lnTo>
                    <a:pt x="2007" y="150"/>
                  </a:lnTo>
                  <a:lnTo>
                    <a:pt x="1939" y="173"/>
                  </a:lnTo>
                  <a:lnTo>
                    <a:pt x="1871" y="197"/>
                  </a:lnTo>
                  <a:lnTo>
                    <a:pt x="1805" y="223"/>
                  </a:lnTo>
                  <a:lnTo>
                    <a:pt x="1739" y="251"/>
                  </a:lnTo>
                  <a:lnTo>
                    <a:pt x="1674" y="281"/>
                  </a:lnTo>
                  <a:lnTo>
                    <a:pt x="1610" y="312"/>
                  </a:lnTo>
                  <a:lnTo>
                    <a:pt x="1547" y="343"/>
                  </a:lnTo>
                  <a:lnTo>
                    <a:pt x="1484" y="377"/>
                  </a:lnTo>
                  <a:lnTo>
                    <a:pt x="1423" y="412"/>
                  </a:lnTo>
                  <a:lnTo>
                    <a:pt x="1363" y="448"/>
                  </a:lnTo>
                  <a:lnTo>
                    <a:pt x="1304" y="486"/>
                  </a:lnTo>
                  <a:lnTo>
                    <a:pt x="1245" y="525"/>
                  </a:lnTo>
                  <a:lnTo>
                    <a:pt x="1187" y="566"/>
                  </a:lnTo>
                  <a:lnTo>
                    <a:pt x="1131" y="607"/>
                  </a:lnTo>
                  <a:lnTo>
                    <a:pt x="1076" y="650"/>
                  </a:lnTo>
                  <a:lnTo>
                    <a:pt x="1022" y="694"/>
                  </a:lnTo>
                  <a:lnTo>
                    <a:pt x="968" y="740"/>
                  </a:lnTo>
                  <a:lnTo>
                    <a:pt x="917" y="786"/>
                  </a:lnTo>
                  <a:lnTo>
                    <a:pt x="866" y="833"/>
                  </a:lnTo>
                  <a:lnTo>
                    <a:pt x="817" y="882"/>
                  </a:lnTo>
                  <a:lnTo>
                    <a:pt x="769" y="932"/>
                  </a:lnTo>
                  <a:lnTo>
                    <a:pt x="722" y="984"/>
                  </a:lnTo>
                  <a:lnTo>
                    <a:pt x="676" y="1035"/>
                  </a:lnTo>
                  <a:lnTo>
                    <a:pt x="631" y="1088"/>
                  </a:lnTo>
                  <a:lnTo>
                    <a:pt x="588" y="1142"/>
                  </a:lnTo>
                  <a:lnTo>
                    <a:pt x="545" y="1198"/>
                  </a:lnTo>
                  <a:lnTo>
                    <a:pt x="505" y="1255"/>
                  </a:lnTo>
                  <a:lnTo>
                    <a:pt x="466" y="1312"/>
                  </a:lnTo>
                  <a:lnTo>
                    <a:pt x="429" y="1369"/>
                  </a:lnTo>
                  <a:lnTo>
                    <a:pt x="392" y="1428"/>
                  </a:lnTo>
                  <a:lnTo>
                    <a:pt x="357" y="1489"/>
                  </a:lnTo>
                  <a:lnTo>
                    <a:pt x="325" y="1549"/>
                  </a:lnTo>
                  <a:lnTo>
                    <a:pt x="292" y="1611"/>
                  </a:lnTo>
                  <a:lnTo>
                    <a:pt x="262" y="1674"/>
                  </a:lnTo>
                  <a:lnTo>
                    <a:pt x="233" y="1737"/>
                  </a:lnTo>
                  <a:lnTo>
                    <a:pt x="206" y="1801"/>
                  </a:lnTo>
                  <a:lnTo>
                    <a:pt x="180" y="1866"/>
                  </a:lnTo>
                  <a:lnTo>
                    <a:pt x="156" y="1932"/>
                  </a:lnTo>
                  <a:lnTo>
                    <a:pt x="134" y="1998"/>
                  </a:lnTo>
                  <a:lnTo>
                    <a:pt x="112" y="2065"/>
                  </a:lnTo>
                  <a:lnTo>
                    <a:pt x="93" y="2133"/>
                  </a:lnTo>
                  <a:lnTo>
                    <a:pt x="77" y="2201"/>
                  </a:lnTo>
                  <a:lnTo>
                    <a:pt x="61" y="2270"/>
                  </a:lnTo>
                  <a:lnTo>
                    <a:pt x="46" y="2340"/>
                  </a:lnTo>
                  <a:lnTo>
                    <a:pt x="35" y="2410"/>
                  </a:lnTo>
                  <a:lnTo>
                    <a:pt x="24" y="2480"/>
                  </a:lnTo>
                  <a:lnTo>
                    <a:pt x="16" y="2552"/>
                  </a:lnTo>
                  <a:lnTo>
                    <a:pt x="9" y="2624"/>
                  </a:lnTo>
                  <a:lnTo>
                    <a:pt x="5" y="2696"/>
                  </a:lnTo>
                  <a:lnTo>
                    <a:pt x="1" y="2769"/>
                  </a:lnTo>
                  <a:lnTo>
                    <a:pt x="0" y="2842"/>
                  </a:lnTo>
                  <a:lnTo>
                    <a:pt x="0" y="2842"/>
                  </a:lnTo>
                  <a:lnTo>
                    <a:pt x="1" y="2916"/>
                  </a:lnTo>
                  <a:lnTo>
                    <a:pt x="5" y="2988"/>
                  </a:lnTo>
                  <a:lnTo>
                    <a:pt x="9" y="3060"/>
                  </a:lnTo>
                  <a:lnTo>
                    <a:pt x="16" y="3133"/>
                  </a:lnTo>
                  <a:lnTo>
                    <a:pt x="24" y="3204"/>
                  </a:lnTo>
                  <a:lnTo>
                    <a:pt x="35" y="3274"/>
                  </a:lnTo>
                  <a:lnTo>
                    <a:pt x="46" y="3344"/>
                  </a:lnTo>
                  <a:lnTo>
                    <a:pt x="61" y="3414"/>
                  </a:lnTo>
                  <a:lnTo>
                    <a:pt x="77" y="3484"/>
                  </a:lnTo>
                  <a:lnTo>
                    <a:pt x="93" y="3552"/>
                  </a:lnTo>
                  <a:lnTo>
                    <a:pt x="112" y="3620"/>
                  </a:lnTo>
                  <a:lnTo>
                    <a:pt x="134" y="3687"/>
                  </a:lnTo>
                  <a:lnTo>
                    <a:pt x="156" y="3752"/>
                  </a:lnTo>
                  <a:lnTo>
                    <a:pt x="180" y="3818"/>
                  </a:lnTo>
                  <a:lnTo>
                    <a:pt x="206" y="3883"/>
                  </a:lnTo>
                  <a:lnTo>
                    <a:pt x="233" y="3947"/>
                  </a:lnTo>
                  <a:lnTo>
                    <a:pt x="262" y="4011"/>
                  </a:lnTo>
                  <a:lnTo>
                    <a:pt x="292" y="4073"/>
                  </a:lnTo>
                  <a:lnTo>
                    <a:pt x="325" y="4135"/>
                  </a:lnTo>
                  <a:lnTo>
                    <a:pt x="357" y="4195"/>
                  </a:lnTo>
                  <a:lnTo>
                    <a:pt x="392" y="4256"/>
                  </a:lnTo>
                  <a:lnTo>
                    <a:pt x="429" y="4315"/>
                  </a:lnTo>
                  <a:lnTo>
                    <a:pt x="466" y="4372"/>
                  </a:lnTo>
                  <a:lnTo>
                    <a:pt x="505" y="4429"/>
                  </a:lnTo>
                  <a:lnTo>
                    <a:pt x="545" y="4487"/>
                  </a:lnTo>
                  <a:lnTo>
                    <a:pt x="588" y="4542"/>
                  </a:lnTo>
                  <a:lnTo>
                    <a:pt x="631" y="4596"/>
                  </a:lnTo>
                  <a:lnTo>
                    <a:pt x="676" y="4649"/>
                  </a:lnTo>
                  <a:lnTo>
                    <a:pt x="722" y="4701"/>
                  </a:lnTo>
                  <a:lnTo>
                    <a:pt x="769" y="4752"/>
                  </a:lnTo>
                  <a:lnTo>
                    <a:pt x="817" y="4802"/>
                  </a:lnTo>
                  <a:lnTo>
                    <a:pt x="866" y="4851"/>
                  </a:lnTo>
                  <a:lnTo>
                    <a:pt x="917" y="4898"/>
                  </a:lnTo>
                  <a:lnTo>
                    <a:pt x="968" y="4945"/>
                  </a:lnTo>
                  <a:lnTo>
                    <a:pt x="1022" y="4990"/>
                  </a:lnTo>
                  <a:lnTo>
                    <a:pt x="1076" y="5034"/>
                  </a:lnTo>
                  <a:lnTo>
                    <a:pt x="1131" y="5077"/>
                  </a:lnTo>
                  <a:lnTo>
                    <a:pt x="1187" y="5118"/>
                  </a:lnTo>
                  <a:lnTo>
                    <a:pt x="1245" y="5159"/>
                  </a:lnTo>
                  <a:lnTo>
                    <a:pt x="1304" y="5198"/>
                  </a:lnTo>
                  <a:lnTo>
                    <a:pt x="1363" y="5236"/>
                  </a:lnTo>
                  <a:lnTo>
                    <a:pt x="1423" y="5272"/>
                  </a:lnTo>
                  <a:lnTo>
                    <a:pt x="1484" y="5307"/>
                  </a:lnTo>
                  <a:lnTo>
                    <a:pt x="1547" y="5341"/>
                  </a:lnTo>
                  <a:lnTo>
                    <a:pt x="1610" y="5372"/>
                  </a:lnTo>
                  <a:lnTo>
                    <a:pt x="1674" y="5404"/>
                  </a:lnTo>
                  <a:lnTo>
                    <a:pt x="1739" y="5433"/>
                  </a:lnTo>
                  <a:lnTo>
                    <a:pt x="1805" y="5461"/>
                  </a:lnTo>
                  <a:lnTo>
                    <a:pt x="1871" y="5487"/>
                  </a:lnTo>
                  <a:lnTo>
                    <a:pt x="1939" y="5512"/>
                  </a:lnTo>
                  <a:lnTo>
                    <a:pt x="2007" y="5534"/>
                  </a:lnTo>
                  <a:lnTo>
                    <a:pt x="2076" y="5556"/>
                  </a:lnTo>
                  <a:lnTo>
                    <a:pt x="2145" y="5576"/>
                  </a:lnTo>
                  <a:lnTo>
                    <a:pt x="2216" y="5595"/>
                  </a:lnTo>
                  <a:lnTo>
                    <a:pt x="2287" y="5611"/>
                  </a:lnTo>
                  <a:lnTo>
                    <a:pt x="2358" y="5626"/>
                  </a:lnTo>
                  <a:lnTo>
                    <a:pt x="2431" y="5640"/>
                  </a:lnTo>
                  <a:lnTo>
                    <a:pt x="2504" y="5651"/>
                  </a:lnTo>
                  <a:lnTo>
                    <a:pt x="2577" y="5662"/>
                  </a:lnTo>
                  <a:lnTo>
                    <a:pt x="2651" y="5669"/>
                  </a:lnTo>
                  <a:lnTo>
                    <a:pt x="2726" y="5676"/>
                  </a:lnTo>
                  <a:lnTo>
                    <a:pt x="2801" y="5680"/>
                  </a:lnTo>
                  <a:lnTo>
                    <a:pt x="2877" y="5683"/>
                  </a:lnTo>
                  <a:lnTo>
                    <a:pt x="2953" y="568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9" name="Freeform 288">
              <a:extLst>
                <a:ext uri="{FF2B5EF4-FFF2-40B4-BE49-F238E27FC236}">
                  <a16:creationId xmlns:a16="http://schemas.microsoft.com/office/drawing/2014/main" xmlns="" id="{E4F5FAB6-C26D-334C-9CCA-3BE66AEA0052}"/>
                </a:ext>
              </a:extLst>
            </p:cNvPr>
            <p:cNvSpPr>
              <a:spLocks/>
            </p:cNvSpPr>
            <p:nvPr/>
          </p:nvSpPr>
          <p:spPr bwMode="auto">
            <a:xfrm flipH="1">
              <a:off x="6888816" y="979354"/>
              <a:ext cx="4614915" cy="4625416"/>
            </a:xfrm>
            <a:custGeom>
              <a:avLst/>
              <a:gdLst>
                <a:gd name="T0" fmla="*/ 2837 w 5270"/>
                <a:gd name="T1" fmla="*/ 5066 h 5074"/>
                <a:gd name="T2" fmla="*/ 3165 w 5270"/>
                <a:gd name="T3" fmla="*/ 5022 h 5074"/>
                <a:gd name="T4" fmla="*/ 3480 w 5270"/>
                <a:gd name="T5" fmla="*/ 4940 h 5074"/>
                <a:gd name="T6" fmla="*/ 3777 w 5270"/>
                <a:gd name="T7" fmla="*/ 4823 h 5074"/>
                <a:gd name="T8" fmla="*/ 4054 w 5270"/>
                <a:gd name="T9" fmla="*/ 4673 h 5074"/>
                <a:gd name="T10" fmla="*/ 4310 w 5270"/>
                <a:gd name="T11" fmla="*/ 4494 h 5074"/>
                <a:gd name="T12" fmla="*/ 4542 w 5270"/>
                <a:gd name="T13" fmla="*/ 4286 h 5074"/>
                <a:gd name="T14" fmla="*/ 4746 w 5270"/>
                <a:gd name="T15" fmla="*/ 4054 h 5074"/>
                <a:gd name="T16" fmla="*/ 4920 w 5270"/>
                <a:gd name="T17" fmla="*/ 3798 h 5074"/>
                <a:gd name="T18" fmla="*/ 5062 w 5270"/>
                <a:gd name="T19" fmla="*/ 3524 h 5074"/>
                <a:gd name="T20" fmla="*/ 5170 w 5270"/>
                <a:gd name="T21" fmla="*/ 3230 h 5074"/>
                <a:gd name="T22" fmla="*/ 5240 w 5270"/>
                <a:gd name="T23" fmla="*/ 2923 h 5074"/>
                <a:gd name="T24" fmla="*/ 5269 w 5270"/>
                <a:gd name="T25" fmla="*/ 2603 h 5074"/>
                <a:gd name="T26" fmla="*/ 5262 w 5270"/>
                <a:gd name="T27" fmla="*/ 2343 h 5074"/>
                <a:gd name="T28" fmla="*/ 5216 w 5270"/>
                <a:gd name="T29" fmla="*/ 2026 h 5074"/>
                <a:gd name="T30" fmla="*/ 5131 w 5270"/>
                <a:gd name="T31" fmla="*/ 1724 h 5074"/>
                <a:gd name="T32" fmla="*/ 5010 w 5270"/>
                <a:gd name="T33" fmla="*/ 1439 h 5074"/>
                <a:gd name="T34" fmla="*/ 4854 w 5270"/>
                <a:gd name="T35" fmla="*/ 1171 h 5074"/>
                <a:gd name="T36" fmla="*/ 4668 w 5270"/>
                <a:gd name="T37" fmla="*/ 925 h 5074"/>
                <a:gd name="T38" fmla="*/ 4452 w 5270"/>
                <a:gd name="T39" fmla="*/ 701 h 5074"/>
                <a:gd name="T40" fmla="*/ 4211 w 5270"/>
                <a:gd name="T41" fmla="*/ 505 h 5074"/>
                <a:gd name="T42" fmla="*/ 3945 w 5270"/>
                <a:gd name="T43" fmla="*/ 337 h 5074"/>
                <a:gd name="T44" fmla="*/ 3660 w 5270"/>
                <a:gd name="T45" fmla="*/ 200 h 5074"/>
                <a:gd name="T46" fmla="*/ 3355 w 5270"/>
                <a:gd name="T47" fmla="*/ 97 h 5074"/>
                <a:gd name="T48" fmla="*/ 3035 w 5270"/>
                <a:gd name="T49" fmla="*/ 30 h 5074"/>
                <a:gd name="T50" fmla="*/ 2703 w 5270"/>
                <a:gd name="T51" fmla="*/ 1 h 5074"/>
                <a:gd name="T52" fmla="*/ 2433 w 5270"/>
                <a:gd name="T53" fmla="*/ 8 h 5074"/>
                <a:gd name="T54" fmla="*/ 2104 w 5270"/>
                <a:gd name="T55" fmla="*/ 52 h 5074"/>
                <a:gd name="T56" fmla="*/ 1790 w 5270"/>
                <a:gd name="T57" fmla="*/ 134 h 5074"/>
                <a:gd name="T58" fmla="*/ 1494 w 5270"/>
                <a:gd name="T59" fmla="*/ 251 h 5074"/>
                <a:gd name="T60" fmla="*/ 1216 w 5270"/>
                <a:gd name="T61" fmla="*/ 401 h 5074"/>
                <a:gd name="T62" fmla="*/ 960 w 5270"/>
                <a:gd name="T63" fmla="*/ 580 h 5074"/>
                <a:gd name="T64" fmla="*/ 728 w 5270"/>
                <a:gd name="T65" fmla="*/ 788 h 5074"/>
                <a:gd name="T66" fmla="*/ 524 w 5270"/>
                <a:gd name="T67" fmla="*/ 1020 h 5074"/>
                <a:gd name="T68" fmla="*/ 350 w 5270"/>
                <a:gd name="T69" fmla="*/ 1276 h 5074"/>
                <a:gd name="T70" fmla="*/ 207 w 5270"/>
                <a:gd name="T71" fmla="*/ 1551 h 5074"/>
                <a:gd name="T72" fmla="*/ 100 w 5270"/>
                <a:gd name="T73" fmla="*/ 1844 h 5074"/>
                <a:gd name="T74" fmla="*/ 30 w 5270"/>
                <a:gd name="T75" fmla="*/ 2152 h 5074"/>
                <a:gd name="T76" fmla="*/ 1 w 5270"/>
                <a:gd name="T77" fmla="*/ 2471 h 5074"/>
                <a:gd name="T78" fmla="*/ 8 w 5270"/>
                <a:gd name="T79" fmla="*/ 2733 h 5074"/>
                <a:gd name="T80" fmla="*/ 54 w 5270"/>
                <a:gd name="T81" fmla="*/ 3048 h 5074"/>
                <a:gd name="T82" fmla="*/ 139 w 5270"/>
                <a:gd name="T83" fmla="*/ 3350 h 5074"/>
                <a:gd name="T84" fmla="*/ 260 w 5270"/>
                <a:gd name="T85" fmla="*/ 3636 h 5074"/>
                <a:gd name="T86" fmla="*/ 416 w 5270"/>
                <a:gd name="T87" fmla="*/ 3903 h 5074"/>
                <a:gd name="T88" fmla="*/ 602 w 5270"/>
                <a:gd name="T89" fmla="*/ 4149 h 5074"/>
                <a:gd name="T90" fmla="*/ 818 w 5270"/>
                <a:gd name="T91" fmla="*/ 4373 h 5074"/>
                <a:gd name="T92" fmla="*/ 1059 w 5270"/>
                <a:gd name="T93" fmla="*/ 4569 h 5074"/>
                <a:gd name="T94" fmla="*/ 1325 w 5270"/>
                <a:gd name="T95" fmla="*/ 4737 h 5074"/>
                <a:gd name="T96" fmla="*/ 1611 w 5270"/>
                <a:gd name="T97" fmla="*/ 4874 h 5074"/>
                <a:gd name="T98" fmla="*/ 1915 w 5270"/>
                <a:gd name="T99" fmla="*/ 4978 h 5074"/>
                <a:gd name="T100" fmla="*/ 2234 w 5270"/>
                <a:gd name="T101" fmla="*/ 5045 h 5074"/>
                <a:gd name="T102" fmla="*/ 2566 w 5270"/>
                <a:gd name="T103" fmla="*/ 5073 h 50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270" h="5074">
                  <a:moveTo>
                    <a:pt x="2635" y="5074"/>
                  </a:moveTo>
                  <a:lnTo>
                    <a:pt x="2635" y="5074"/>
                  </a:lnTo>
                  <a:lnTo>
                    <a:pt x="2703" y="5073"/>
                  </a:lnTo>
                  <a:lnTo>
                    <a:pt x="2771" y="5070"/>
                  </a:lnTo>
                  <a:lnTo>
                    <a:pt x="2837" y="5066"/>
                  </a:lnTo>
                  <a:lnTo>
                    <a:pt x="2904" y="5061"/>
                  </a:lnTo>
                  <a:lnTo>
                    <a:pt x="2970" y="5053"/>
                  </a:lnTo>
                  <a:lnTo>
                    <a:pt x="3035" y="5045"/>
                  </a:lnTo>
                  <a:lnTo>
                    <a:pt x="3100" y="5034"/>
                  </a:lnTo>
                  <a:lnTo>
                    <a:pt x="3165" y="5022"/>
                  </a:lnTo>
                  <a:lnTo>
                    <a:pt x="3229" y="5009"/>
                  </a:lnTo>
                  <a:lnTo>
                    <a:pt x="3292" y="4994"/>
                  </a:lnTo>
                  <a:lnTo>
                    <a:pt x="3355" y="4978"/>
                  </a:lnTo>
                  <a:lnTo>
                    <a:pt x="3418" y="4959"/>
                  </a:lnTo>
                  <a:lnTo>
                    <a:pt x="3480" y="4940"/>
                  </a:lnTo>
                  <a:lnTo>
                    <a:pt x="3540" y="4919"/>
                  </a:lnTo>
                  <a:lnTo>
                    <a:pt x="3601" y="4898"/>
                  </a:lnTo>
                  <a:lnTo>
                    <a:pt x="3660" y="4874"/>
                  </a:lnTo>
                  <a:lnTo>
                    <a:pt x="3719" y="4849"/>
                  </a:lnTo>
                  <a:lnTo>
                    <a:pt x="3777" y="4823"/>
                  </a:lnTo>
                  <a:lnTo>
                    <a:pt x="3834" y="4796"/>
                  </a:lnTo>
                  <a:lnTo>
                    <a:pt x="3890" y="4767"/>
                  </a:lnTo>
                  <a:lnTo>
                    <a:pt x="3945" y="4737"/>
                  </a:lnTo>
                  <a:lnTo>
                    <a:pt x="4000" y="4707"/>
                  </a:lnTo>
                  <a:lnTo>
                    <a:pt x="4054" y="4673"/>
                  </a:lnTo>
                  <a:lnTo>
                    <a:pt x="4107" y="4640"/>
                  </a:lnTo>
                  <a:lnTo>
                    <a:pt x="4159" y="4605"/>
                  </a:lnTo>
                  <a:lnTo>
                    <a:pt x="4211" y="4569"/>
                  </a:lnTo>
                  <a:lnTo>
                    <a:pt x="4260" y="4532"/>
                  </a:lnTo>
                  <a:lnTo>
                    <a:pt x="4310" y="4494"/>
                  </a:lnTo>
                  <a:lnTo>
                    <a:pt x="4358" y="4455"/>
                  </a:lnTo>
                  <a:lnTo>
                    <a:pt x="4406" y="4414"/>
                  </a:lnTo>
                  <a:lnTo>
                    <a:pt x="4452" y="4373"/>
                  </a:lnTo>
                  <a:lnTo>
                    <a:pt x="4497" y="4330"/>
                  </a:lnTo>
                  <a:lnTo>
                    <a:pt x="4542" y="4286"/>
                  </a:lnTo>
                  <a:lnTo>
                    <a:pt x="4585" y="4242"/>
                  </a:lnTo>
                  <a:lnTo>
                    <a:pt x="4627" y="4196"/>
                  </a:lnTo>
                  <a:lnTo>
                    <a:pt x="4668" y="4149"/>
                  </a:lnTo>
                  <a:lnTo>
                    <a:pt x="4707" y="4102"/>
                  </a:lnTo>
                  <a:lnTo>
                    <a:pt x="4746" y="4054"/>
                  </a:lnTo>
                  <a:lnTo>
                    <a:pt x="4783" y="4005"/>
                  </a:lnTo>
                  <a:lnTo>
                    <a:pt x="4819" y="3954"/>
                  </a:lnTo>
                  <a:lnTo>
                    <a:pt x="4854" y="3903"/>
                  </a:lnTo>
                  <a:lnTo>
                    <a:pt x="4889" y="3851"/>
                  </a:lnTo>
                  <a:lnTo>
                    <a:pt x="4920" y="3798"/>
                  </a:lnTo>
                  <a:lnTo>
                    <a:pt x="4951" y="3745"/>
                  </a:lnTo>
                  <a:lnTo>
                    <a:pt x="4982" y="3691"/>
                  </a:lnTo>
                  <a:lnTo>
                    <a:pt x="5010" y="3636"/>
                  </a:lnTo>
                  <a:lnTo>
                    <a:pt x="5037" y="3580"/>
                  </a:lnTo>
                  <a:lnTo>
                    <a:pt x="5062" y="3524"/>
                  </a:lnTo>
                  <a:lnTo>
                    <a:pt x="5087" y="3467"/>
                  </a:lnTo>
                  <a:lnTo>
                    <a:pt x="5110" y="3409"/>
                  </a:lnTo>
                  <a:lnTo>
                    <a:pt x="5131" y="3350"/>
                  </a:lnTo>
                  <a:lnTo>
                    <a:pt x="5151" y="3291"/>
                  </a:lnTo>
                  <a:lnTo>
                    <a:pt x="5170" y="3230"/>
                  </a:lnTo>
                  <a:lnTo>
                    <a:pt x="5187" y="3170"/>
                  </a:lnTo>
                  <a:lnTo>
                    <a:pt x="5203" y="3109"/>
                  </a:lnTo>
                  <a:lnTo>
                    <a:pt x="5216" y="3048"/>
                  </a:lnTo>
                  <a:lnTo>
                    <a:pt x="5228" y="2985"/>
                  </a:lnTo>
                  <a:lnTo>
                    <a:pt x="5240" y="2923"/>
                  </a:lnTo>
                  <a:lnTo>
                    <a:pt x="5249" y="2860"/>
                  </a:lnTo>
                  <a:lnTo>
                    <a:pt x="5257" y="2796"/>
                  </a:lnTo>
                  <a:lnTo>
                    <a:pt x="5262" y="2733"/>
                  </a:lnTo>
                  <a:lnTo>
                    <a:pt x="5267" y="2668"/>
                  </a:lnTo>
                  <a:lnTo>
                    <a:pt x="5269" y="2603"/>
                  </a:lnTo>
                  <a:lnTo>
                    <a:pt x="5270" y="2537"/>
                  </a:lnTo>
                  <a:lnTo>
                    <a:pt x="5270" y="2537"/>
                  </a:lnTo>
                  <a:lnTo>
                    <a:pt x="5269" y="2471"/>
                  </a:lnTo>
                  <a:lnTo>
                    <a:pt x="5267" y="2406"/>
                  </a:lnTo>
                  <a:lnTo>
                    <a:pt x="5262" y="2343"/>
                  </a:lnTo>
                  <a:lnTo>
                    <a:pt x="5257" y="2278"/>
                  </a:lnTo>
                  <a:lnTo>
                    <a:pt x="5249" y="2214"/>
                  </a:lnTo>
                  <a:lnTo>
                    <a:pt x="5240" y="2152"/>
                  </a:lnTo>
                  <a:lnTo>
                    <a:pt x="5228" y="2089"/>
                  </a:lnTo>
                  <a:lnTo>
                    <a:pt x="5216" y="2026"/>
                  </a:lnTo>
                  <a:lnTo>
                    <a:pt x="5203" y="1965"/>
                  </a:lnTo>
                  <a:lnTo>
                    <a:pt x="5187" y="1904"/>
                  </a:lnTo>
                  <a:lnTo>
                    <a:pt x="5170" y="1844"/>
                  </a:lnTo>
                  <a:lnTo>
                    <a:pt x="5151" y="1783"/>
                  </a:lnTo>
                  <a:lnTo>
                    <a:pt x="5131" y="1724"/>
                  </a:lnTo>
                  <a:lnTo>
                    <a:pt x="5110" y="1666"/>
                  </a:lnTo>
                  <a:lnTo>
                    <a:pt x="5087" y="1608"/>
                  </a:lnTo>
                  <a:lnTo>
                    <a:pt x="5062" y="1551"/>
                  </a:lnTo>
                  <a:lnTo>
                    <a:pt x="5037" y="1494"/>
                  </a:lnTo>
                  <a:lnTo>
                    <a:pt x="5010" y="1439"/>
                  </a:lnTo>
                  <a:lnTo>
                    <a:pt x="4982" y="1384"/>
                  </a:lnTo>
                  <a:lnTo>
                    <a:pt x="4951" y="1329"/>
                  </a:lnTo>
                  <a:lnTo>
                    <a:pt x="4920" y="1276"/>
                  </a:lnTo>
                  <a:lnTo>
                    <a:pt x="4889" y="1223"/>
                  </a:lnTo>
                  <a:lnTo>
                    <a:pt x="4854" y="1171"/>
                  </a:lnTo>
                  <a:lnTo>
                    <a:pt x="4819" y="1120"/>
                  </a:lnTo>
                  <a:lnTo>
                    <a:pt x="4783" y="1070"/>
                  </a:lnTo>
                  <a:lnTo>
                    <a:pt x="4746" y="1020"/>
                  </a:lnTo>
                  <a:lnTo>
                    <a:pt x="4707" y="972"/>
                  </a:lnTo>
                  <a:lnTo>
                    <a:pt x="4668" y="925"/>
                  </a:lnTo>
                  <a:lnTo>
                    <a:pt x="4627" y="878"/>
                  </a:lnTo>
                  <a:lnTo>
                    <a:pt x="4585" y="832"/>
                  </a:lnTo>
                  <a:lnTo>
                    <a:pt x="4542" y="788"/>
                  </a:lnTo>
                  <a:lnTo>
                    <a:pt x="4497" y="744"/>
                  </a:lnTo>
                  <a:lnTo>
                    <a:pt x="4452" y="701"/>
                  </a:lnTo>
                  <a:lnTo>
                    <a:pt x="4406" y="660"/>
                  </a:lnTo>
                  <a:lnTo>
                    <a:pt x="4358" y="620"/>
                  </a:lnTo>
                  <a:lnTo>
                    <a:pt x="4310" y="580"/>
                  </a:lnTo>
                  <a:lnTo>
                    <a:pt x="4260" y="543"/>
                  </a:lnTo>
                  <a:lnTo>
                    <a:pt x="4211" y="505"/>
                  </a:lnTo>
                  <a:lnTo>
                    <a:pt x="4159" y="469"/>
                  </a:lnTo>
                  <a:lnTo>
                    <a:pt x="4107" y="435"/>
                  </a:lnTo>
                  <a:lnTo>
                    <a:pt x="4054" y="401"/>
                  </a:lnTo>
                  <a:lnTo>
                    <a:pt x="4000" y="369"/>
                  </a:lnTo>
                  <a:lnTo>
                    <a:pt x="3945" y="337"/>
                  </a:lnTo>
                  <a:lnTo>
                    <a:pt x="3890" y="307"/>
                  </a:lnTo>
                  <a:lnTo>
                    <a:pt x="3834" y="278"/>
                  </a:lnTo>
                  <a:lnTo>
                    <a:pt x="3777" y="251"/>
                  </a:lnTo>
                  <a:lnTo>
                    <a:pt x="3719" y="225"/>
                  </a:lnTo>
                  <a:lnTo>
                    <a:pt x="3660" y="200"/>
                  </a:lnTo>
                  <a:lnTo>
                    <a:pt x="3601" y="176"/>
                  </a:lnTo>
                  <a:lnTo>
                    <a:pt x="3540" y="155"/>
                  </a:lnTo>
                  <a:lnTo>
                    <a:pt x="3480" y="134"/>
                  </a:lnTo>
                  <a:lnTo>
                    <a:pt x="3418" y="115"/>
                  </a:lnTo>
                  <a:lnTo>
                    <a:pt x="3355" y="97"/>
                  </a:lnTo>
                  <a:lnTo>
                    <a:pt x="3292" y="80"/>
                  </a:lnTo>
                  <a:lnTo>
                    <a:pt x="3229" y="65"/>
                  </a:lnTo>
                  <a:lnTo>
                    <a:pt x="3165" y="52"/>
                  </a:lnTo>
                  <a:lnTo>
                    <a:pt x="3100" y="40"/>
                  </a:lnTo>
                  <a:lnTo>
                    <a:pt x="3035" y="30"/>
                  </a:lnTo>
                  <a:lnTo>
                    <a:pt x="2970" y="21"/>
                  </a:lnTo>
                  <a:lnTo>
                    <a:pt x="2904" y="13"/>
                  </a:lnTo>
                  <a:lnTo>
                    <a:pt x="2837" y="8"/>
                  </a:lnTo>
                  <a:lnTo>
                    <a:pt x="2771" y="4"/>
                  </a:lnTo>
                  <a:lnTo>
                    <a:pt x="2703" y="1"/>
                  </a:lnTo>
                  <a:lnTo>
                    <a:pt x="2635" y="0"/>
                  </a:lnTo>
                  <a:lnTo>
                    <a:pt x="2635" y="0"/>
                  </a:lnTo>
                  <a:lnTo>
                    <a:pt x="2566" y="1"/>
                  </a:lnTo>
                  <a:lnTo>
                    <a:pt x="2499" y="4"/>
                  </a:lnTo>
                  <a:lnTo>
                    <a:pt x="2433" y="8"/>
                  </a:lnTo>
                  <a:lnTo>
                    <a:pt x="2366" y="13"/>
                  </a:lnTo>
                  <a:lnTo>
                    <a:pt x="2299" y="21"/>
                  </a:lnTo>
                  <a:lnTo>
                    <a:pt x="2234" y="30"/>
                  </a:lnTo>
                  <a:lnTo>
                    <a:pt x="2169" y="40"/>
                  </a:lnTo>
                  <a:lnTo>
                    <a:pt x="2104" y="52"/>
                  </a:lnTo>
                  <a:lnTo>
                    <a:pt x="2040" y="65"/>
                  </a:lnTo>
                  <a:lnTo>
                    <a:pt x="1978" y="80"/>
                  </a:lnTo>
                  <a:lnTo>
                    <a:pt x="1915" y="97"/>
                  </a:lnTo>
                  <a:lnTo>
                    <a:pt x="1852" y="115"/>
                  </a:lnTo>
                  <a:lnTo>
                    <a:pt x="1790" y="134"/>
                  </a:lnTo>
                  <a:lnTo>
                    <a:pt x="1730" y="155"/>
                  </a:lnTo>
                  <a:lnTo>
                    <a:pt x="1670" y="176"/>
                  </a:lnTo>
                  <a:lnTo>
                    <a:pt x="1611" y="200"/>
                  </a:lnTo>
                  <a:lnTo>
                    <a:pt x="1551" y="225"/>
                  </a:lnTo>
                  <a:lnTo>
                    <a:pt x="1494" y="251"/>
                  </a:lnTo>
                  <a:lnTo>
                    <a:pt x="1437" y="278"/>
                  </a:lnTo>
                  <a:lnTo>
                    <a:pt x="1380" y="307"/>
                  </a:lnTo>
                  <a:lnTo>
                    <a:pt x="1325" y="337"/>
                  </a:lnTo>
                  <a:lnTo>
                    <a:pt x="1270" y="369"/>
                  </a:lnTo>
                  <a:lnTo>
                    <a:pt x="1216" y="401"/>
                  </a:lnTo>
                  <a:lnTo>
                    <a:pt x="1163" y="435"/>
                  </a:lnTo>
                  <a:lnTo>
                    <a:pt x="1110" y="469"/>
                  </a:lnTo>
                  <a:lnTo>
                    <a:pt x="1059" y="505"/>
                  </a:lnTo>
                  <a:lnTo>
                    <a:pt x="1009" y="543"/>
                  </a:lnTo>
                  <a:lnTo>
                    <a:pt x="960" y="580"/>
                  </a:lnTo>
                  <a:lnTo>
                    <a:pt x="912" y="620"/>
                  </a:lnTo>
                  <a:lnTo>
                    <a:pt x="864" y="660"/>
                  </a:lnTo>
                  <a:lnTo>
                    <a:pt x="818" y="701"/>
                  </a:lnTo>
                  <a:lnTo>
                    <a:pt x="773" y="744"/>
                  </a:lnTo>
                  <a:lnTo>
                    <a:pt x="728" y="788"/>
                  </a:lnTo>
                  <a:lnTo>
                    <a:pt x="685" y="832"/>
                  </a:lnTo>
                  <a:lnTo>
                    <a:pt x="644" y="878"/>
                  </a:lnTo>
                  <a:lnTo>
                    <a:pt x="602" y="925"/>
                  </a:lnTo>
                  <a:lnTo>
                    <a:pt x="563" y="972"/>
                  </a:lnTo>
                  <a:lnTo>
                    <a:pt x="524" y="1020"/>
                  </a:lnTo>
                  <a:lnTo>
                    <a:pt x="487" y="1070"/>
                  </a:lnTo>
                  <a:lnTo>
                    <a:pt x="451" y="1120"/>
                  </a:lnTo>
                  <a:lnTo>
                    <a:pt x="416" y="1171"/>
                  </a:lnTo>
                  <a:lnTo>
                    <a:pt x="382" y="1223"/>
                  </a:lnTo>
                  <a:lnTo>
                    <a:pt x="350" y="1276"/>
                  </a:lnTo>
                  <a:lnTo>
                    <a:pt x="318" y="1329"/>
                  </a:lnTo>
                  <a:lnTo>
                    <a:pt x="288" y="1384"/>
                  </a:lnTo>
                  <a:lnTo>
                    <a:pt x="260" y="1439"/>
                  </a:lnTo>
                  <a:lnTo>
                    <a:pt x="233" y="1494"/>
                  </a:lnTo>
                  <a:lnTo>
                    <a:pt x="207" y="1551"/>
                  </a:lnTo>
                  <a:lnTo>
                    <a:pt x="183" y="1608"/>
                  </a:lnTo>
                  <a:lnTo>
                    <a:pt x="160" y="1666"/>
                  </a:lnTo>
                  <a:lnTo>
                    <a:pt x="139" y="1724"/>
                  </a:lnTo>
                  <a:lnTo>
                    <a:pt x="119" y="1783"/>
                  </a:lnTo>
                  <a:lnTo>
                    <a:pt x="100" y="1844"/>
                  </a:lnTo>
                  <a:lnTo>
                    <a:pt x="83" y="1904"/>
                  </a:lnTo>
                  <a:lnTo>
                    <a:pt x="67" y="1965"/>
                  </a:lnTo>
                  <a:lnTo>
                    <a:pt x="54" y="2026"/>
                  </a:lnTo>
                  <a:lnTo>
                    <a:pt x="41" y="2089"/>
                  </a:lnTo>
                  <a:lnTo>
                    <a:pt x="30" y="2152"/>
                  </a:lnTo>
                  <a:lnTo>
                    <a:pt x="21" y="2214"/>
                  </a:lnTo>
                  <a:lnTo>
                    <a:pt x="13" y="2278"/>
                  </a:lnTo>
                  <a:lnTo>
                    <a:pt x="8" y="2343"/>
                  </a:lnTo>
                  <a:lnTo>
                    <a:pt x="3" y="2406"/>
                  </a:lnTo>
                  <a:lnTo>
                    <a:pt x="1" y="2471"/>
                  </a:lnTo>
                  <a:lnTo>
                    <a:pt x="0" y="2537"/>
                  </a:lnTo>
                  <a:lnTo>
                    <a:pt x="0" y="2537"/>
                  </a:lnTo>
                  <a:lnTo>
                    <a:pt x="1" y="2603"/>
                  </a:lnTo>
                  <a:lnTo>
                    <a:pt x="3" y="2668"/>
                  </a:lnTo>
                  <a:lnTo>
                    <a:pt x="8" y="2733"/>
                  </a:lnTo>
                  <a:lnTo>
                    <a:pt x="13" y="2796"/>
                  </a:lnTo>
                  <a:lnTo>
                    <a:pt x="21" y="2860"/>
                  </a:lnTo>
                  <a:lnTo>
                    <a:pt x="30" y="2923"/>
                  </a:lnTo>
                  <a:lnTo>
                    <a:pt x="41" y="2985"/>
                  </a:lnTo>
                  <a:lnTo>
                    <a:pt x="54" y="3048"/>
                  </a:lnTo>
                  <a:lnTo>
                    <a:pt x="67" y="3109"/>
                  </a:lnTo>
                  <a:lnTo>
                    <a:pt x="83" y="3170"/>
                  </a:lnTo>
                  <a:lnTo>
                    <a:pt x="100" y="3230"/>
                  </a:lnTo>
                  <a:lnTo>
                    <a:pt x="119" y="3291"/>
                  </a:lnTo>
                  <a:lnTo>
                    <a:pt x="139" y="3350"/>
                  </a:lnTo>
                  <a:lnTo>
                    <a:pt x="160" y="3409"/>
                  </a:lnTo>
                  <a:lnTo>
                    <a:pt x="183" y="3467"/>
                  </a:lnTo>
                  <a:lnTo>
                    <a:pt x="207" y="3524"/>
                  </a:lnTo>
                  <a:lnTo>
                    <a:pt x="233" y="3580"/>
                  </a:lnTo>
                  <a:lnTo>
                    <a:pt x="260" y="3636"/>
                  </a:lnTo>
                  <a:lnTo>
                    <a:pt x="288" y="3691"/>
                  </a:lnTo>
                  <a:lnTo>
                    <a:pt x="318" y="3745"/>
                  </a:lnTo>
                  <a:lnTo>
                    <a:pt x="350" y="3798"/>
                  </a:lnTo>
                  <a:lnTo>
                    <a:pt x="382" y="3851"/>
                  </a:lnTo>
                  <a:lnTo>
                    <a:pt x="416" y="3903"/>
                  </a:lnTo>
                  <a:lnTo>
                    <a:pt x="451" y="3954"/>
                  </a:lnTo>
                  <a:lnTo>
                    <a:pt x="487" y="4005"/>
                  </a:lnTo>
                  <a:lnTo>
                    <a:pt x="524" y="4054"/>
                  </a:lnTo>
                  <a:lnTo>
                    <a:pt x="563" y="4102"/>
                  </a:lnTo>
                  <a:lnTo>
                    <a:pt x="602" y="4149"/>
                  </a:lnTo>
                  <a:lnTo>
                    <a:pt x="644" y="4196"/>
                  </a:lnTo>
                  <a:lnTo>
                    <a:pt x="685" y="4242"/>
                  </a:lnTo>
                  <a:lnTo>
                    <a:pt x="728" y="4286"/>
                  </a:lnTo>
                  <a:lnTo>
                    <a:pt x="773" y="4330"/>
                  </a:lnTo>
                  <a:lnTo>
                    <a:pt x="818" y="4373"/>
                  </a:lnTo>
                  <a:lnTo>
                    <a:pt x="864" y="4414"/>
                  </a:lnTo>
                  <a:lnTo>
                    <a:pt x="912" y="4455"/>
                  </a:lnTo>
                  <a:lnTo>
                    <a:pt x="960" y="4494"/>
                  </a:lnTo>
                  <a:lnTo>
                    <a:pt x="1009" y="4532"/>
                  </a:lnTo>
                  <a:lnTo>
                    <a:pt x="1059" y="4569"/>
                  </a:lnTo>
                  <a:lnTo>
                    <a:pt x="1110" y="4605"/>
                  </a:lnTo>
                  <a:lnTo>
                    <a:pt x="1163" y="4640"/>
                  </a:lnTo>
                  <a:lnTo>
                    <a:pt x="1216" y="4673"/>
                  </a:lnTo>
                  <a:lnTo>
                    <a:pt x="1270" y="4707"/>
                  </a:lnTo>
                  <a:lnTo>
                    <a:pt x="1325" y="4737"/>
                  </a:lnTo>
                  <a:lnTo>
                    <a:pt x="1380" y="4767"/>
                  </a:lnTo>
                  <a:lnTo>
                    <a:pt x="1437" y="4796"/>
                  </a:lnTo>
                  <a:lnTo>
                    <a:pt x="1494" y="4823"/>
                  </a:lnTo>
                  <a:lnTo>
                    <a:pt x="1551" y="4849"/>
                  </a:lnTo>
                  <a:lnTo>
                    <a:pt x="1611" y="4874"/>
                  </a:lnTo>
                  <a:lnTo>
                    <a:pt x="1670" y="4898"/>
                  </a:lnTo>
                  <a:lnTo>
                    <a:pt x="1730" y="4919"/>
                  </a:lnTo>
                  <a:lnTo>
                    <a:pt x="1790" y="4940"/>
                  </a:lnTo>
                  <a:lnTo>
                    <a:pt x="1852" y="4959"/>
                  </a:lnTo>
                  <a:lnTo>
                    <a:pt x="1915" y="4978"/>
                  </a:lnTo>
                  <a:lnTo>
                    <a:pt x="1978" y="4994"/>
                  </a:lnTo>
                  <a:lnTo>
                    <a:pt x="2040" y="5009"/>
                  </a:lnTo>
                  <a:lnTo>
                    <a:pt x="2104" y="5022"/>
                  </a:lnTo>
                  <a:lnTo>
                    <a:pt x="2169" y="5034"/>
                  </a:lnTo>
                  <a:lnTo>
                    <a:pt x="2234" y="5045"/>
                  </a:lnTo>
                  <a:lnTo>
                    <a:pt x="2299" y="5053"/>
                  </a:lnTo>
                  <a:lnTo>
                    <a:pt x="2366" y="5061"/>
                  </a:lnTo>
                  <a:lnTo>
                    <a:pt x="2433" y="5066"/>
                  </a:lnTo>
                  <a:lnTo>
                    <a:pt x="2499" y="5070"/>
                  </a:lnTo>
                  <a:lnTo>
                    <a:pt x="2566" y="5073"/>
                  </a:lnTo>
                  <a:lnTo>
                    <a:pt x="2635" y="5074"/>
                  </a:lnTo>
                  <a:close/>
                </a:path>
              </a:pathLst>
            </a:custGeom>
            <a:solidFill>
              <a:schemeClr val="bg1">
                <a:lumMod val="9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0" name="Freeform 289">
              <a:extLst>
                <a:ext uri="{FF2B5EF4-FFF2-40B4-BE49-F238E27FC236}">
                  <a16:creationId xmlns:a16="http://schemas.microsoft.com/office/drawing/2014/main" xmlns="" id="{FDC04F4B-EC7C-8E4D-8363-9E31698E2866}"/>
                </a:ext>
              </a:extLst>
            </p:cNvPr>
            <p:cNvSpPr>
              <a:spLocks/>
            </p:cNvSpPr>
            <p:nvPr/>
          </p:nvSpPr>
          <p:spPr bwMode="auto">
            <a:xfrm flipH="1">
              <a:off x="6888816" y="979354"/>
              <a:ext cx="4614915" cy="4625416"/>
            </a:xfrm>
            <a:custGeom>
              <a:avLst/>
              <a:gdLst>
                <a:gd name="T0" fmla="*/ 2837 w 5270"/>
                <a:gd name="T1" fmla="*/ 5066 h 5074"/>
                <a:gd name="T2" fmla="*/ 3165 w 5270"/>
                <a:gd name="T3" fmla="*/ 5022 h 5074"/>
                <a:gd name="T4" fmla="*/ 3480 w 5270"/>
                <a:gd name="T5" fmla="*/ 4940 h 5074"/>
                <a:gd name="T6" fmla="*/ 3777 w 5270"/>
                <a:gd name="T7" fmla="*/ 4823 h 5074"/>
                <a:gd name="T8" fmla="*/ 4054 w 5270"/>
                <a:gd name="T9" fmla="*/ 4673 h 5074"/>
                <a:gd name="T10" fmla="*/ 4310 w 5270"/>
                <a:gd name="T11" fmla="*/ 4494 h 5074"/>
                <a:gd name="T12" fmla="*/ 4542 w 5270"/>
                <a:gd name="T13" fmla="*/ 4286 h 5074"/>
                <a:gd name="T14" fmla="*/ 4746 w 5270"/>
                <a:gd name="T15" fmla="*/ 4054 h 5074"/>
                <a:gd name="T16" fmla="*/ 4920 w 5270"/>
                <a:gd name="T17" fmla="*/ 3798 h 5074"/>
                <a:gd name="T18" fmla="*/ 5062 w 5270"/>
                <a:gd name="T19" fmla="*/ 3524 h 5074"/>
                <a:gd name="T20" fmla="*/ 5170 w 5270"/>
                <a:gd name="T21" fmla="*/ 3230 h 5074"/>
                <a:gd name="T22" fmla="*/ 5240 w 5270"/>
                <a:gd name="T23" fmla="*/ 2923 h 5074"/>
                <a:gd name="T24" fmla="*/ 5269 w 5270"/>
                <a:gd name="T25" fmla="*/ 2603 h 5074"/>
                <a:gd name="T26" fmla="*/ 5262 w 5270"/>
                <a:gd name="T27" fmla="*/ 2343 h 5074"/>
                <a:gd name="T28" fmla="*/ 5216 w 5270"/>
                <a:gd name="T29" fmla="*/ 2026 h 5074"/>
                <a:gd name="T30" fmla="*/ 5131 w 5270"/>
                <a:gd name="T31" fmla="*/ 1724 h 5074"/>
                <a:gd name="T32" fmla="*/ 5010 w 5270"/>
                <a:gd name="T33" fmla="*/ 1439 h 5074"/>
                <a:gd name="T34" fmla="*/ 4854 w 5270"/>
                <a:gd name="T35" fmla="*/ 1171 h 5074"/>
                <a:gd name="T36" fmla="*/ 4668 w 5270"/>
                <a:gd name="T37" fmla="*/ 925 h 5074"/>
                <a:gd name="T38" fmla="*/ 4452 w 5270"/>
                <a:gd name="T39" fmla="*/ 701 h 5074"/>
                <a:gd name="T40" fmla="*/ 4211 w 5270"/>
                <a:gd name="T41" fmla="*/ 505 h 5074"/>
                <a:gd name="T42" fmla="*/ 3945 w 5270"/>
                <a:gd name="T43" fmla="*/ 337 h 5074"/>
                <a:gd name="T44" fmla="*/ 3660 w 5270"/>
                <a:gd name="T45" fmla="*/ 200 h 5074"/>
                <a:gd name="T46" fmla="*/ 3355 w 5270"/>
                <a:gd name="T47" fmla="*/ 97 h 5074"/>
                <a:gd name="T48" fmla="*/ 3035 w 5270"/>
                <a:gd name="T49" fmla="*/ 30 h 5074"/>
                <a:gd name="T50" fmla="*/ 2703 w 5270"/>
                <a:gd name="T51" fmla="*/ 1 h 5074"/>
                <a:gd name="T52" fmla="*/ 2433 w 5270"/>
                <a:gd name="T53" fmla="*/ 8 h 5074"/>
                <a:gd name="T54" fmla="*/ 2104 w 5270"/>
                <a:gd name="T55" fmla="*/ 52 h 5074"/>
                <a:gd name="T56" fmla="*/ 1790 w 5270"/>
                <a:gd name="T57" fmla="*/ 134 h 5074"/>
                <a:gd name="T58" fmla="*/ 1494 w 5270"/>
                <a:gd name="T59" fmla="*/ 251 h 5074"/>
                <a:gd name="T60" fmla="*/ 1216 w 5270"/>
                <a:gd name="T61" fmla="*/ 401 h 5074"/>
                <a:gd name="T62" fmla="*/ 960 w 5270"/>
                <a:gd name="T63" fmla="*/ 580 h 5074"/>
                <a:gd name="T64" fmla="*/ 728 w 5270"/>
                <a:gd name="T65" fmla="*/ 788 h 5074"/>
                <a:gd name="T66" fmla="*/ 524 w 5270"/>
                <a:gd name="T67" fmla="*/ 1020 h 5074"/>
                <a:gd name="T68" fmla="*/ 350 w 5270"/>
                <a:gd name="T69" fmla="*/ 1276 h 5074"/>
                <a:gd name="T70" fmla="*/ 207 w 5270"/>
                <a:gd name="T71" fmla="*/ 1551 h 5074"/>
                <a:gd name="T72" fmla="*/ 100 w 5270"/>
                <a:gd name="T73" fmla="*/ 1844 h 5074"/>
                <a:gd name="T74" fmla="*/ 30 w 5270"/>
                <a:gd name="T75" fmla="*/ 2152 h 5074"/>
                <a:gd name="T76" fmla="*/ 1 w 5270"/>
                <a:gd name="T77" fmla="*/ 2471 h 5074"/>
                <a:gd name="T78" fmla="*/ 8 w 5270"/>
                <a:gd name="T79" fmla="*/ 2733 h 5074"/>
                <a:gd name="T80" fmla="*/ 54 w 5270"/>
                <a:gd name="T81" fmla="*/ 3048 h 5074"/>
                <a:gd name="T82" fmla="*/ 139 w 5270"/>
                <a:gd name="T83" fmla="*/ 3350 h 5074"/>
                <a:gd name="T84" fmla="*/ 260 w 5270"/>
                <a:gd name="T85" fmla="*/ 3636 h 5074"/>
                <a:gd name="T86" fmla="*/ 416 w 5270"/>
                <a:gd name="T87" fmla="*/ 3903 h 5074"/>
                <a:gd name="T88" fmla="*/ 602 w 5270"/>
                <a:gd name="T89" fmla="*/ 4149 h 5074"/>
                <a:gd name="T90" fmla="*/ 818 w 5270"/>
                <a:gd name="T91" fmla="*/ 4373 h 5074"/>
                <a:gd name="T92" fmla="*/ 1059 w 5270"/>
                <a:gd name="T93" fmla="*/ 4569 h 5074"/>
                <a:gd name="T94" fmla="*/ 1325 w 5270"/>
                <a:gd name="T95" fmla="*/ 4737 h 5074"/>
                <a:gd name="T96" fmla="*/ 1611 w 5270"/>
                <a:gd name="T97" fmla="*/ 4874 h 5074"/>
                <a:gd name="T98" fmla="*/ 1915 w 5270"/>
                <a:gd name="T99" fmla="*/ 4978 h 5074"/>
                <a:gd name="T100" fmla="*/ 2234 w 5270"/>
                <a:gd name="T101" fmla="*/ 5045 h 5074"/>
                <a:gd name="T102" fmla="*/ 2566 w 5270"/>
                <a:gd name="T103" fmla="*/ 5073 h 50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5270" h="5074">
                  <a:moveTo>
                    <a:pt x="2635" y="5074"/>
                  </a:moveTo>
                  <a:lnTo>
                    <a:pt x="2635" y="5074"/>
                  </a:lnTo>
                  <a:lnTo>
                    <a:pt x="2703" y="5073"/>
                  </a:lnTo>
                  <a:lnTo>
                    <a:pt x="2771" y="5070"/>
                  </a:lnTo>
                  <a:lnTo>
                    <a:pt x="2837" y="5066"/>
                  </a:lnTo>
                  <a:lnTo>
                    <a:pt x="2904" y="5061"/>
                  </a:lnTo>
                  <a:lnTo>
                    <a:pt x="2970" y="5053"/>
                  </a:lnTo>
                  <a:lnTo>
                    <a:pt x="3035" y="5045"/>
                  </a:lnTo>
                  <a:lnTo>
                    <a:pt x="3100" y="5034"/>
                  </a:lnTo>
                  <a:lnTo>
                    <a:pt x="3165" y="5022"/>
                  </a:lnTo>
                  <a:lnTo>
                    <a:pt x="3229" y="5009"/>
                  </a:lnTo>
                  <a:lnTo>
                    <a:pt x="3292" y="4994"/>
                  </a:lnTo>
                  <a:lnTo>
                    <a:pt x="3355" y="4978"/>
                  </a:lnTo>
                  <a:lnTo>
                    <a:pt x="3418" y="4959"/>
                  </a:lnTo>
                  <a:lnTo>
                    <a:pt x="3480" y="4940"/>
                  </a:lnTo>
                  <a:lnTo>
                    <a:pt x="3540" y="4919"/>
                  </a:lnTo>
                  <a:lnTo>
                    <a:pt x="3601" y="4898"/>
                  </a:lnTo>
                  <a:lnTo>
                    <a:pt x="3660" y="4874"/>
                  </a:lnTo>
                  <a:lnTo>
                    <a:pt x="3719" y="4849"/>
                  </a:lnTo>
                  <a:lnTo>
                    <a:pt x="3777" y="4823"/>
                  </a:lnTo>
                  <a:lnTo>
                    <a:pt x="3834" y="4796"/>
                  </a:lnTo>
                  <a:lnTo>
                    <a:pt x="3890" y="4767"/>
                  </a:lnTo>
                  <a:lnTo>
                    <a:pt x="3945" y="4737"/>
                  </a:lnTo>
                  <a:lnTo>
                    <a:pt x="4000" y="4707"/>
                  </a:lnTo>
                  <a:lnTo>
                    <a:pt x="4054" y="4673"/>
                  </a:lnTo>
                  <a:lnTo>
                    <a:pt x="4107" y="4640"/>
                  </a:lnTo>
                  <a:lnTo>
                    <a:pt x="4159" y="4605"/>
                  </a:lnTo>
                  <a:lnTo>
                    <a:pt x="4211" y="4569"/>
                  </a:lnTo>
                  <a:lnTo>
                    <a:pt x="4260" y="4532"/>
                  </a:lnTo>
                  <a:lnTo>
                    <a:pt x="4310" y="4494"/>
                  </a:lnTo>
                  <a:lnTo>
                    <a:pt x="4358" y="4455"/>
                  </a:lnTo>
                  <a:lnTo>
                    <a:pt x="4406" y="4414"/>
                  </a:lnTo>
                  <a:lnTo>
                    <a:pt x="4452" y="4373"/>
                  </a:lnTo>
                  <a:lnTo>
                    <a:pt x="4497" y="4330"/>
                  </a:lnTo>
                  <a:lnTo>
                    <a:pt x="4542" y="4286"/>
                  </a:lnTo>
                  <a:lnTo>
                    <a:pt x="4585" y="4242"/>
                  </a:lnTo>
                  <a:lnTo>
                    <a:pt x="4627" y="4196"/>
                  </a:lnTo>
                  <a:lnTo>
                    <a:pt x="4668" y="4149"/>
                  </a:lnTo>
                  <a:lnTo>
                    <a:pt x="4707" y="4102"/>
                  </a:lnTo>
                  <a:lnTo>
                    <a:pt x="4746" y="4054"/>
                  </a:lnTo>
                  <a:lnTo>
                    <a:pt x="4783" y="4005"/>
                  </a:lnTo>
                  <a:lnTo>
                    <a:pt x="4819" y="3954"/>
                  </a:lnTo>
                  <a:lnTo>
                    <a:pt x="4854" y="3903"/>
                  </a:lnTo>
                  <a:lnTo>
                    <a:pt x="4889" y="3851"/>
                  </a:lnTo>
                  <a:lnTo>
                    <a:pt x="4920" y="3798"/>
                  </a:lnTo>
                  <a:lnTo>
                    <a:pt x="4951" y="3745"/>
                  </a:lnTo>
                  <a:lnTo>
                    <a:pt x="4982" y="3691"/>
                  </a:lnTo>
                  <a:lnTo>
                    <a:pt x="5010" y="3636"/>
                  </a:lnTo>
                  <a:lnTo>
                    <a:pt x="5037" y="3580"/>
                  </a:lnTo>
                  <a:lnTo>
                    <a:pt x="5062" y="3524"/>
                  </a:lnTo>
                  <a:lnTo>
                    <a:pt x="5087" y="3467"/>
                  </a:lnTo>
                  <a:lnTo>
                    <a:pt x="5110" y="3409"/>
                  </a:lnTo>
                  <a:lnTo>
                    <a:pt x="5131" y="3350"/>
                  </a:lnTo>
                  <a:lnTo>
                    <a:pt x="5151" y="3291"/>
                  </a:lnTo>
                  <a:lnTo>
                    <a:pt x="5170" y="3230"/>
                  </a:lnTo>
                  <a:lnTo>
                    <a:pt x="5187" y="3170"/>
                  </a:lnTo>
                  <a:lnTo>
                    <a:pt x="5203" y="3109"/>
                  </a:lnTo>
                  <a:lnTo>
                    <a:pt x="5216" y="3048"/>
                  </a:lnTo>
                  <a:lnTo>
                    <a:pt x="5228" y="2985"/>
                  </a:lnTo>
                  <a:lnTo>
                    <a:pt x="5240" y="2923"/>
                  </a:lnTo>
                  <a:lnTo>
                    <a:pt x="5249" y="2860"/>
                  </a:lnTo>
                  <a:lnTo>
                    <a:pt x="5257" y="2796"/>
                  </a:lnTo>
                  <a:lnTo>
                    <a:pt x="5262" y="2733"/>
                  </a:lnTo>
                  <a:lnTo>
                    <a:pt x="5267" y="2668"/>
                  </a:lnTo>
                  <a:lnTo>
                    <a:pt x="5269" y="2603"/>
                  </a:lnTo>
                  <a:lnTo>
                    <a:pt x="5270" y="2537"/>
                  </a:lnTo>
                  <a:lnTo>
                    <a:pt x="5270" y="2537"/>
                  </a:lnTo>
                  <a:lnTo>
                    <a:pt x="5269" y="2471"/>
                  </a:lnTo>
                  <a:lnTo>
                    <a:pt x="5267" y="2406"/>
                  </a:lnTo>
                  <a:lnTo>
                    <a:pt x="5262" y="2343"/>
                  </a:lnTo>
                  <a:lnTo>
                    <a:pt x="5257" y="2278"/>
                  </a:lnTo>
                  <a:lnTo>
                    <a:pt x="5249" y="2214"/>
                  </a:lnTo>
                  <a:lnTo>
                    <a:pt x="5240" y="2152"/>
                  </a:lnTo>
                  <a:lnTo>
                    <a:pt x="5228" y="2089"/>
                  </a:lnTo>
                  <a:lnTo>
                    <a:pt x="5216" y="2026"/>
                  </a:lnTo>
                  <a:lnTo>
                    <a:pt x="5203" y="1965"/>
                  </a:lnTo>
                  <a:lnTo>
                    <a:pt x="5187" y="1904"/>
                  </a:lnTo>
                  <a:lnTo>
                    <a:pt x="5170" y="1844"/>
                  </a:lnTo>
                  <a:lnTo>
                    <a:pt x="5151" y="1783"/>
                  </a:lnTo>
                  <a:lnTo>
                    <a:pt x="5131" y="1724"/>
                  </a:lnTo>
                  <a:lnTo>
                    <a:pt x="5110" y="1666"/>
                  </a:lnTo>
                  <a:lnTo>
                    <a:pt x="5087" y="1608"/>
                  </a:lnTo>
                  <a:lnTo>
                    <a:pt x="5062" y="1551"/>
                  </a:lnTo>
                  <a:lnTo>
                    <a:pt x="5037" y="1494"/>
                  </a:lnTo>
                  <a:lnTo>
                    <a:pt x="5010" y="1439"/>
                  </a:lnTo>
                  <a:lnTo>
                    <a:pt x="4982" y="1384"/>
                  </a:lnTo>
                  <a:lnTo>
                    <a:pt x="4951" y="1329"/>
                  </a:lnTo>
                  <a:lnTo>
                    <a:pt x="4920" y="1276"/>
                  </a:lnTo>
                  <a:lnTo>
                    <a:pt x="4889" y="1223"/>
                  </a:lnTo>
                  <a:lnTo>
                    <a:pt x="4854" y="1171"/>
                  </a:lnTo>
                  <a:lnTo>
                    <a:pt x="4819" y="1120"/>
                  </a:lnTo>
                  <a:lnTo>
                    <a:pt x="4783" y="1070"/>
                  </a:lnTo>
                  <a:lnTo>
                    <a:pt x="4746" y="1020"/>
                  </a:lnTo>
                  <a:lnTo>
                    <a:pt x="4707" y="972"/>
                  </a:lnTo>
                  <a:lnTo>
                    <a:pt x="4668" y="925"/>
                  </a:lnTo>
                  <a:lnTo>
                    <a:pt x="4627" y="878"/>
                  </a:lnTo>
                  <a:lnTo>
                    <a:pt x="4585" y="832"/>
                  </a:lnTo>
                  <a:lnTo>
                    <a:pt x="4542" y="788"/>
                  </a:lnTo>
                  <a:lnTo>
                    <a:pt x="4497" y="744"/>
                  </a:lnTo>
                  <a:lnTo>
                    <a:pt x="4452" y="701"/>
                  </a:lnTo>
                  <a:lnTo>
                    <a:pt x="4406" y="660"/>
                  </a:lnTo>
                  <a:lnTo>
                    <a:pt x="4358" y="620"/>
                  </a:lnTo>
                  <a:lnTo>
                    <a:pt x="4310" y="580"/>
                  </a:lnTo>
                  <a:lnTo>
                    <a:pt x="4260" y="543"/>
                  </a:lnTo>
                  <a:lnTo>
                    <a:pt x="4211" y="505"/>
                  </a:lnTo>
                  <a:lnTo>
                    <a:pt x="4159" y="469"/>
                  </a:lnTo>
                  <a:lnTo>
                    <a:pt x="4107" y="435"/>
                  </a:lnTo>
                  <a:lnTo>
                    <a:pt x="4054" y="401"/>
                  </a:lnTo>
                  <a:lnTo>
                    <a:pt x="4000" y="369"/>
                  </a:lnTo>
                  <a:lnTo>
                    <a:pt x="3945" y="337"/>
                  </a:lnTo>
                  <a:lnTo>
                    <a:pt x="3890" y="307"/>
                  </a:lnTo>
                  <a:lnTo>
                    <a:pt x="3834" y="278"/>
                  </a:lnTo>
                  <a:lnTo>
                    <a:pt x="3777" y="251"/>
                  </a:lnTo>
                  <a:lnTo>
                    <a:pt x="3719" y="225"/>
                  </a:lnTo>
                  <a:lnTo>
                    <a:pt x="3660" y="200"/>
                  </a:lnTo>
                  <a:lnTo>
                    <a:pt x="3601" y="176"/>
                  </a:lnTo>
                  <a:lnTo>
                    <a:pt x="3540" y="155"/>
                  </a:lnTo>
                  <a:lnTo>
                    <a:pt x="3480" y="134"/>
                  </a:lnTo>
                  <a:lnTo>
                    <a:pt x="3418" y="115"/>
                  </a:lnTo>
                  <a:lnTo>
                    <a:pt x="3355" y="97"/>
                  </a:lnTo>
                  <a:lnTo>
                    <a:pt x="3292" y="80"/>
                  </a:lnTo>
                  <a:lnTo>
                    <a:pt x="3229" y="65"/>
                  </a:lnTo>
                  <a:lnTo>
                    <a:pt x="3165" y="52"/>
                  </a:lnTo>
                  <a:lnTo>
                    <a:pt x="3100" y="40"/>
                  </a:lnTo>
                  <a:lnTo>
                    <a:pt x="3035" y="30"/>
                  </a:lnTo>
                  <a:lnTo>
                    <a:pt x="2970" y="21"/>
                  </a:lnTo>
                  <a:lnTo>
                    <a:pt x="2904" y="13"/>
                  </a:lnTo>
                  <a:lnTo>
                    <a:pt x="2837" y="8"/>
                  </a:lnTo>
                  <a:lnTo>
                    <a:pt x="2771" y="4"/>
                  </a:lnTo>
                  <a:lnTo>
                    <a:pt x="2703" y="1"/>
                  </a:lnTo>
                  <a:lnTo>
                    <a:pt x="2635" y="0"/>
                  </a:lnTo>
                  <a:lnTo>
                    <a:pt x="2635" y="0"/>
                  </a:lnTo>
                  <a:lnTo>
                    <a:pt x="2566" y="1"/>
                  </a:lnTo>
                  <a:lnTo>
                    <a:pt x="2499" y="4"/>
                  </a:lnTo>
                  <a:lnTo>
                    <a:pt x="2433" y="8"/>
                  </a:lnTo>
                  <a:lnTo>
                    <a:pt x="2366" y="13"/>
                  </a:lnTo>
                  <a:lnTo>
                    <a:pt x="2299" y="21"/>
                  </a:lnTo>
                  <a:lnTo>
                    <a:pt x="2234" y="30"/>
                  </a:lnTo>
                  <a:lnTo>
                    <a:pt x="2169" y="40"/>
                  </a:lnTo>
                  <a:lnTo>
                    <a:pt x="2104" y="52"/>
                  </a:lnTo>
                  <a:lnTo>
                    <a:pt x="2040" y="65"/>
                  </a:lnTo>
                  <a:lnTo>
                    <a:pt x="1978" y="80"/>
                  </a:lnTo>
                  <a:lnTo>
                    <a:pt x="1915" y="97"/>
                  </a:lnTo>
                  <a:lnTo>
                    <a:pt x="1852" y="115"/>
                  </a:lnTo>
                  <a:lnTo>
                    <a:pt x="1790" y="134"/>
                  </a:lnTo>
                  <a:lnTo>
                    <a:pt x="1730" y="155"/>
                  </a:lnTo>
                  <a:lnTo>
                    <a:pt x="1670" y="176"/>
                  </a:lnTo>
                  <a:lnTo>
                    <a:pt x="1611" y="200"/>
                  </a:lnTo>
                  <a:lnTo>
                    <a:pt x="1551" y="225"/>
                  </a:lnTo>
                  <a:lnTo>
                    <a:pt x="1494" y="251"/>
                  </a:lnTo>
                  <a:lnTo>
                    <a:pt x="1437" y="278"/>
                  </a:lnTo>
                  <a:lnTo>
                    <a:pt x="1380" y="307"/>
                  </a:lnTo>
                  <a:lnTo>
                    <a:pt x="1325" y="337"/>
                  </a:lnTo>
                  <a:lnTo>
                    <a:pt x="1270" y="369"/>
                  </a:lnTo>
                  <a:lnTo>
                    <a:pt x="1216" y="401"/>
                  </a:lnTo>
                  <a:lnTo>
                    <a:pt x="1163" y="435"/>
                  </a:lnTo>
                  <a:lnTo>
                    <a:pt x="1110" y="469"/>
                  </a:lnTo>
                  <a:lnTo>
                    <a:pt x="1059" y="505"/>
                  </a:lnTo>
                  <a:lnTo>
                    <a:pt x="1009" y="543"/>
                  </a:lnTo>
                  <a:lnTo>
                    <a:pt x="960" y="580"/>
                  </a:lnTo>
                  <a:lnTo>
                    <a:pt x="912" y="620"/>
                  </a:lnTo>
                  <a:lnTo>
                    <a:pt x="864" y="660"/>
                  </a:lnTo>
                  <a:lnTo>
                    <a:pt x="818" y="701"/>
                  </a:lnTo>
                  <a:lnTo>
                    <a:pt x="773" y="744"/>
                  </a:lnTo>
                  <a:lnTo>
                    <a:pt x="728" y="788"/>
                  </a:lnTo>
                  <a:lnTo>
                    <a:pt x="685" y="832"/>
                  </a:lnTo>
                  <a:lnTo>
                    <a:pt x="644" y="878"/>
                  </a:lnTo>
                  <a:lnTo>
                    <a:pt x="602" y="925"/>
                  </a:lnTo>
                  <a:lnTo>
                    <a:pt x="563" y="972"/>
                  </a:lnTo>
                  <a:lnTo>
                    <a:pt x="524" y="1020"/>
                  </a:lnTo>
                  <a:lnTo>
                    <a:pt x="487" y="1070"/>
                  </a:lnTo>
                  <a:lnTo>
                    <a:pt x="451" y="1120"/>
                  </a:lnTo>
                  <a:lnTo>
                    <a:pt x="416" y="1171"/>
                  </a:lnTo>
                  <a:lnTo>
                    <a:pt x="382" y="1223"/>
                  </a:lnTo>
                  <a:lnTo>
                    <a:pt x="350" y="1276"/>
                  </a:lnTo>
                  <a:lnTo>
                    <a:pt x="318" y="1329"/>
                  </a:lnTo>
                  <a:lnTo>
                    <a:pt x="288" y="1384"/>
                  </a:lnTo>
                  <a:lnTo>
                    <a:pt x="260" y="1439"/>
                  </a:lnTo>
                  <a:lnTo>
                    <a:pt x="233" y="1494"/>
                  </a:lnTo>
                  <a:lnTo>
                    <a:pt x="207" y="1551"/>
                  </a:lnTo>
                  <a:lnTo>
                    <a:pt x="183" y="1608"/>
                  </a:lnTo>
                  <a:lnTo>
                    <a:pt x="160" y="1666"/>
                  </a:lnTo>
                  <a:lnTo>
                    <a:pt x="139" y="1724"/>
                  </a:lnTo>
                  <a:lnTo>
                    <a:pt x="119" y="1783"/>
                  </a:lnTo>
                  <a:lnTo>
                    <a:pt x="100" y="1844"/>
                  </a:lnTo>
                  <a:lnTo>
                    <a:pt x="83" y="1904"/>
                  </a:lnTo>
                  <a:lnTo>
                    <a:pt x="67" y="1965"/>
                  </a:lnTo>
                  <a:lnTo>
                    <a:pt x="54" y="2026"/>
                  </a:lnTo>
                  <a:lnTo>
                    <a:pt x="41" y="2089"/>
                  </a:lnTo>
                  <a:lnTo>
                    <a:pt x="30" y="2152"/>
                  </a:lnTo>
                  <a:lnTo>
                    <a:pt x="21" y="2214"/>
                  </a:lnTo>
                  <a:lnTo>
                    <a:pt x="13" y="2278"/>
                  </a:lnTo>
                  <a:lnTo>
                    <a:pt x="8" y="2343"/>
                  </a:lnTo>
                  <a:lnTo>
                    <a:pt x="3" y="2406"/>
                  </a:lnTo>
                  <a:lnTo>
                    <a:pt x="1" y="2471"/>
                  </a:lnTo>
                  <a:lnTo>
                    <a:pt x="0" y="2537"/>
                  </a:lnTo>
                  <a:lnTo>
                    <a:pt x="0" y="2537"/>
                  </a:lnTo>
                  <a:lnTo>
                    <a:pt x="1" y="2603"/>
                  </a:lnTo>
                  <a:lnTo>
                    <a:pt x="3" y="2668"/>
                  </a:lnTo>
                  <a:lnTo>
                    <a:pt x="8" y="2733"/>
                  </a:lnTo>
                  <a:lnTo>
                    <a:pt x="13" y="2796"/>
                  </a:lnTo>
                  <a:lnTo>
                    <a:pt x="21" y="2860"/>
                  </a:lnTo>
                  <a:lnTo>
                    <a:pt x="30" y="2923"/>
                  </a:lnTo>
                  <a:lnTo>
                    <a:pt x="41" y="2985"/>
                  </a:lnTo>
                  <a:lnTo>
                    <a:pt x="54" y="3048"/>
                  </a:lnTo>
                  <a:lnTo>
                    <a:pt x="67" y="3109"/>
                  </a:lnTo>
                  <a:lnTo>
                    <a:pt x="83" y="3170"/>
                  </a:lnTo>
                  <a:lnTo>
                    <a:pt x="100" y="3230"/>
                  </a:lnTo>
                  <a:lnTo>
                    <a:pt x="119" y="3291"/>
                  </a:lnTo>
                  <a:lnTo>
                    <a:pt x="139" y="3350"/>
                  </a:lnTo>
                  <a:lnTo>
                    <a:pt x="160" y="3409"/>
                  </a:lnTo>
                  <a:lnTo>
                    <a:pt x="183" y="3467"/>
                  </a:lnTo>
                  <a:lnTo>
                    <a:pt x="207" y="3524"/>
                  </a:lnTo>
                  <a:lnTo>
                    <a:pt x="233" y="3580"/>
                  </a:lnTo>
                  <a:lnTo>
                    <a:pt x="260" y="3636"/>
                  </a:lnTo>
                  <a:lnTo>
                    <a:pt x="288" y="3691"/>
                  </a:lnTo>
                  <a:lnTo>
                    <a:pt x="318" y="3745"/>
                  </a:lnTo>
                  <a:lnTo>
                    <a:pt x="350" y="3798"/>
                  </a:lnTo>
                  <a:lnTo>
                    <a:pt x="382" y="3851"/>
                  </a:lnTo>
                  <a:lnTo>
                    <a:pt x="416" y="3903"/>
                  </a:lnTo>
                  <a:lnTo>
                    <a:pt x="451" y="3954"/>
                  </a:lnTo>
                  <a:lnTo>
                    <a:pt x="487" y="4005"/>
                  </a:lnTo>
                  <a:lnTo>
                    <a:pt x="524" y="4054"/>
                  </a:lnTo>
                  <a:lnTo>
                    <a:pt x="563" y="4102"/>
                  </a:lnTo>
                  <a:lnTo>
                    <a:pt x="602" y="4149"/>
                  </a:lnTo>
                  <a:lnTo>
                    <a:pt x="644" y="4196"/>
                  </a:lnTo>
                  <a:lnTo>
                    <a:pt x="685" y="4242"/>
                  </a:lnTo>
                  <a:lnTo>
                    <a:pt x="728" y="4286"/>
                  </a:lnTo>
                  <a:lnTo>
                    <a:pt x="773" y="4330"/>
                  </a:lnTo>
                  <a:lnTo>
                    <a:pt x="818" y="4373"/>
                  </a:lnTo>
                  <a:lnTo>
                    <a:pt x="864" y="4414"/>
                  </a:lnTo>
                  <a:lnTo>
                    <a:pt x="912" y="4455"/>
                  </a:lnTo>
                  <a:lnTo>
                    <a:pt x="960" y="4494"/>
                  </a:lnTo>
                  <a:lnTo>
                    <a:pt x="1009" y="4532"/>
                  </a:lnTo>
                  <a:lnTo>
                    <a:pt x="1059" y="4569"/>
                  </a:lnTo>
                  <a:lnTo>
                    <a:pt x="1110" y="4605"/>
                  </a:lnTo>
                  <a:lnTo>
                    <a:pt x="1163" y="4640"/>
                  </a:lnTo>
                  <a:lnTo>
                    <a:pt x="1216" y="4673"/>
                  </a:lnTo>
                  <a:lnTo>
                    <a:pt x="1270" y="4707"/>
                  </a:lnTo>
                  <a:lnTo>
                    <a:pt x="1325" y="4737"/>
                  </a:lnTo>
                  <a:lnTo>
                    <a:pt x="1380" y="4767"/>
                  </a:lnTo>
                  <a:lnTo>
                    <a:pt x="1437" y="4796"/>
                  </a:lnTo>
                  <a:lnTo>
                    <a:pt x="1494" y="4823"/>
                  </a:lnTo>
                  <a:lnTo>
                    <a:pt x="1551" y="4849"/>
                  </a:lnTo>
                  <a:lnTo>
                    <a:pt x="1611" y="4874"/>
                  </a:lnTo>
                  <a:lnTo>
                    <a:pt x="1670" y="4898"/>
                  </a:lnTo>
                  <a:lnTo>
                    <a:pt x="1730" y="4919"/>
                  </a:lnTo>
                  <a:lnTo>
                    <a:pt x="1790" y="4940"/>
                  </a:lnTo>
                  <a:lnTo>
                    <a:pt x="1852" y="4959"/>
                  </a:lnTo>
                  <a:lnTo>
                    <a:pt x="1915" y="4978"/>
                  </a:lnTo>
                  <a:lnTo>
                    <a:pt x="1978" y="4994"/>
                  </a:lnTo>
                  <a:lnTo>
                    <a:pt x="2040" y="5009"/>
                  </a:lnTo>
                  <a:lnTo>
                    <a:pt x="2104" y="5022"/>
                  </a:lnTo>
                  <a:lnTo>
                    <a:pt x="2169" y="5034"/>
                  </a:lnTo>
                  <a:lnTo>
                    <a:pt x="2234" y="5045"/>
                  </a:lnTo>
                  <a:lnTo>
                    <a:pt x="2299" y="5053"/>
                  </a:lnTo>
                  <a:lnTo>
                    <a:pt x="2366" y="5061"/>
                  </a:lnTo>
                  <a:lnTo>
                    <a:pt x="2433" y="5066"/>
                  </a:lnTo>
                  <a:lnTo>
                    <a:pt x="2499" y="5070"/>
                  </a:lnTo>
                  <a:lnTo>
                    <a:pt x="2566" y="5073"/>
                  </a:lnTo>
                  <a:lnTo>
                    <a:pt x="2635" y="5074"/>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1" name="Freeform 291">
              <a:extLst>
                <a:ext uri="{FF2B5EF4-FFF2-40B4-BE49-F238E27FC236}">
                  <a16:creationId xmlns:a16="http://schemas.microsoft.com/office/drawing/2014/main" xmlns="" id="{A29377E2-A0C1-4146-A324-89C5784AAE45}"/>
                </a:ext>
              </a:extLst>
            </p:cNvPr>
            <p:cNvSpPr>
              <a:spLocks/>
            </p:cNvSpPr>
            <p:nvPr/>
          </p:nvSpPr>
          <p:spPr bwMode="auto">
            <a:xfrm flipH="1">
              <a:off x="6899317" y="979354"/>
              <a:ext cx="4599165" cy="2181920"/>
            </a:xfrm>
            <a:custGeom>
              <a:avLst/>
              <a:gdLst>
                <a:gd name="T0" fmla="*/ 2638 w 5255"/>
                <a:gd name="T1" fmla="*/ 0 h 2390"/>
                <a:gd name="T2" fmla="*/ 2642 w 5255"/>
                <a:gd name="T3" fmla="*/ 0 h 2390"/>
                <a:gd name="T4" fmla="*/ 2649 w 5255"/>
                <a:gd name="T5" fmla="*/ 0 h 2390"/>
                <a:gd name="T6" fmla="*/ 2653 w 5255"/>
                <a:gd name="T7" fmla="*/ 0 h 2390"/>
                <a:gd name="T8" fmla="*/ 2660 w 5255"/>
                <a:gd name="T9" fmla="*/ 0 h 2390"/>
                <a:gd name="T10" fmla="*/ 2667 w 5255"/>
                <a:gd name="T11" fmla="*/ 0 h 2390"/>
                <a:gd name="T12" fmla="*/ 2675 w 5255"/>
                <a:gd name="T13" fmla="*/ 0 h 2390"/>
                <a:gd name="T14" fmla="*/ 2679 w 5255"/>
                <a:gd name="T15" fmla="*/ 0 h 2390"/>
                <a:gd name="T16" fmla="*/ 2686 w 5255"/>
                <a:gd name="T17" fmla="*/ 0 h 2390"/>
                <a:gd name="T18" fmla="*/ 2690 w 5255"/>
                <a:gd name="T19" fmla="*/ 1 h 2390"/>
                <a:gd name="T20" fmla="*/ 2697 w 5255"/>
                <a:gd name="T21" fmla="*/ 1 h 2390"/>
                <a:gd name="T22" fmla="*/ 2705 w 5255"/>
                <a:gd name="T23" fmla="*/ 1 h 2390"/>
                <a:gd name="T24" fmla="*/ 2712 w 5255"/>
                <a:gd name="T25" fmla="*/ 1 h 2390"/>
                <a:gd name="T26" fmla="*/ 2716 w 5255"/>
                <a:gd name="T27" fmla="*/ 1 h 2390"/>
                <a:gd name="T28" fmla="*/ 2723 w 5255"/>
                <a:gd name="T29" fmla="*/ 1 h 2390"/>
                <a:gd name="T30" fmla="*/ 2727 w 5255"/>
                <a:gd name="T31" fmla="*/ 3 h 2390"/>
                <a:gd name="T32" fmla="*/ 2733 w 5255"/>
                <a:gd name="T33" fmla="*/ 3 h 2390"/>
                <a:gd name="T34" fmla="*/ 2751 w 5255"/>
                <a:gd name="T35" fmla="*/ 3 h 2390"/>
                <a:gd name="T36" fmla="*/ 2757 w 5255"/>
                <a:gd name="T37" fmla="*/ 4 h 2390"/>
                <a:gd name="T38" fmla="*/ 3182 w 5255"/>
                <a:gd name="T39" fmla="*/ 57 h 2390"/>
                <a:gd name="T40" fmla="*/ 3793 w 5255"/>
                <a:gd name="T41" fmla="*/ 261 h 2390"/>
                <a:gd name="T42" fmla="*/ 4327 w 5255"/>
                <a:gd name="T43" fmla="*/ 597 h 2390"/>
                <a:gd name="T44" fmla="*/ 4760 w 5255"/>
                <a:gd name="T45" fmla="*/ 1044 h 2390"/>
                <a:gd name="T46" fmla="*/ 5072 w 5255"/>
                <a:gd name="T47" fmla="*/ 1581 h 2390"/>
                <a:gd name="T48" fmla="*/ 5241 w 5255"/>
                <a:gd name="T49" fmla="*/ 2188 h 2390"/>
                <a:gd name="T50" fmla="*/ 4984 w 5255"/>
                <a:gd name="T51" fmla="*/ 2044 h 2390"/>
                <a:gd name="T52" fmla="*/ 4187 w 5255"/>
                <a:gd name="T53" fmla="*/ 1590 h 2390"/>
                <a:gd name="T54" fmla="*/ 3173 w 5255"/>
                <a:gd name="T55" fmla="*/ 1345 h 2390"/>
                <a:gd name="T56" fmla="*/ 2127 w 5255"/>
                <a:gd name="T57" fmla="*/ 1348 h 2390"/>
                <a:gd name="T58" fmla="*/ 1074 w 5255"/>
                <a:gd name="T59" fmla="*/ 1615 h 2390"/>
                <a:gd name="T60" fmla="*/ 456 w 5255"/>
                <a:gd name="T61" fmla="*/ 1954 h 2390"/>
                <a:gd name="T62" fmla="*/ 123 w 5255"/>
                <a:gd name="T63" fmla="*/ 2244 h 2390"/>
                <a:gd name="T64" fmla="*/ 36 w 5255"/>
                <a:gd name="T65" fmla="*/ 2094 h 2390"/>
                <a:gd name="T66" fmla="*/ 232 w 5255"/>
                <a:gd name="T67" fmla="*/ 1486 h 2390"/>
                <a:gd name="T68" fmla="*/ 572 w 5255"/>
                <a:gd name="T69" fmla="*/ 955 h 2390"/>
                <a:gd name="T70" fmla="*/ 1033 w 5255"/>
                <a:gd name="T71" fmla="*/ 521 h 2390"/>
                <a:gd name="T72" fmla="*/ 1594 w 5255"/>
                <a:gd name="T73" fmla="*/ 205 h 2390"/>
                <a:gd name="T74" fmla="*/ 2232 w 5255"/>
                <a:gd name="T75" fmla="*/ 30 h 2390"/>
                <a:gd name="T76" fmla="*/ 2482 w 5255"/>
                <a:gd name="T77" fmla="*/ 5 h 2390"/>
                <a:gd name="T78" fmla="*/ 2491 w 5255"/>
                <a:gd name="T79" fmla="*/ 4 h 2390"/>
                <a:gd name="T80" fmla="*/ 2496 w 5255"/>
                <a:gd name="T81" fmla="*/ 4 h 2390"/>
                <a:gd name="T82" fmla="*/ 2504 w 5255"/>
                <a:gd name="T83" fmla="*/ 4 h 2390"/>
                <a:gd name="T84" fmla="*/ 2527 w 5255"/>
                <a:gd name="T85" fmla="*/ 3 h 2390"/>
                <a:gd name="T86" fmla="*/ 2532 w 5255"/>
                <a:gd name="T87" fmla="*/ 3 h 2390"/>
                <a:gd name="T88" fmla="*/ 2537 w 5255"/>
                <a:gd name="T89" fmla="*/ 1 h 2390"/>
                <a:gd name="T90" fmla="*/ 2543 w 5255"/>
                <a:gd name="T91" fmla="*/ 1 h 2390"/>
                <a:gd name="T92" fmla="*/ 2549 w 5255"/>
                <a:gd name="T93" fmla="*/ 1 h 2390"/>
                <a:gd name="T94" fmla="*/ 2555 w 5255"/>
                <a:gd name="T95" fmla="*/ 1 h 2390"/>
                <a:gd name="T96" fmla="*/ 2560 w 5255"/>
                <a:gd name="T97" fmla="*/ 1 h 2390"/>
                <a:gd name="T98" fmla="*/ 2566 w 5255"/>
                <a:gd name="T99" fmla="*/ 1 h 2390"/>
                <a:gd name="T100" fmla="*/ 2571 w 5255"/>
                <a:gd name="T101" fmla="*/ 1 h 2390"/>
                <a:gd name="T102" fmla="*/ 2578 w 5255"/>
                <a:gd name="T103" fmla="*/ 0 h 2390"/>
                <a:gd name="T104" fmla="*/ 2584 w 5255"/>
                <a:gd name="T105" fmla="*/ 0 h 2390"/>
                <a:gd name="T106" fmla="*/ 2590 w 5255"/>
                <a:gd name="T107" fmla="*/ 0 h 2390"/>
                <a:gd name="T108" fmla="*/ 2595 w 5255"/>
                <a:gd name="T109" fmla="*/ 0 h 2390"/>
                <a:gd name="T110" fmla="*/ 2602 w 5255"/>
                <a:gd name="T111" fmla="*/ 0 h 2390"/>
                <a:gd name="T112" fmla="*/ 2607 w 5255"/>
                <a:gd name="T113" fmla="*/ 0 h 2390"/>
                <a:gd name="T114" fmla="*/ 2613 w 5255"/>
                <a:gd name="T115" fmla="*/ 0 h 2390"/>
                <a:gd name="T116" fmla="*/ 2619 w 5255"/>
                <a:gd name="T117" fmla="*/ 0 h 2390"/>
                <a:gd name="T118" fmla="*/ 2624 w 5255"/>
                <a:gd name="T119" fmla="*/ 0 h 2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255" h="2390">
                  <a:moveTo>
                    <a:pt x="2631" y="0"/>
                  </a:moveTo>
                  <a:lnTo>
                    <a:pt x="2631" y="0"/>
                  </a:lnTo>
                  <a:lnTo>
                    <a:pt x="2633" y="0"/>
                  </a:lnTo>
                  <a:lnTo>
                    <a:pt x="2633" y="0"/>
                  </a:lnTo>
                  <a:lnTo>
                    <a:pt x="2633" y="0"/>
                  </a:lnTo>
                  <a:lnTo>
                    <a:pt x="2633" y="0"/>
                  </a:lnTo>
                  <a:lnTo>
                    <a:pt x="2635" y="0"/>
                  </a:lnTo>
                  <a:lnTo>
                    <a:pt x="2635" y="0"/>
                  </a:lnTo>
                  <a:lnTo>
                    <a:pt x="2635" y="0"/>
                  </a:lnTo>
                  <a:lnTo>
                    <a:pt x="2635" y="0"/>
                  </a:lnTo>
                  <a:lnTo>
                    <a:pt x="2638" y="0"/>
                  </a:lnTo>
                  <a:lnTo>
                    <a:pt x="2638" y="0"/>
                  </a:lnTo>
                  <a:lnTo>
                    <a:pt x="2638" y="0"/>
                  </a:lnTo>
                  <a:lnTo>
                    <a:pt x="2638" y="0"/>
                  </a:lnTo>
                  <a:lnTo>
                    <a:pt x="2639" y="0"/>
                  </a:lnTo>
                  <a:lnTo>
                    <a:pt x="2639" y="0"/>
                  </a:lnTo>
                  <a:lnTo>
                    <a:pt x="2640" y="0"/>
                  </a:lnTo>
                  <a:lnTo>
                    <a:pt x="2640" y="0"/>
                  </a:lnTo>
                  <a:lnTo>
                    <a:pt x="2641" y="0"/>
                  </a:lnTo>
                  <a:lnTo>
                    <a:pt x="2641" y="0"/>
                  </a:lnTo>
                  <a:lnTo>
                    <a:pt x="2642" y="0"/>
                  </a:lnTo>
                  <a:lnTo>
                    <a:pt x="2642" y="0"/>
                  </a:lnTo>
                  <a:lnTo>
                    <a:pt x="2643" y="0"/>
                  </a:lnTo>
                  <a:lnTo>
                    <a:pt x="2643" y="0"/>
                  </a:lnTo>
                  <a:lnTo>
                    <a:pt x="2644" y="0"/>
                  </a:lnTo>
                  <a:lnTo>
                    <a:pt x="2644" y="0"/>
                  </a:lnTo>
                  <a:lnTo>
                    <a:pt x="2645" y="0"/>
                  </a:lnTo>
                  <a:lnTo>
                    <a:pt x="2645" y="0"/>
                  </a:lnTo>
                  <a:lnTo>
                    <a:pt x="2647" y="0"/>
                  </a:lnTo>
                  <a:lnTo>
                    <a:pt x="2647" y="0"/>
                  </a:lnTo>
                  <a:lnTo>
                    <a:pt x="2648" y="0"/>
                  </a:lnTo>
                  <a:lnTo>
                    <a:pt x="2648" y="0"/>
                  </a:lnTo>
                  <a:lnTo>
                    <a:pt x="2649" y="0"/>
                  </a:lnTo>
                  <a:lnTo>
                    <a:pt x="2649" y="0"/>
                  </a:lnTo>
                  <a:lnTo>
                    <a:pt x="2650" y="0"/>
                  </a:lnTo>
                  <a:lnTo>
                    <a:pt x="2650" y="0"/>
                  </a:lnTo>
                  <a:lnTo>
                    <a:pt x="2651" y="0"/>
                  </a:lnTo>
                  <a:lnTo>
                    <a:pt x="2651" y="0"/>
                  </a:lnTo>
                  <a:lnTo>
                    <a:pt x="2651" y="0"/>
                  </a:lnTo>
                  <a:lnTo>
                    <a:pt x="2651" y="0"/>
                  </a:lnTo>
                  <a:lnTo>
                    <a:pt x="2652" y="0"/>
                  </a:lnTo>
                  <a:lnTo>
                    <a:pt x="2652" y="0"/>
                  </a:lnTo>
                  <a:lnTo>
                    <a:pt x="2653" y="0"/>
                  </a:lnTo>
                  <a:lnTo>
                    <a:pt x="2653" y="0"/>
                  </a:lnTo>
                  <a:lnTo>
                    <a:pt x="2654" y="0"/>
                  </a:lnTo>
                  <a:lnTo>
                    <a:pt x="2654" y="0"/>
                  </a:lnTo>
                  <a:lnTo>
                    <a:pt x="2656" y="0"/>
                  </a:lnTo>
                  <a:lnTo>
                    <a:pt x="2656" y="0"/>
                  </a:lnTo>
                  <a:lnTo>
                    <a:pt x="2657" y="0"/>
                  </a:lnTo>
                  <a:lnTo>
                    <a:pt x="2657" y="0"/>
                  </a:lnTo>
                  <a:lnTo>
                    <a:pt x="2658" y="0"/>
                  </a:lnTo>
                  <a:lnTo>
                    <a:pt x="2658" y="0"/>
                  </a:lnTo>
                  <a:lnTo>
                    <a:pt x="2659" y="0"/>
                  </a:lnTo>
                  <a:lnTo>
                    <a:pt x="2659" y="0"/>
                  </a:lnTo>
                  <a:lnTo>
                    <a:pt x="2660" y="0"/>
                  </a:lnTo>
                  <a:lnTo>
                    <a:pt x="2660" y="0"/>
                  </a:lnTo>
                  <a:lnTo>
                    <a:pt x="2661" y="0"/>
                  </a:lnTo>
                  <a:lnTo>
                    <a:pt x="2661" y="0"/>
                  </a:lnTo>
                  <a:lnTo>
                    <a:pt x="2662" y="0"/>
                  </a:lnTo>
                  <a:lnTo>
                    <a:pt x="2662" y="0"/>
                  </a:lnTo>
                  <a:lnTo>
                    <a:pt x="2663" y="0"/>
                  </a:lnTo>
                  <a:lnTo>
                    <a:pt x="2663" y="0"/>
                  </a:lnTo>
                  <a:lnTo>
                    <a:pt x="2667" y="0"/>
                  </a:lnTo>
                  <a:lnTo>
                    <a:pt x="2667" y="0"/>
                  </a:lnTo>
                  <a:lnTo>
                    <a:pt x="2667" y="0"/>
                  </a:lnTo>
                  <a:lnTo>
                    <a:pt x="2667" y="0"/>
                  </a:lnTo>
                  <a:lnTo>
                    <a:pt x="2669" y="0"/>
                  </a:lnTo>
                  <a:lnTo>
                    <a:pt x="2669" y="0"/>
                  </a:lnTo>
                  <a:lnTo>
                    <a:pt x="2670" y="0"/>
                  </a:lnTo>
                  <a:lnTo>
                    <a:pt x="2670" y="0"/>
                  </a:lnTo>
                  <a:lnTo>
                    <a:pt x="2671" y="0"/>
                  </a:lnTo>
                  <a:lnTo>
                    <a:pt x="2671" y="0"/>
                  </a:lnTo>
                  <a:lnTo>
                    <a:pt x="2672" y="0"/>
                  </a:lnTo>
                  <a:lnTo>
                    <a:pt x="2672" y="0"/>
                  </a:lnTo>
                  <a:lnTo>
                    <a:pt x="2674" y="0"/>
                  </a:lnTo>
                  <a:lnTo>
                    <a:pt x="2674" y="0"/>
                  </a:lnTo>
                  <a:lnTo>
                    <a:pt x="2675" y="0"/>
                  </a:lnTo>
                  <a:lnTo>
                    <a:pt x="2675" y="0"/>
                  </a:lnTo>
                  <a:lnTo>
                    <a:pt x="2676" y="0"/>
                  </a:lnTo>
                  <a:lnTo>
                    <a:pt x="2676" y="0"/>
                  </a:lnTo>
                  <a:lnTo>
                    <a:pt x="2677" y="0"/>
                  </a:lnTo>
                  <a:lnTo>
                    <a:pt x="2677" y="0"/>
                  </a:lnTo>
                  <a:lnTo>
                    <a:pt x="2677" y="0"/>
                  </a:lnTo>
                  <a:lnTo>
                    <a:pt x="2677" y="0"/>
                  </a:lnTo>
                  <a:lnTo>
                    <a:pt x="2678" y="0"/>
                  </a:lnTo>
                  <a:lnTo>
                    <a:pt x="2678" y="0"/>
                  </a:lnTo>
                  <a:lnTo>
                    <a:pt x="2679" y="0"/>
                  </a:lnTo>
                  <a:lnTo>
                    <a:pt x="2679" y="0"/>
                  </a:lnTo>
                  <a:lnTo>
                    <a:pt x="2680" y="0"/>
                  </a:lnTo>
                  <a:lnTo>
                    <a:pt x="2680" y="0"/>
                  </a:lnTo>
                  <a:lnTo>
                    <a:pt x="2681" y="0"/>
                  </a:lnTo>
                  <a:lnTo>
                    <a:pt x="2681" y="0"/>
                  </a:lnTo>
                  <a:lnTo>
                    <a:pt x="2682" y="0"/>
                  </a:lnTo>
                  <a:lnTo>
                    <a:pt x="2682" y="0"/>
                  </a:lnTo>
                  <a:lnTo>
                    <a:pt x="2684" y="0"/>
                  </a:lnTo>
                  <a:lnTo>
                    <a:pt x="2684" y="0"/>
                  </a:lnTo>
                  <a:lnTo>
                    <a:pt x="2685" y="0"/>
                  </a:lnTo>
                  <a:lnTo>
                    <a:pt x="2685" y="0"/>
                  </a:lnTo>
                  <a:lnTo>
                    <a:pt x="2686" y="0"/>
                  </a:lnTo>
                  <a:lnTo>
                    <a:pt x="2686" y="0"/>
                  </a:lnTo>
                  <a:lnTo>
                    <a:pt x="2687" y="1"/>
                  </a:lnTo>
                  <a:lnTo>
                    <a:pt x="2687" y="1"/>
                  </a:lnTo>
                  <a:lnTo>
                    <a:pt x="2687" y="1"/>
                  </a:lnTo>
                  <a:lnTo>
                    <a:pt x="2687" y="1"/>
                  </a:lnTo>
                  <a:lnTo>
                    <a:pt x="2689" y="1"/>
                  </a:lnTo>
                  <a:lnTo>
                    <a:pt x="2689" y="1"/>
                  </a:lnTo>
                  <a:lnTo>
                    <a:pt x="2689" y="1"/>
                  </a:lnTo>
                  <a:lnTo>
                    <a:pt x="2689" y="1"/>
                  </a:lnTo>
                  <a:lnTo>
                    <a:pt x="2690" y="1"/>
                  </a:lnTo>
                  <a:lnTo>
                    <a:pt x="2690" y="1"/>
                  </a:lnTo>
                  <a:lnTo>
                    <a:pt x="2691" y="1"/>
                  </a:lnTo>
                  <a:lnTo>
                    <a:pt x="2691" y="1"/>
                  </a:lnTo>
                  <a:lnTo>
                    <a:pt x="2693" y="1"/>
                  </a:lnTo>
                  <a:lnTo>
                    <a:pt x="2693" y="1"/>
                  </a:lnTo>
                  <a:lnTo>
                    <a:pt x="2694" y="1"/>
                  </a:lnTo>
                  <a:lnTo>
                    <a:pt x="2694" y="1"/>
                  </a:lnTo>
                  <a:lnTo>
                    <a:pt x="2695" y="1"/>
                  </a:lnTo>
                  <a:lnTo>
                    <a:pt x="2695" y="1"/>
                  </a:lnTo>
                  <a:lnTo>
                    <a:pt x="2696" y="1"/>
                  </a:lnTo>
                  <a:lnTo>
                    <a:pt x="2696" y="1"/>
                  </a:lnTo>
                  <a:lnTo>
                    <a:pt x="2697" y="1"/>
                  </a:lnTo>
                  <a:lnTo>
                    <a:pt x="2697" y="1"/>
                  </a:lnTo>
                  <a:lnTo>
                    <a:pt x="2698" y="1"/>
                  </a:lnTo>
                  <a:lnTo>
                    <a:pt x="2698" y="1"/>
                  </a:lnTo>
                  <a:lnTo>
                    <a:pt x="2699" y="1"/>
                  </a:lnTo>
                  <a:lnTo>
                    <a:pt x="2699" y="1"/>
                  </a:lnTo>
                  <a:lnTo>
                    <a:pt x="2699" y="1"/>
                  </a:lnTo>
                  <a:lnTo>
                    <a:pt x="2699" y="1"/>
                  </a:lnTo>
                  <a:lnTo>
                    <a:pt x="2705" y="1"/>
                  </a:lnTo>
                  <a:lnTo>
                    <a:pt x="2705" y="1"/>
                  </a:lnTo>
                  <a:lnTo>
                    <a:pt x="2705" y="1"/>
                  </a:lnTo>
                  <a:lnTo>
                    <a:pt x="2705" y="1"/>
                  </a:lnTo>
                  <a:lnTo>
                    <a:pt x="2706" y="1"/>
                  </a:lnTo>
                  <a:lnTo>
                    <a:pt x="2706" y="1"/>
                  </a:lnTo>
                  <a:lnTo>
                    <a:pt x="2707" y="1"/>
                  </a:lnTo>
                  <a:lnTo>
                    <a:pt x="2707" y="1"/>
                  </a:lnTo>
                  <a:lnTo>
                    <a:pt x="2708" y="1"/>
                  </a:lnTo>
                  <a:lnTo>
                    <a:pt x="2708" y="1"/>
                  </a:lnTo>
                  <a:lnTo>
                    <a:pt x="2709" y="1"/>
                  </a:lnTo>
                  <a:lnTo>
                    <a:pt x="2709" y="1"/>
                  </a:lnTo>
                  <a:lnTo>
                    <a:pt x="2711" y="1"/>
                  </a:lnTo>
                  <a:lnTo>
                    <a:pt x="2711" y="1"/>
                  </a:lnTo>
                  <a:lnTo>
                    <a:pt x="2712" y="1"/>
                  </a:lnTo>
                  <a:lnTo>
                    <a:pt x="2712" y="1"/>
                  </a:lnTo>
                  <a:lnTo>
                    <a:pt x="2713" y="1"/>
                  </a:lnTo>
                  <a:lnTo>
                    <a:pt x="2713" y="1"/>
                  </a:lnTo>
                  <a:lnTo>
                    <a:pt x="2713" y="1"/>
                  </a:lnTo>
                  <a:lnTo>
                    <a:pt x="2713" y="1"/>
                  </a:lnTo>
                  <a:lnTo>
                    <a:pt x="2715" y="1"/>
                  </a:lnTo>
                  <a:lnTo>
                    <a:pt x="2715" y="1"/>
                  </a:lnTo>
                  <a:lnTo>
                    <a:pt x="2715" y="1"/>
                  </a:lnTo>
                  <a:lnTo>
                    <a:pt x="2715" y="1"/>
                  </a:lnTo>
                  <a:lnTo>
                    <a:pt x="2716" y="1"/>
                  </a:lnTo>
                  <a:lnTo>
                    <a:pt x="2716" y="1"/>
                  </a:lnTo>
                  <a:lnTo>
                    <a:pt x="2717" y="1"/>
                  </a:lnTo>
                  <a:lnTo>
                    <a:pt x="2717" y="1"/>
                  </a:lnTo>
                  <a:lnTo>
                    <a:pt x="2718" y="1"/>
                  </a:lnTo>
                  <a:lnTo>
                    <a:pt x="2718" y="1"/>
                  </a:lnTo>
                  <a:lnTo>
                    <a:pt x="2719" y="1"/>
                  </a:lnTo>
                  <a:lnTo>
                    <a:pt x="2719" y="1"/>
                  </a:lnTo>
                  <a:lnTo>
                    <a:pt x="2721" y="1"/>
                  </a:lnTo>
                  <a:lnTo>
                    <a:pt x="2721" y="1"/>
                  </a:lnTo>
                  <a:lnTo>
                    <a:pt x="2722" y="1"/>
                  </a:lnTo>
                  <a:lnTo>
                    <a:pt x="2722" y="1"/>
                  </a:lnTo>
                  <a:lnTo>
                    <a:pt x="2723" y="1"/>
                  </a:lnTo>
                  <a:lnTo>
                    <a:pt x="2723" y="1"/>
                  </a:lnTo>
                  <a:lnTo>
                    <a:pt x="2723" y="1"/>
                  </a:lnTo>
                  <a:lnTo>
                    <a:pt x="2723" y="1"/>
                  </a:lnTo>
                  <a:lnTo>
                    <a:pt x="2725" y="1"/>
                  </a:lnTo>
                  <a:lnTo>
                    <a:pt x="2725" y="1"/>
                  </a:lnTo>
                  <a:lnTo>
                    <a:pt x="2725" y="1"/>
                  </a:lnTo>
                  <a:lnTo>
                    <a:pt x="2725" y="1"/>
                  </a:lnTo>
                  <a:lnTo>
                    <a:pt x="2727" y="3"/>
                  </a:lnTo>
                  <a:lnTo>
                    <a:pt x="2727" y="3"/>
                  </a:lnTo>
                  <a:lnTo>
                    <a:pt x="2727" y="3"/>
                  </a:lnTo>
                  <a:lnTo>
                    <a:pt x="2727" y="3"/>
                  </a:lnTo>
                  <a:lnTo>
                    <a:pt x="2728" y="3"/>
                  </a:lnTo>
                  <a:lnTo>
                    <a:pt x="2728" y="3"/>
                  </a:lnTo>
                  <a:lnTo>
                    <a:pt x="2730" y="3"/>
                  </a:lnTo>
                  <a:lnTo>
                    <a:pt x="2730" y="3"/>
                  </a:lnTo>
                  <a:lnTo>
                    <a:pt x="2731" y="3"/>
                  </a:lnTo>
                  <a:lnTo>
                    <a:pt x="2731" y="3"/>
                  </a:lnTo>
                  <a:lnTo>
                    <a:pt x="2732" y="3"/>
                  </a:lnTo>
                  <a:lnTo>
                    <a:pt x="2732" y="3"/>
                  </a:lnTo>
                  <a:lnTo>
                    <a:pt x="2733" y="3"/>
                  </a:lnTo>
                  <a:lnTo>
                    <a:pt x="2733" y="3"/>
                  </a:lnTo>
                  <a:lnTo>
                    <a:pt x="2733" y="3"/>
                  </a:lnTo>
                  <a:lnTo>
                    <a:pt x="2733" y="3"/>
                  </a:lnTo>
                  <a:lnTo>
                    <a:pt x="2746" y="3"/>
                  </a:lnTo>
                  <a:lnTo>
                    <a:pt x="2746" y="3"/>
                  </a:lnTo>
                  <a:lnTo>
                    <a:pt x="2746" y="3"/>
                  </a:lnTo>
                  <a:lnTo>
                    <a:pt x="2749" y="3"/>
                  </a:lnTo>
                  <a:lnTo>
                    <a:pt x="2749" y="3"/>
                  </a:lnTo>
                  <a:lnTo>
                    <a:pt x="2749" y="3"/>
                  </a:lnTo>
                  <a:lnTo>
                    <a:pt x="2749" y="3"/>
                  </a:lnTo>
                  <a:lnTo>
                    <a:pt x="2751" y="3"/>
                  </a:lnTo>
                  <a:lnTo>
                    <a:pt x="2751" y="3"/>
                  </a:lnTo>
                  <a:lnTo>
                    <a:pt x="2751" y="3"/>
                  </a:lnTo>
                  <a:lnTo>
                    <a:pt x="2753" y="3"/>
                  </a:lnTo>
                  <a:lnTo>
                    <a:pt x="2753" y="3"/>
                  </a:lnTo>
                  <a:lnTo>
                    <a:pt x="2753" y="3"/>
                  </a:lnTo>
                  <a:lnTo>
                    <a:pt x="2753" y="3"/>
                  </a:lnTo>
                  <a:lnTo>
                    <a:pt x="2754" y="4"/>
                  </a:lnTo>
                  <a:lnTo>
                    <a:pt x="2754" y="4"/>
                  </a:lnTo>
                  <a:lnTo>
                    <a:pt x="2755" y="4"/>
                  </a:lnTo>
                  <a:lnTo>
                    <a:pt x="2755" y="4"/>
                  </a:lnTo>
                  <a:lnTo>
                    <a:pt x="2757" y="4"/>
                  </a:lnTo>
                  <a:lnTo>
                    <a:pt x="2757" y="4"/>
                  </a:lnTo>
                  <a:lnTo>
                    <a:pt x="2757" y="4"/>
                  </a:lnTo>
                  <a:lnTo>
                    <a:pt x="2757" y="4"/>
                  </a:lnTo>
                  <a:lnTo>
                    <a:pt x="2761" y="4"/>
                  </a:lnTo>
                  <a:lnTo>
                    <a:pt x="2761" y="4"/>
                  </a:lnTo>
                  <a:lnTo>
                    <a:pt x="2761" y="4"/>
                  </a:lnTo>
                  <a:lnTo>
                    <a:pt x="2822" y="7"/>
                  </a:lnTo>
                  <a:lnTo>
                    <a:pt x="2883" y="12"/>
                  </a:lnTo>
                  <a:lnTo>
                    <a:pt x="2944" y="18"/>
                  </a:lnTo>
                  <a:lnTo>
                    <a:pt x="3003" y="25"/>
                  </a:lnTo>
                  <a:lnTo>
                    <a:pt x="3064" y="35"/>
                  </a:lnTo>
                  <a:lnTo>
                    <a:pt x="3122" y="45"/>
                  </a:lnTo>
                  <a:lnTo>
                    <a:pt x="3182" y="57"/>
                  </a:lnTo>
                  <a:lnTo>
                    <a:pt x="3240" y="68"/>
                  </a:lnTo>
                  <a:lnTo>
                    <a:pt x="3297" y="82"/>
                  </a:lnTo>
                  <a:lnTo>
                    <a:pt x="3356" y="98"/>
                  </a:lnTo>
                  <a:lnTo>
                    <a:pt x="3412" y="114"/>
                  </a:lnTo>
                  <a:lnTo>
                    <a:pt x="3468" y="132"/>
                  </a:lnTo>
                  <a:lnTo>
                    <a:pt x="3524" y="151"/>
                  </a:lnTo>
                  <a:lnTo>
                    <a:pt x="3579" y="170"/>
                  </a:lnTo>
                  <a:lnTo>
                    <a:pt x="3634" y="192"/>
                  </a:lnTo>
                  <a:lnTo>
                    <a:pt x="3688" y="213"/>
                  </a:lnTo>
                  <a:lnTo>
                    <a:pt x="3740" y="237"/>
                  </a:lnTo>
                  <a:lnTo>
                    <a:pt x="3793" y="261"/>
                  </a:lnTo>
                  <a:lnTo>
                    <a:pt x="3846" y="287"/>
                  </a:lnTo>
                  <a:lnTo>
                    <a:pt x="3897" y="313"/>
                  </a:lnTo>
                  <a:lnTo>
                    <a:pt x="3948" y="341"/>
                  </a:lnTo>
                  <a:lnTo>
                    <a:pt x="3997" y="369"/>
                  </a:lnTo>
                  <a:lnTo>
                    <a:pt x="4047" y="399"/>
                  </a:lnTo>
                  <a:lnTo>
                    <a:pt x="4096" y="429"/>
                  </a:lnTo>
                  <a:lnTo>
                    <a:pt x="4143" y="460"/>
                  </a:lnTo>
                  <a:lnTo>
                    <a:pt x="4190" y="494"/>
                  </a:lnTo>
                  <a:lnTo>
                    <a:pt x="4236" y="527"/>
                  </a:lnTo>
                  <a:lnTo>
                    <a:pt x="4282" y="562"/>
                  </a:lnTo>
                  <a:lnTo>
                    <a:pt x="4327" y="597"/>
                  </a:lnTo>
                  <a:lnTo>
                    <a:pt x="4371" y="633"/>
                  </a:lnTo>
                  <a:lnTo>
                    <a:pt x="4413" y="671"/>
                  </a:lnTo>
                  <a:lnTo>
                    <a:pt x="4456" y="709"/>
                  </a:lnTo>
                  <a:lnTo>
                    <a:pt x="4496" y="748"/>
                  </a:lnTo>
                  <a:lnTo>
                    <a:pt x="4537" y="788"/>
                  </a:lnTo>
                  <a:lnTo>
                    <a:pt x="4576" y="829"/>
                  </a:lnTo>
                  <a:lnTo>
                    <a:pt x="4615" y="870"/>
                  </a:lnTo>
                  <a:lnTo>
                    <a:pt x="4652" y="912"/>
                  </a:lnTo>
                  <a:lnTo>
                    <a:pt x="4689" y="955"/>
                  </a:lnTo>
                  <a:lnTo>
                    <a:pt x="4725" y="999"/>
                  </a:lnTo>
                  <a:lnTo>
                    <a:pt x="4760" y="1044"/>
                  </a:lnTo>
                  <a:lnTo>
                    <a:pt x="4794" y="1089"/>
                  </a:lnTo>
                  <a:lnTo>
                    <a:pt x="4826" y="1135"/>
                  </a:lnTo>
                  <a:lnTo>
                    <a:pt x="4858" y="1182"/>
                  </a:lnTo>
                  <a:lnTo>
                    <a:pt x="4888" y="1229"/>
                  </a:lnTo>
                  <a:lnTo>
                    <a:pt x="4918" y="1278"/>
                  </a:lnTo>
                  <a:lnTo>
                    <a:pt x="4946" y="1327"/>
                  </a:lnTo>
                  <a:lnTo>
                    <a:pt x="4973" y="1376"/>
                  </a:lnTo>
                  <a:lnTo>
                    <a:pt x="5000" y="1427"/>
                  </a:lnTo>
                  <a:lnTo>
                    <a:pt x="5025" y="1478"/>
                  </a:lnTo>
                  <a:lnTo>
                    <a:pt x="5048" y="1530"/>
                  </a:lnTo>
                  <a:lnTo>
                    <a:pt x="5072" y="1581"/>
                  </a:lnTo>
                  <a:lnTo>
                    <a:pt x="5093" y="1633"/>
                  </a:lnTo>
                  <a:lnTo>
                    <a:pt x="5113" y="1687"/>
                  </a:lnTo>
                  <a:lnTo>
                    <a:pt x="5132" y="1740"/>
                  </a:lnTo>
                  <a:lnTo>
                    <a:pt x="5150" y="1795"/>
                  </a:lnTo>
                  <a:lnTo>
                    <a:pt x="5167" y="1849"/>
                  </a:lnTo>
                  <a:lnTo>
                    <a:pt x="5183" y="1905"/>
                  </a:lnTo>
                  <a:lnTo>
                    <a:pt x="5198" y="1960"/>
                  </a:lnTo>
                  <a:lnTo>
                    <a:pt x="5210" y="2017"/>
                  </a:lnTo>
                  <a:lnTo>
                    <a:pt x="5222" y="2074"/>
                  </a:lnTo>
                  <a:lnTo>
                    <a:pt x="5232" y="2131"/>
                  </a:lnTo>
                  <a:lnTo>
                    <a:pt x="5241" y="2188"/>
                  </a:lnTo>
                  <a:lnTo>
                    <a:pt x="5249" y="2247"/>
                  </a:lnTo>
                  <a:lnTo>
                    <a:pt x="5255" y="2305"/>
                  </a:lnTo>
                  <a:lnTo>
                    <a:pt x="5255" y="2305"/>
                  </a:lnTo>
                  <a:lnTo>
                    <a:pt x="5231" y="2277"/>
                  </a:lnTo>
                  <a:lnTo>
                    <a:pt x="5207" y="2250"/>
                  </a:lnTo>
                  <a:lnTo>
                    <a:pt x="5181" y="2223"/>
                  </a:lnTo>
                  <a:lnTo>
                    <a:pt x="5155" y="2197"/>
                  </a:lnTo>
                  <a:lnTo>
                    <a:pt x="5128" y="2170"/>
                  </a:lnTo>
                  <a:lnTo>
                    <a:pt x="5101" y="2144"/>
                  </a:lnTo>
                  <a:lnTo>
                    <a:pt x="5044" y="2093"/>
                  </a:lnTo>
                  <a:lnTo>
                    <a:pt x="4984" y="2044"/>
                  </a:lnTo>
                  <a:lnTo>
                    <a:pt x="4924" y="1995"/>
                  </a:lnTo>
                  <a:lnTo>
                    <a:pt x="4860" y="1947"/>
                  </a:lnTo>
                  <a:lnTo>
                    <a:pt x="4794" y="1902"/>
                  </a:lnTo>
                  <a:lnTo>
                    <a:pt x="4725" y="1858"/>
                  </a:lnTo>
                  <a:lnTo>
                    <a:pt x="4655" y="1815"/>
                  </a:lnTo>
                  <a:lnTo>
                    <a:pt x="4582" y="1774"/>
                  </a:lnTo>
                  <a:lnTo>
                    <a:pt x="4507" y="1734"/>
                  </a:lnTo>
                  <a:lnTo>
                    <a:pt x="4429" y="1695"/>
                  </a:lnTo>
                  <a:lnTo>
                    <a:pt x="4351" y="1658"/>
                  </a:lnTo>
                  <a:lnTo>
                    <a:pt x="4270" y="1623"/>
                  </a:lnTo>
                  <a:lnTo>
                    <a:pt x="4187" y="1590"/>
                  </a:lnTo>
                  <a:lnTo>
                    <a:pt x="4103" y="1559"/>
                  </a:lnTo>
                  <a:lnTo>
                    <a:pt x="4016" y="1528"/>
                  </a:lnTo>
                  <a:lnTo>
                    <a:pt x="3929" y="1500"/>
                  </a:lnTo>
                  <a:lnTo>
                    <a:pt x="3839" y="1474"/>
                  </a:lnTo>
                  <a:lnTo>
                    <a:pt x="3748" y="1450"/>
                  </a:lnTo>
                  <a:lnTo>
                    <a:pt x="3655" y="1427"/>
                  </a:lnTo>
                  <a:lnTo>
                    <a:pt x="3562" y="1406"/>
                  </a:lnTo>
                  <a:lnTo>
                    <a:pt x="3467" y="1388"/>
                  </a:lnTo>
                  <a:lnTo>
                    <a:pt x="3370" y="1372"/>
                  </a:lnTo>
                  <a:lnTo>
                    <a:pt x="3271" y="1358"/>
                  </a:lnTo>
                  <a:lnTo>
                    <a:pt x="3173" y="1345"/>
                  </a:lnTo>
                  <a:lnTo>
                    <a:pt x="3073" y="1335"/>
                  </a:lnTo>
                  <a:lnTo>
                    <a:pt x="2972" y="1328"/>
                  </a:lnTo>
                  <a:lnTo>
                    <a:pt x="2870" y="1321"/>
                  </a:lnTo>
                  <a:lnTo>
                    <a:pt x="2767" y="1318"/>
                  </a:lnTo>
                  <a:lnTo>
                    <a:pt x="2662" y="1317"/>
                  </a:lnTo>
                  <a:lnTo>
                    <a:pt x="2662" y="1317"/>
                  </a:lnTo>
                  <a:lnTo>
                    <a:pt x="2553" y="1318"/>
                  </a:lnTo>
                  <a:lnTo>
                    <a:pt x="2445" y="1322"/>
                  </a:lnTo>
                  <a:lnTo>
                    <a:pt x="2338" y="1329"/>
                  </a:lnTo>
                  <a:lnTo>
                    <a:pt x="2233" y="1337"/>
                  </a:lnTo>
                  <a:lnTo>
                    <a:pt x="2127" y="1348"/>
                  </a:lnTo>
                  <a:lnTo>
                    <a:pt x="2024" y="1361"/>
                  </a:lnTo>
                  <a:lnTo>
                    <a:pt x="1922" y="1377"/>
                  </a:lnTo>
                  <a:lnTo>
                    <a:pt x="1821" y="1396"/>
                  </a:lnTo>
                  <a:lnTo>
                    <a:pt x="1722" y="1415"/>
                  </a:lnTo>
                  <a:lnTo>
                    <a:pt x="1625" y="1438"/>
                  </a:lnTo>
                  <a:lnTo>
                    <a:pt x="1528" y="1463"/>
                  </a:lnTo>
                  <a:lnTo>
                    <a:pt x="1434" y="1489"/>
                  </a:lnTo>
                  <a:lnTo>
                    <a:pt x="1341" y="1518"/>
                  </a:lnTo>
                  <a:lnTo>
                    <a:pt x="1250" y="1548"/>
                  </a:lnTo>
                  <a:lnTo>
                    <a:pt x="1161" y="1580"/>
                  </a:lnTo>
                  <a:lnTo>
                    <a:pt x="1074" y="1615"/>
                  </a:lnTo>
                  <a:lnTo>
                    <a:pt x="989" y="1652"/>
                  </a:lnTo>
                  <a:lnTo>
                    <a:pt x="906" y="1689"/>
                  </a:lnTo>
                  <a:lnTo>
                    <a:pt x="825" y="1729"/>
                  </a:lnTo>
                  <a:lnTo>
                    <a:pt x="746" y="1771"/>
                  </a:lnTo>
                  <a:lnTo>
                    <a:pt x="670" y="1815"/>
                  </a:lnTo>
                  <a:lnTo>
                    <a:pt x="633" y="1837"/>
                  </a:lnTo>
                  <a:lnTo>
                    <a:pt x="596" y="1860"/>
                  </a:lnTo>
                  <a:lnTo>
                    <a:pt x="560" y="1883"/>
                  </a:lnTo>
                  <a:lnTo>
                    <a:pt x="524" y="1906"/>
                  </a:lnTo>
                  <a:lnTo>
                    <a:pt x="489" y="1930"/>
                  </a:lnTo>
                  <a:lnTo>
                    <a:pt x="456" y="1954"/>
                  </a:lnTo>
                  <a:lnTo>
                    <a:pt x="422" y="1979"/>
                  </a:lnTo>
                  <a:lnTo>
                    <a:pt x="388" y="2004"/>
                  </a:lnTo>
                  <a:lnTo>
                    <a:pt x="357" y="2030"/>
                  </a:lnTo>
                  <a:lnTo>
                    <a:pt x="324" y="2055"/>
                  </a:lnTo>
                  <a:lnTo>
                    <a:pt x="294" y="2081"/>
                  </a:lnTo>
                  <a:lnTo>
                    <a:pt x="264" y="2107"/>
                  </a:lnTo>
                  <a:lnTo>
                    <a:pt x="234" y="2134"/>
                  </a:lnTo>
                  <a:lnTo>
                    <a:pt x="206" y="2161"/>
                  </a:lnTo>
                  <a:lnTo>
                    <a:pt x="178" y="2189"/>
                  </a:lnTo>
                  <a:lnTo>
                    <a:pt x="149" y="2216"/>
                  </a:lnTo>
                  <a:lnTo>
                    <a:pt x="123" y="2244"/>
                  </a:lnTo>
                  <a:lnTo>
                    <a:pt x="97" y="2274"/>
                  </a:lnTo>
                  <a:lnTo>
                    <a:pt x="72" y="2302"/>
                  </a:lnTo>
                  <a:lnTo>
                    <a:pt x="47" y="2331"/>
                  </a:lnTo>
                  <a:lnTo>
                    <a:pt x="24" y="2360"/>
                  </a:lnTo>
                  <a:lnTo>
                    <a:pt x="0" y="2390"/>
                  </a:lnTo>
                  <a:lnTo>
                    <a:pt x="0" y="2390"/>
                  </a:lnTo>
                  <a:lnTo>
                    <a:pt x="5" y="2330"/>
                  </a:lnTo>
                  <a:lnTo>
                    <a:pt x="10" y="2270"/>
                  </a:lnTo>
                  <a:lnTo>
                    <a:pt x="17" y="2211"/>
                  </a:lnTo>
                  <a:lnTo>
                    <a:pt x="26" y="2153"/>
                  </a:lnTo>
                  <a:lnTo>
                    <a:pt x="36" y="2094"/>
                  </a:lnTo>
                  <a:lnTo>
                    <a:pt x="47" y="2037"/>
                  </a:lnTo>
                  <a:lnTo>
                    <a:pt x="60" y="1979"/>
                  </a:lnTo>
                  <a:lnTo>
                    <a:pt x="74" y="1923"/>
                  </a:lnTo>
                  <a:lnTo>
                    <a:pt x="90" y="1866"/>
                  </a:lnTo>
                  <a:lnTo>
                    <a:pt x="106" y="1810"/>
                  </a:lnTo>
                  <a:lnTo>
                    <a:pt x="124" y="1755"/>
                  </a:lnTo>
                  <a:lnTo>
                    <a:pt x="144" y="1700"/>
                  </a:lnTo>
                  <a:lnTo>
                    <a:pt x="164" y="1646"/>
                  </a:lnTo>
                  <a:lnTo>
                    <a:pt x="185" y="1592"/>
                  </a:lnTo>
                  <a:lnTo>
                    <a:pt x="209" y="1539"/>
                  </a:lnTo>
                  <a:lnTo>
                    <a:pt x="232" y="1486"/>
                  </a:lnTo>
                  <a:lnTo>
                    <a:pt x="258" y="1435"/>
                  </a:lnTo>
                  <a:lnTo>
                    <a:pt x="284" y="1384"/>
                  </a:lnTo>
                  <a:lnTo>
                    <a:pt x="312" y="1333"/>
                  </a:lnTo>
                  <a:lnTo>
                    <a:pt x="340" y="1283"/>
                  </a:lnTo>
                  <a:lnTo>
                    <a:pt x="370" y="1235"/>
                  </a:lnTo>
                  <a:lnTo>
                    <a:pt x="402" y="1186"/>
                  </a:lnTo>
                  <a:lnTo>
                    <a:pt x="433" y="1139"/>
                  </a:lnTo>
                  <a:lnTo>
                    <a:pt x="467" y="1091"/>
                  </a:lnTo>
                  <a:lnTo>
                    <a:pt x="501" y="1045"/>
                  </a:lnTo>
                  <a:lnTo>
                    <a:pt x="536" y="999"/>
                  </a:lnTo>
                  <a:lnTo>
                    <a:pt x="572" y="955"/>
                  </a:lnTo>
                  <a:lnTo>
                    <a:pt x="609" y="911"/>
                  </a:lnTo>
                  <a:lnTo>
                    <a:pt x="648" y="869"/>
                  </a:lnTo>
                  <a:lnTo>
                    <a:pt x="687" y="827"/>
                  </a:lnTo>
                  <a:lnTo>
                    <a:pt x="727" y="784"/>
                  </a:lnTo>
                  <a:lnTo>
                    <a:pt x="769" y="744"/>
                  </a:lnTo>
                  <a:lnTo>
                    <a:pt x="810" y="705"/>
                  </a:lnTo>
                  <a:lnTo>
                    <a:pt x="854" y="666"/>
                  </a:lnTo>
                  <a:lnTo>
                    <a:pt x="898" y="628"/>
                  </a:lnTo>
                  <a:lnTo>
                    <a:pt x="941" y="591"/>
                  </a:lnTo>
                  <a:lnTo>
                    <a:pt x="987" y="555"/>
                  </a:lnTo>
                  <a:lnTo>
                    <a:pt x="1033" y="521"/>
                  </a:lnTo>
                  <a:lnTo>
                    <a:pt x="1081" y="486"/>
                  </a:lnTo>
                  <a:lnTo>
                    <a:pt x="1129" y="454"/>
                  </a:lnTo>
                  <a:lnTo>
                    <a:pt x="1178" y="422"/>
                  </a:lnTo>
                  <a:lnTo>
                    <a:pt x="1228" y="391"/>
                  </a:lnTo>
                  <a:lnTo>
                    <a:pt x="1278" y="361"/>
                  </a:lnTo>
                  <a:lnTo>
                    <a:pt x="1328" y="332"/>
                  </a:lnTo>
                  <a:lnTo>
                    <a:pt x="1380" y="305"/>
                  </a:lnTo>
                  <a:lnTo>
                    <a:pt x="1433" y="278"/>
                  </a:lnTo>
                  <a:lnTo>
                    <a:pt x="1486" y="252"/>
                  </a:lnTo>
                  <a:lnTo>
                    <a:pt x="1539" y="228"/>
                  </a:lnTo>
                  <a:lnTo>
                    <a:pt x="1594" y="205"/>
                  </a:lnTo>
                  <a:lnTo>
                    <a:pt x="1649" y="183"/>
                  </a:lnTo>
                  <a:lnTo>
                    <a:pt x="1705" y="162"/>
                  </a:lnTo>
                  <a:lnTo>
                    <a:pt x="1761" y="142"/>
                  </a:lnTo>
                  <a:lnTo>
                    <a:pt x="1819" y="124"/>
                  </a:lnTo>
                  <a:lnTo>
                    <a:pt x="1876" y="106"/>
                  </a:lnTo>
                  <a:lnTo>
                    <a:pt x="1934" y="90"/>
                  </a:lnTo>
                  <a:lnTo>
                    <a:pt x="1993" y="76"/>
                  </a:lnTo>
                  <a:lnTo>
                    <a:pt x="2051" y="62"/>
                  </a:lnTo>
                  <a:lnTo>
                    <a:pt x="2111" y="50"/>
                  </a:lnTo>
                  <a:lnTo>
                    <a:pt x="2171" y="39"/>
                  </a:lnTo>
                  <a:lnTo>
                    <a:pt x="2232" y="30"/>
                  </a:lnTo>
                  <a:lnTo>
                    <a:pt x="2292" y="21"/>
                  </a:lnTo>
                  <a:lnTo>
                    <a:pt x="2354" y="14"/>
                  </a:lnTo>
                  <a:lnTo>
                    <a:pt x="2415" y="9"/>
                  </a:lnTo>
                  <a:lnTo>
                    <a:pt x="2478" y="5"/>
                  </a:lnTo>
                  <a:lnTo>
                    <a:pt x="2478" y="5"/>
                  </a:lnTo>
                  <a:lnTo>
                    <a:pt x="2478" y="5"/>
                  </a:lnTo>
                  <a:lnTo>
                    <a:pt x="2479" y="5"/>
                  </a:lnTo>
                  <a:lnTo>
                    <a:pt x="2481" y="5"/>
                  </a:lnTo>
                  <a:lnTo>
                    <a:pt x="2481" y="5"/>
                  </a:lnTo>
                  <a:lnTo>
                    <a:pt x="2482" y="5"/>
                  </a:lnTo>
                  <a:lnTo>
                    <a:pt x="2482" y="5"/>
                  </a:lnTo>
                  <a:lnTo>
                    <a:pt x="2482" y="5"/>
                  </a:lnTo>
                  <a:lnTo>
                    <a:pt x="2486" y="4"/>
                  </a:lnTo>
                  <a:lnTo>
                    <a:pt x="2486" y="4"/>
                  </a:lnTo>
                  <a:lnTo>
                    <a:pt x="2486" y="4"/>
                  </a:lnTo>
                  <a:lnTo>
                    <a:pt x="2488" y="4"/>
                  </a:lnTo>
                  <a:lnTo>
                    <a:pt x="2488" y="4"/>
                  </a:lnTo>
                  <a:lnTo>
                    <a:pt x="2488" y="4"/>
                  </a:lnTo>
                  <a:lnTo>
                    <a:pt x="2488" y="4"/>
                  </a:lnTo>
                  <a:lnTo>
                    <a:pt x="2490" y="4"/>
                  </a:lnTo>
                  <a:lnTo>
                    <a:pt x="2490" y="4"/>
                  </a:lnTo>
                  <a:lnTo>
                    <a:pt x="2491" y="4"/>
                  </a:lnTo>
                  <a:lnTo>
                    <a:pt x="2491" y="4"/>
                  </a:lnTo>
                  <a:lnTo>
                    <a:pt x="2492" y="4"/>
                  </a:lnTo>
                  <a:lnTo>
                    <a:pt x="2492" y="4"/>
                  </a:lnTo>
                  <a:lnTo>
                    <a:pt x="2492" y="4"/>
                  </a:lnTo>
                  <a:lnTo>
                    <a:pt x="2492" y="4"/>
                  </a:lnTo>
                  <a:lnTo>
                    <a:pt x="2494" y="4"/>
                  </a:lnTo>
                  <a:lnTo>
                    <a:pt x="2494" y="4"/>
                  </a:lnTo>
                  <a:lnTo>
                    <a:pt x="2494" y="4"/>
                  </a:lnTo>
                  <a:lnTo>
                    <a:pt x="2494" y="4"/>
                  </a:lnTo>
                  <a:lnTo>
                    <a:pt x="2496" y="4"/>
                  </a:lnTo>
                  <a:lnTo>
                    <a:pt x="2496" y="4"/>
                  </a:lnTo>
                  <a:lnTo>
                    <a:pt x="2496" y="4"/>
                  </a:lnTo>
                  <a:lnTo>
                    <a:pt x="2496" y="4"/>
                  </a:lnTo>
                  <a:lnTo>
                    <a:pt x="2499" y="4"/>
                  </a:lnTo>
                  <a:lnTo>
                    <a:pt x="2499" y="4"/>
                  </a:lnTo>
                  <a:lnTo>
                    <a:pt x="2499" y="4"/>
                  </a:lnTo>
                  <a:lnTo>
                    <a:pt x="2499" y="4"/>
                  </a:lnTo>
                  <a:lnTo>
                    <a:pt x="2502" y="4"/>
                  </a:lnTo>
                  <a:lnTo>
                    <a:pt x="2503" y="4"/>
                  </a:lnTo>
                  <a:lnTo>
                    <a:pt x="2503" y="4"/>
                  </a:lnTo>
                  <a:lnTo>
                    <a:pt x="2504" y="4"/>
                  </a:lnTo>
                  <a:lnTo>
                    <a:pt x="2504" y="4"/>
                  </a:lnTo>
                  <a:lnTo>
                    <a:pt x="2504" y="4"/>
                  </a:lnTo>
                  <a:lnTo>
                    <a:pt x="2504" y="4"/>
                  </a:lnTo>
                  <a:lnTo>
                    <a:pt x="2506" y="4"/>
                  </a:lnTo>
                  <a:lnTo>
                    <a:pt x="2506" y="4"/>
                  </a:lnTo>
                  <a:lnTo>
                    <a:pt x="2506" y="4"/>
                  </a:lnTo>
                  <a:lnTo>
                    <a:pt x="2506" y="4"/>
                  </a:lnTo>
                  <a:lnTo>
                    <a:pt x="2524" y="3"/>
                  </a:lnTo>
                  <a:lnTo>
                    <a:pt x="2524" y="3"/>
                  </a:lnTo>
                  <a:lnTo>
                    <a:pt x="2524" y="3"/>
                  </a:lnTo>
                  <a:lnTo>
                    <a:pt x="2527" y="3"/>
                  </a:lnTo>
                  <a:lnTo>
                    <a:pt x="2527" y="3"/>
                  </a:lnTo>
                  <a:lnTo>
                    <a:pt x="2527" y="3"/>
                  </a:lnTo>
                  <a:lnTo>
                    <a:pt x="2527" y="3"/>
                  </a:lnTo>
                  <a:lnTo>
                    <a:pt x="2529" y="3"/>
                  </a:lnTo>
                  <a:lnTo>
                    <a:pt x="2529" y="3"/>
                  </a:lnTo>
                  <a:lnTo>
                    <a:pt x="2529" y="3"/>
                  </a:lnTo>
                  <a:lnTo>
                    <a:pt x="2529" y="3"/>
                  </a:lnTo>
                  <a:lnTo>
                    <a:pt x="2530" y="3"/>
                  </a:lnTo>
                  <a:lnTo>
                    <a:pt x="2530" y="3"/>
                  </a:lnTo>
                  <a:lnTo>
                    <a:pt x="2531" y="3"/>
                  </a:lnTo>
                  <a:lnTo>
                    <a:pt x="2531" y="3"/>
                  </a:lnTo>
                  <a:lnTo>
                    <a:pt x="2532" y="3"/>
                  </a:lnTo>
                  <a:lnTo>
                    <a:pt x="2532" y="3"/>
                  </a:lnTo>
                  <a:lnTo>
                    <a:pt x="2533" y="3"/>
                  </a:lnTo>
                  <a:lnTo>
                    <a:pt x="2533" y="3"/>
                  </a:lnTo>
                  <a:lnTo>
                    <a:pt x="2534" y="3"/>
                  </a:lnTo>
                  <a:lnTo>
                    <a:pt x="2534" y="3"/>
                  </a:lnTo>
                  <a:lnTo>
                    <a:pt x="2536" y="3"/>
                  </a:lnTo>
                  <a:lnTo>
                    <a:pt x="2536" y="3"/>
                  </a:lnTo>
                  <a:lnTo>
                    <a:pt x="2537" y="1"/>
                  </a:lnTo>
                  <a:lnTo>
                    <a:pt x="2537" y="1"/>
                  </a:lnTo>
                  <a:lnTo>
                    <a:pt x="2537" y="1"/>
                  </a:lnTo>
                  <a:lnTo>
                    <a:pt x="2537" y="1"/>
                  </a:lnTo>
                  <a:lnTo>
                    <a:pt x="2539" y="1"/>
                  </a:lnTo>
                  <a:lnTo>
                    <a:pt x="2539" y="1"/>
                  </a:lnTo>
                  <a:lnTo>
                    <a:pt x="2539" y="1"/>
                  </a:lnTo>
                  <a:lnTo>
                    <a:pt x="2539" y="1"/>
                  </a:lnTo>
                  <a:lnTo>
                    <a:pt x="2540" y="1"/>
                  </a:lnTo>
                  <a:lnTo>
                    <a:pt x="2540" y="1"/>
                  </a:lnTo>
                  <a:lnTo>
                    <a:pt x="2541" y="1"/>
                  </a:lnTo>
                  <a:lnTo>
                    <a:pt x="2541" y="1"/>
                  </a:lnTo>
                  <a:lnTo>
                    <a:pt x="2542" y="1"/>
                  </a:lnTo>
                  <a:lnTo>
                    <a:pt x="2542" y="1"/>
                  </a:lnTo>
                  <a:lnTo>
                    <a:pt x="2543" y="1"/>
                  </a:lnTo>
                  <a:lnTo>
                    <a:pt x="2543" y="1"/>
                  </a:lnTo>
                  <a:lnTo>
                    <a:pt x="2544" y="1"/>
                  </a:lnTo>
                  <a:lnTo>
                    <a:pt x="2544" y="1"/>
                  </a:lnTo>
                  <a:lnTo>
                    <a:pt x="2546" y="1"/>
                  </a:lnTo>
                  <a:lnTo>
                    <a:pt x="2546" y="1"/>
                  </a:lnTo>
                  <a:lnTo>
                    <a:pt x="2547" y="1"/>
                  </a:lnTo>
                  <a:lnTo>
                    <a:pt x="2547" y="1"/>
                  </a:lnTo>
                  <a:lnTo>
                    <a:pt x="2548" y="1"/>
                  </a:lnTo>
                  <a:lnTo>
                    <a:pt x="2548" y="1"/>
                  </a:lnTo>
                  <a:lnTo>
                    <a:pt x="2549" y="1"/>
                  </a:lnTo>
                  <a:lnTo>
                    <a:pt x="2549" y="1"/>
                  </a:lnTo>
                  <a:lnTo>
                    <a:pt x="2549" y="1"/>
                  </a:lnTo>
                  <a:lnTo>
                    <a:pt x="2549" y="1"/>
                  </a:lnTo>
                  <a:lnTo>
                    <a:pt x="2551" y="1"/>
                  </a:lnTo>
                  <a:lnTo>
                    <a:pt x="2551" y="1"/>
                  </a:lnTo>
                  <a:lnTo>
                    <a:pt x="2551" y="1"/>
                  </a:lnTo>
                  <a:lnTo>
                    <a:pt x="2551" y="1"/>
                  </a:lnTo>
                  <a:lnTo>
                    <a:pt x="2552" y="1"/>
                  </a:lnTo>
                  <a:lnTo>
                    <a:pt x="2552" y="1"/>
                  </a:lnTo>
                  <a:lnTo>
                    <a:pt x="2553" y="1"/>
                  </a:lnTo>
                  <a:lnTo>
                    <a:pt x="2553" y="1"/>
                  </a:lnTo>
                  <a:lnTo>
                    <a:pt x="2555" y="1"/>
                  </a:lnTo>
                  <a:lnTo>
                    <a:pt x="2555" y="1"/>
                  </a:lnTo>
                  <a:lnTo>
                    <a:pt x="2556" y="1"/>
                  </a:lnTo>
                  <a:lnTo>
                    <a:pt x="2556" y="1"/>
                  </a:lnTo>
                  <a:lnTo>
                    <a:pt x="2557" y="1"/>
                  </a:lnTo>
                  <a:lnTo>
                    <a:pt x="2557" y="1"/>
                  </a:lnTo>
                  <a:lnTo>
                    <a:pt x="2558" y="1"/>
                  </a:lnTo>
                  <a:lnTo>
                    <a:pt x="2558" y="1"/>
                  </a:lnTo>
                  <a:lnTo>
                    <a:pt x="2559" y="1"/>
                  </a:lnTo>
                  <a:lnTo>
                    <a:pt x="2559" y="1"/>
                  </a:lnTo>
                  <a:lnTo>
                    <a:pt x="2560" y="1"/>
                  </a:lnTo>
                  <a:lnTo>
                    <a:pt x="2560" y="1"/>
                  </a:lnTo>
                  <a:lnTo>
                    <a:pt x="2561" y="1"/>
                  </a:lnTo>
                  <a:lnTo>
                    <a:pt x="2561" y="1"/>
                  </a:lnTo>
                  <a:lnTo>
                    <a:pt x="2562" y="1"/>
                  </a:lnTo>
                  <a:lnTo>
                    <a:pt x="2562" y="1"/>
                  </a:lnTo>
                  <a:lnTo>
                    <a:pt x="2564" y="1"/>
                  </a:lnTo>
                  <a:lnTo>
                    <a:pt x="2564" y="1"/>
                  </a:lnTo>
                  <a:lnTo>
                    <a:pt x="2565" y="1"/>
                  </a:lnTo>
                  <a:lnTo>
                    <a:pt x="2565" y="1"/>
                  </a:lnTo>
                  <a:lnTo>
                    <a:pt x="2566" y="1"/>
                  </a:lnTo>
                  <a:lnTo>
                    <a:pt x="2566" y="1"/>
                  </a:lnTo>
                  <a:lnTo>
                    <a:pt x="2566" y="1"/>
                  </a:lnTo>
                  <a:lnTo>
                    <a:pt x="2566" y="1"/>
                  </a:lnTo>
                  <a:lnTo>
                    <a:pt x="2567" y="1"/>
                  </a:lnTo>
                  <a:lnTo>
                    <a:pt x="2567" y="1"/>
                  </a:lnTo>
                  <a:lnTo>
                    <a:pt x="2568" y="1"/>
                  </a:lnTo>
                  <a:lnTo>
                    <a:pt x="2568" y="1"/>
                  </a:lnTo>
                  <a:lnTo>
                    <a:pt x="2569" y="1"/>
                  </a:lnTo>
                  <a:lnTo>
                    <a:pt x="2569" y="1"/>
                  </a:lnTo>
                  <a:lnTo>
                    <a:pt x="2571" y="1"/>
                  </a:lnTo>
                  <a:lnTo>
                    <a:pt x="2571" y="1"/>
                  </a:lnTo>
                  <a:lnTo>
                    <a:pt x="2571" y="1"/>
                  </a:lnTo>
                  <a:lnTo>
                    <a:pt x="2571" y="1"/>
                  </a:lnTo>
                  <a:lnTo>
                    <a:pt x="2573" y="1"/>
                  </a:lnTo>
                  <a:lnTo>
                    <a:pt x="2573" y="1"/>
                  </a:lnTo>
                  <a:lnTo>
                    <a:pt x="2575" y="1"/>
                  </a:lnTo>
                  <a:lnTo>
                    <a:pt x="2575" y="1"/>
                  </a:lnTo>
                  <a:lnTo>
                    <a:pt x="2576" y="1"/>
                  </a:lnTo>
                  <a:lnTo>
                    <a:pt x="2576" y="1"/>
                  </a:lnTo>
                  <a:lnTo>
                    <a:pt x="2577" y="0"/>
                  </a:lnTo>
                  <a:lnTo>
                    <a:pt x="2577" y="0"/>
                  </a:lnTo>
                  <a:lnTo>
                    <a:pt x="2578" y="0"/>
                  </a:lnTo>
                  <a:lnTo>
                    <a:pt x="2578" y="0"/>
                  </a:lnTo>
                  <a:lnTo>
                    <a:pt x="2578" y="0"/>
                  </a:lnTo>
                  <a:lnTo>
                    <a:pt x="2578" y="0"/>
                  </a:lnTo>
                  <a:lnTo>
                    <a:pt x="2579" y="0"/>
                  </a:lnTo>
                  <a:lnTo>
                    <a:pt x="2579" y="0"/>
                  </a:lnTo>
                  <a:lnTo>
                    <a:pt x="2580" y="0"/>
                  </a:lnTo>
                  <a:lnTo>
                    <a:pt x="2580" y="0"/>
                  </a:lnTo>
                  <a:lnTo>
                    <a:pt x="2582" y="0"/>
                  </a:lnTo>
                  <a:lnTo>
                    <a:pt x="2582" y="0"/>
                  </a:lnTo>
                  <a:lnTo>
                    <a:pt x="2583" y="0"/>
                  </a:lnTo>
                  <a:lnTo>
                    <a:pt x="2583" y="0"/>
                  </a:lnTo>
                  <a:lnTo>
                    <a:pt x="2584" y="0"/>
                  </a:lnTo>
                  <a:lnTo>
                    <a:pt x="2584" y="0"/>
                  </a:lnTo>
                  <a:lnTo>
                    <a:pt x="2585" y="0"/>
                  </a:lnTo>
                  <a:lnTo>
                    <a:pt x="2585" y="0"/>
                  </a:lnTo>
                  <a:lnTo>
                    <a:pt x="2586" y="0"/>
                  </a:lnTo>
                  <a:lnTo>
                    <a:pt x="2586" y="0"/>
                  </a:lnTo>
                  <a:lnTo>
                    <a:pt x="2587" y="0"/>
                  </a:lnTo>
                  <a:lnTo>
                    <a:pt x="2587" y="0"/>
                  </a:lnTo>
                  <a:lnTo>
                    <a:pt x="2588" y="0"/>
                  </a:lnTo>
                  <a:lnTo>
                    <a:pt x="2588" y="0"/>
                  </a:lnTo>
                  <a:lnTo>
                    <a:pt x="2589" y="0"/>
                  </a:lnTo>
                  <a:lnTo>
                    <a:pt x="2589" y="0"/>
                  </a:lnTo>
                  <a:lnTo>
                    <a:pt x="2590" y="0"/>
                  </a:lnTo>
                  <a:lnTo>
                    <a:pt x="2590" y="0"/>
                  </a:lnTo>
                  <a:lnTo>
                    <a:pt x="2592" y="0"/>
                  </a:lnTo>
                  <a:lnTo>
                    <a:pt x="2592" y="0"/>
                  </a:lnTo>
                  <a:lnTo>
                    <a:pt x="2593" y="0"/>
                  </a:lnTo>
                  <a:lnTo>
                    <a:pt x="2593" y="0"/>
                  </a:lnTo>
                  <a:lnTo>
                    <a:pt x="2594" y="0"/>
                  </a:lnTo>
                  <a:lnTo>
                    <a:pt x="2594" y="0"/>
                  </a:lnTo>
                  <a:lnTo>
                    <a:pt x="2594" y="0"/>
                  </a:lnTo>
                  <a:lnTo>
                    <a:pt x="2594" y="0"/>
                  </a:lnTo>
                  <a:lnTo>
                    <a:pt x="2595" y="0"/>
                  </a:lnTo>
                  <a:lnTo>
                    <a:pt x="2595" y="0"/>
                  </a:lnTo>
                  <a:lnTo>
                    <a:pt x="2596" y="0"/>
                  </a:lnTo>
                  <a:lnTo>
                    <a:pt x="2596" y="0"/>
                  </a:lnTo>
                  <a:lnTo>
                    <a:pt x="2597" y="0"/>
                  </a:lnTo>
                  <a:lnTo>
                    <a:pt x="2597" y="0"/>
                  </a:lnTo>
                  <a:lnTo>
                    <a:pt x="2598" y="0"/>
                  </a:lnTo>
                  <a:lnTo>
                    <a:pt x="2598" y="0"/>
                  </a:lnTo>
                  <a:lnTo>
                    <a:pt x="2599" y="0"/>
                  </a:lnTo>
                  <a:lnTo>
                    <a:pt x="2599" y="0"/>
                  </a:lnTo>
                  <a:lnTo>
                    <a:pt x="2601" y="0"/>
                  </a:lnTo>
                  <a:lnTo>
                    <a:pt x="2601" y="0"/>
                  </a:lnTo>
                  <a:lnTo>
                    <a:pt x="2602" y="0"/>
                  </a:lnTo>
                  <a:lnTo>
                    <a:pt x="2602" y="0"/>
                  </a:lnTo>
                  <a:lnTo>
                    <a:pt x="2603" y="0"/>
                  </a:lnTo>
                  <a:lnTo>
                    <a:pt x="2603" y="0"/>
                  </a:lnTo>
                  <a:lnTo>
                    <a:pt x="2604" y="0"/>
                  </a:lnTo>
                  <a:lnTo>
                    <a:pt x="2604" y="0"/>
                  </a:lnTo>
                  <a:lnTo>
                    <a:pt x="2605" y="0"/>
                  </a:lnTo>
                  <a:lnTo>
                    <a:pt x="2605" y="0"/>
                  </a:lnTo>
                  <a:lnTo>
                    <a:pt x="2606" y="0"/>
                  </a:lnTo>
                  <a:lnTo>
                    <a:pt x="2606" y="0"/>
                  </a:lnTo>
                  <a:lnTo>
                    <a:pt x="2607" y="0"/>
                  </a:lnTo>
                  <a:lnTo>
                    <a:pt x="2607" y="0"/>
                  </a:lnTo>
                  <a:lnTo>
                    <a:pt x="2608" y="0"/>
                  </a:lnTo>
                  <a:lnTo>
                    <a:pt x="2608" y="0"/>
                  </a:lnTo>
                  <a:lnTo>
                    <a:pt x="2608" y="0"/>
                  </a:lnTo>
                  <a:lnTo>
                    <a:pt x="2608" y="0"/>
                  </a:lnTo>
                  <a:lnTo>
                    <a:pt x="2610" y="0"/>
                  </a:lnTo>
                  <a:lnTo>
                    <a:pt x="2610" y="0"/>
                  </a:lnTo>
                  <a:lnTo>
                    <a:pt x="2611" y="0"/>
                  </a:lnTo>
                  <a:lnTo>
                    <a:pt x="2611" y="0"/>
                  </a:lnTo>
                  <a:lnTo>
                    <a:pt x="2612" y="0"/>
                  </a:lnTo>
                  <a:lnTo>
                    <a:pt x="2612" y="0"/>
                  </a:lnTo>
                  <a:lnTo>
                    <a:pt x="2613" y="0"/>
                  </a:lnTo>
                  <a:lnTo>
                    <a:pt x="2613" y="0"/>
                  </a:lnTo>
                  <a:lnTo>
                    <a:pt x="2614" y="0"/>
                  </a:lnTo>
                  <a:lnTo>
                    <a:pt x="2614" y="0"/>
                  </a:lnTo>
                  <a:lnTo>
                    <a:pt x="2615" y="0"/>
                  </a:lnTo>
                  <a:lnTo>
                    <a:pt x="2615" y="0"/>
                  </a:lnTo>
                  <a:lnTo>
                    <a:pt x="2616" y="0"/>
                  </a:lnTo>
                  <a:lnTo>
                    <a:pt x="2616" y="0"/>
                  </a:lnTo>
                  <a:lnTo>
                    <a:pt x="2617" y="0"/>
                  </a:lnTo>
                  <a:lnTo>
                    <a:pt x="2617" y="0"/>
                  </a:lnTo>
                  <a:lnTo>
                    <a:pt x="2619" y="0"/>
                  </a:lnTo>
                  <a:lnTo>
                    <a:pt x="2619" y="0"/>
                  </a:lnTo>
                  <a:lnTo>
                    <a:pt x="2620" y="0"/>
                  </a:lnTo>
                  <a:lnTo>
                    <a:pt x="2620" y="0"/>
                  </a:lnTo>
                  <a:lnTo>
                    <a:pt x="2621" y="0"/>
                  </a:lnTo>
                  <a:lnTo>
                    <a:pt x="2621" y="0"/>
                  </a:lnTo>
                  <a:lnTo>
                    <a:pt x="2622" y="0"/>
                  </a:lnTo>
                  <a:lnTo>
                    <a:pt x="2622" y="0"/>
                  </a:lnTo>
                  <a:lnTo>
                    <a:pt x="2623" y="0"/>
                  </a:lnTo>
                  <a:lnTo>
                    <a:pt x="2623" y="0"/>
                  </a:lnTo>
                  <a:lnTo>
                    <a:pt x="2624" y="0"/>
                  </a:lnTo>
                  <a:lnTo>
                    <a:pt x="2624" y="0"/>
                  </a:lnTo>
                  <a:lnTo>
                    <a:pt x="2624" y="0"/>
                  </a:lnTo>
                  <a:lnTo>
                    <a:pt x="2624" y="0"/>
                  </a:lnTo>
                  <a:lnTo>
                    <a:pt x="2626" y="0"/>
                  </a:lnTo>
                  <a:lnTo>
                    <a:pt x="2626" y="0"/>
                  </a:lnTo>
                  <a:lnTo>
                    <a:pt x="2626" y="0"/>
                  </a:lnTo>
                  <a:lnTo>
                    <a:pt x="2626" y="0"/>
                  </a:lnTo>
                  <a:lnTo>
                    <a:pt x="2629" y="0"/>
                  </a:lnTo>
                  <a:lnTo>
                    <a:pt x="2629" y="0"/>
                  </a:lnTo>
                  <a:lnTo>
                    <a:pt x="2629" y="0"/>
                  </a:lnTo>
                  <a:lnTo>
                    <a:pt x="2629" y="0"/>
                  </a:lnTo>
                  <a:lnTo>
                    <a:pt x="2631"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2" name="Freeform 292">
              <a:extLst>
                <a:ext uri="{FF2B5EF4-FFF2-40B4-BE49-F238E27FC236}">
                  <a16:creationId xmlns:a16="http://schemas.microsoft.com/office/drawing/2014/main" xmlns="" id="{6F92DA99-731D-F04A-8ED5-C1C17451EEC3}"/>
                </a:ext>
              </a:extLst>
            </p:cNvPr>
            <p:cNvSpPr>
              <a:spLocks/>
            </p:cNvSpPr>
            <p:nvPr/>
          </p:nvSpPr>
          <p:spPr bwMode="auto">
            <a:xfrm flipH="1">
              <a:off x="6899317" y="979354"/>
              <a:ext cx="4599165" cy="2181920"/>
            </a:xfrm>
            <a:custGeom>
              <a:avLst/>
              <a:gdLst>
                <a:gd name="T0" fmla="*/ 2638 w 5255"/>
                <a:gd name="T1" fmla="*/ 0 h 2390"/>
                <a:gd name="T2" fmla="*/ 2642 w 5255"/>
                <a:gd name="T3" fmla="*/ 0 h 2390"/>
                <a:gd name="T4" fmla="*/ 2649 w 5255"/>
                <a:gd name="T5" fmla="*/ 0 h 2390"/>
                <a:gd name="T6" fmla="*/ 2653 w 5255"/>
                <a:gd name="T7" fmla="*/ 0 h 2390"/>
                <a:gd name="T8" fmla="*/ 2660 w 5255"/>
                <a:gd name="T9" fmla="*/ 0 h 2390"/>
                <a:gd name="T10" fmla="*/ 2667 w 5255"/>
                <a:gd name="T11" fmla="*/ 0 h 2390"/>
                <a:gd name="T12" fmla="*/ 2675 w 5255"/>
                <a:gd name="T13" fmla="*/ 0 h 2390"/>
                <a:gd name="T14" fmla="*/ 2679 w 5255"/>
                <a:gd name="T15" fmla="*/ 0 h 2390"/>
                <a:gd name="T16" fmla="*/ 2686 w 5255"/>
                <a:gd name="T17" fmla="*/ 0 h 2390"/>
                <a:gd name="T18" fmla="*/ 2690 w 5255"/>
                <a:gd name="T19" fmla="*/ 1 h 2390"/>
                <a:gd name="T20" fmla="*/ 2697 w 5255"/>
                <a:gd name="T21" fmla="*/ 1 h 2390"/>
                <a:gd name="T22" fmla="*/ 2705 w 5255"/>
                <a:gd name="T23" fmla="*/ 1 h 2390"/>
                <a:gd name="T24" fmla="*/ 2712 w 5255"/>
                <a:gd name="T25" fmla="*/ 1 h 2390"/>
                <a:gd name="T26" fmla="*/ 2716 w 5255"/>
                <a:gd name="T27" fmla="*/ 1 h 2390"/>
                <a:gd name="T28" fmla="*/ 2723 w 5255"/>
                <a:gd name="T29" fmla="*/ 1 h 2390"/>
                <a:gd name="T30" fmla="*/ 2727 w 5255"/>
                <a:gd name="T31" fmla="*/ 3 h 2390"/>
                <a:gd name="T32" fmla="*/ 2733 w 5255"/>
                <a:gd name="T33" fmla="*/ 3 h 2390"/>
                <a:gd name="T34" fmla="*/ 2751 w 5255"/>
                <a:gd name="T35" fmla="*/ 3 h 2390"/>
                <a:gd name="T36" fmla="*/ 2757 w 5255"/>
                <a:gd name="T37" fmla="*/ 4 h 2390"/>
                <a:gd name="T38" fmla="*/ 3182 w 5255"/>
                <a:gd name="T39" fmla="*/ 57 h 2390"/>
                <a:gd name="T40" fmla="*/ 3793 w 5255"/>
                <a:gd name="T41" fmla="*/ 261 h 2390"/>
                <a:gd name="T42" fmla="*/ 4327 w 5255"/>
                <a:gd name="T43" fmla="*/ 597 h 2390"/>
                <a:gd name="T44" fmla="*/ 4760 w 5255"/>
                <a:gd name="T45" fmla="*/ 1044 h 2390"/>
                <a:gd name="T46" fmla="*/ 5072 w 5255"/>
                <a:gd name="T47" fmla="*/ 1581 h 2390"/>
                <a:gd name="T48" fmla="*/ 5241 w 5255"/>
                <a:gd name="T49" fmla="*/ 2188 h 2390"/>
                <a:gd name="T50" fmla="*/ 4984 w 5255"/>
                <a:gd name="T51" fmla="*/ 2044 h 2390"/>
                <a:gd name="T52" fmla="*/ 4187 w 5255"/>
                <a:gd name="T53" fmla="*/ 1590 h 2390"/>
                <a:gd name="T54" fmla="*/ 3173 w 5255"/>
                <a:gd name="T55" fmla="*/ 1345 h 2390"/>
                <a:gd name="T56" fmla="*/ 2127 w 5255"/>
                <a:gd name="T57" fmla="*/ 1348 h 2390"/>
                <a:gd name="T58" fmla="*/ 1074 w 5255"/>
                <a:gd name="T59" fmla="*/ 1615 h 2390"/>
                <a:gd name="T60" fmla="*/ 456 w 5255"/>
                <a:gd name="T61" fmla="*/ 1954 h 2390"/>
                <a:gd name="T62" fmla="*/ 123 w 5255"/>
                <a:gd name="T63" fmla="*/ 2244 h 2390"/>
                <a:gd name="T64" fmla="*/ 36 w 5255"/>
                <a:gd name="T65" fmla="*/ 2094 h 2390"/>
                <a:gd name="T66" fmla="*/ 232 w 5255"/>
                <a:gd name="T67" fmla="*/ 1486 h 2390"/>
                <a:gd name="T68" fmla="*/ 572 w 5255"/>
                <a:gd name="T69" fmla="*/ 955 h 2390"/>
                <a:gd name="T70" fmla="*/ 1033 w 5255"/>
                <a:gd name="T71" fmla="*/ 521 h 2390"/>
                <a:gd name="T72" fmla="*/ 1594 w 5255"/>
                <a:gd name="T73" fmla="*/ 205 h 2390"/>
                <a:gd name="T74" fmla="*/ 2232 w 5255"/>
                <a:gd name="T75" fmla="*/ 30 h 2390"/>
                <a:gd name="T76" fmla="*/ 2482 w 5255"/>
                <a:gd name="T77" fmla="*/ 5 h 2390"/>
                <a:gd name="T78" fmla="*/ 2491 w 5255"/>
                <a:gd name="T79" fmla="*/ 4 h 2390"/>
                <a:gd name="T80" fmla="*/ 2496 w 5255"/>
                <a:gd name="T81" fmla="*/ 4 h 2390"/>
                <a:gd name="T82" fmla="*/ 2504 w 5255"/>
                <a:gd name="T83" fmla="*/ 4 h 2390"/>
                <a:gd name="T84" fmla="*/ 2527 w 5255"/>
                <a:gd name="T85" fmla="*/ 3 h 2390"/>
                <a:gd name="T86" fmla="*/ 2532 w 5255"/>
                <a:gd name="T87" fmla="*/ 3 h 2390"/>
                <a:gd name="T88" fmla="*/ 2537 w 5255"/>
                <a:gd name="T89" fmla="*/ 1 h 2390"/>
                <a:gd name="T90" fmla="*/ 2543 w 5255"/>
                <a:gd name="T91" fmla="*/ 1 h 2390"/>
                <a:gd name="T92" fmla="*/ 2549 w 5255"/>
                <a:gd name="T93" fmla="*/ 1 h 2390"/>
                <a:gd name="T94" fmla="*/ 2555 w 5255"/>
                <a:gd name="T95" fmla="*/ 1 h 2390"/>
                <a:gd name="T96" fmla="*/ 2560 w 5255"/>
                <a:gd name="T97" fmla="*/ 1 h 2390"/>
                <a:gd name="T98" fmla="*/ 2566 w 5255"/>
                <a:gd name="T99" fmla="*/ 1 h 2390"/>
                <a:gd name="T100" fmla="*/ 2571 w 5255"/>
                <a:gd name="T101" fmla="*/ 1 h 2390"/>
                <a:gd name="T102" fmla="*/ 2578 w 5255"/>
                <a:gd name="T103" fmla="*/ 0 h 2390"/>
                <a:gd name="T104" fmla="*/ 2584 w 5255"/>
                <a:gd name="T105" fmla="*/ 0 h 2390"/>
                <a:gd name="T106" fmla="*/ 2590 w 5255"/>
                <a:gd name="T107" fmla="*/ 0 h 2390"/>
                <a:gd name="T108" fmla="*/ 2595 w 5255"/>
                <a:gd name="T109" fmla="*/ 0 h 2390"/>
                <a:gd name="T110" fmla="*/ 2602 w 5255"/>
                <a:gd name="T111" fmla="*/ 0 h 2390"/>
                <a:gd name="T112" fmla="*/ 2607 w 5255"/>
                <a:gd name="T113" fmla="*/ 0 h 2390"/>
                <a:gd name="T114" fmla="*/ 2613 w 5255"/>
                <a:gd name="T115" fmla="*/ 0 h 2390"/>
                <a:gd name="T116" fmla="*/ 2619 w 5255"/>
                <a:gd name="T117" fmla="*/ 0 h 2390"/>
                <a:gd name="T118" fmla="*/ 2624 w 5255"/>
                <a:gd name="T119" fmla="*/ 0 h 2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5255" h="2390">
                  <a:moveTo>
                    <a:pt x="2631" y="0"/>
                  </a:moveTo>
                  <a:lnTo>
                    <a:pt x="2631" y="0"/>
                  </a:lnTo>
                  <a:lnTo>
                    <a:pt x="2633" y="0"/>
                  </a:lnTo>
                  <a:lnTo>
                    <a:pt x="2633" y="0"/>
                  </a:lnTo>
                  <a:lnTo>
                    <a:pt x="2633" y="0"/>
                  </a:lnTo>
                  <a:lnTo>
                    <a:pt x="2633" y="0"/>
                  </a:lnTo>
                  <a:lnTo>
                    <a:pt x="2635" y="0"/>
                  </a:lnTo>
                  <a:lnTo>
                    <a:pt x="2635" y="0"/>
                  </a:lnTo>
                  <a:lnTo>
                    <a:pt x="2635" y="0"/>
                  </a:lnTo>
                  <a:lnTo>
                    <a:pt x="2635" y="0"/>
                  </a:lnTo>
                  <a:lnTo>
                    <a:pt x="2638" y="0"/>
                  </a:lnTo>
                  <a:lnTo>
                    <a:pt x="2638" y="0"/>
                  </a:lnTo>
                  <a:lnTo>
                    <a:pt x="2638" y="0"/>
                  </a:lnTo>
                  <a:lnTo>
                    <a:pt x="2638" y="0"/>
                  </a:lnTo>
                  <a:lnTo>
                    <a:pt x="2639" y="0"/>
                  </a:lnTo>
                  <a:lnTo>
                    <a:pt x="2639" y="0"/>
                  </a:lnTo>
                  <a:lnTo>
                    <a:pt x="2640" y="0"/>
                  </a:lnTo>
                  <a:lnTo>
                    <a:pt x="2640" y="0"/>
                  </a:lnTo>
                  <a:lnTo>
                    <a:pt x="2641" y="0"/>
                  </a:lnTo>
                  <a:lnTo>
                    <a:pt x="2641" y="0"/>
                  </a:lnTo>
                  <a:lnTo>
                    <a:pt x="2642" y="0"/>
                  </a:lnTo>
                  <a:lnTo>
                    <a:pt x="2642" y="0"/>
                  </a:lnTo>
                  <a:lnTo>
                    <a:pt x="2643" y="0"/>
                  </a:lnTo>
                  <a:lnTo>
                    <a:pt x="2643" y="0"/>
                  </a:lnTo>
                  <a:lnTo>
                    <a:pt x="2644" y="0"/>
                  </a:lnTo>
                  <a:lnTo>
                    <a:pt x="2644" y="0"/>
                  </a:lnTo>
                  <a:lnTo>
                    <a:pt x="2645" y="0"/>
                  </a:lnTo>
                  <a:lnTo>
                    <a:pt x="2645" y="0"/>
                  </a:lnTo>
                  <a:lnTo>
                    <a:pt x="2647" y="0"/>
                  </a:lnTo>
                  <a:lnTo>
                    <a:pt x="2647" y="0"/>
                  </a:lnTo>
                  <a:lnTo>
                    <a:pt x="2648" y="0"/>
                  </a:lnTo>
                  <a:lnTo>
                    <a:pt x="2648" y="0"/>
                  </a:lnTo>
                  <a:lnTo>
                    <a:pt x="2649" y="0"/>
                  </a:lnTo>
                  <a:lnTo>
                    <a:pt x="2649" y="0"/>
                  </a:lnTo>
                  <a:lnTo>
                    <a:pt x="2650" y="0"/>
                  </a:lnTo>
                  <a:lnTo>
                    <a:pt x="2650" y="0"/>
                  </a:lnTo>
                  <a:lnTo>
                    <a:pt x="2651" y="0"/>
                  </a:lnTo>
                  <a:lnTo>
                    <a:pt x="2651" y="0"/>
                  </a:lnTo>
                  <a:lnTo>
                    <a:pt x="2651" y="0"/>
                  </a:lnTo>
                  <a:lnTo>
                    <a:pt x="2651" y="0"/>
                  </a:lnTo>
                  <a:lnTo>
                    <a:pt x="2652" y="0"/>
                  </a:lnTo>
                  <a:lnTo>
                    <a:pt x="2652" y="0"/>
                  </a:lnTo>
                  <a:lnTo>
                    <a:pt x="2653" y="0"/>
                  </a:lnTo>
                  <a:lnTo>
                    <a:pt x="2653" y="0"/>
                  </a:lnTo>
                  <a:lnTo>
                    <a:pt x="2654" y="0"/>
                  </a:lnTo>
                  <a:lnTo>
                    <a:pt x="2654" y="0"/>
                  </a:lnTo>
                  <a:lnTo>
                    <a:pt x="2656" y="0"/>
                  </a:lnTo>
                  <a:lnTo>
                    <a:pt x="2656" y="0"/>
                  </a:lnTo>
                  <a:lnTo>
                    <a:pt x="2657" y="0"/>
                  </a:lnTo>
                  <a:lnTo>
                    <a:pt x="2657" y="0"/>
                  </a:lnTo>
                  <a:lnTo>
                    <a:pt x="2658" y="0"/>
                  </a:lnTo>
                  <a:lnTo>
                    <a:pt x="2658" y="0"/>
                  </a:lnTo>
                  <a:lnTo>
                    <a:pt x="2659" y="0"/>
                  </a:lnTo>
                  <a:lnTo>
                    <a:pt x="2659" y="0"/>
                  </a:lnTo>
                  <a:lnTo>
                    <a:pt x="2660" y="0"/>
                  </a:lnTo>
                  <a:lnTo>
                    <a:pt x="2660" y="0"/>
                  </a:lnTo>
                  <a:lnTo>
                    <a:pt x="2661" y="0"/>
                  </a:lnTo>
                  <a:lnTo>
                    <a:pt x="2661" y="0"/>
                  </a:lnTo>
                  <a:lnTo>
                    <a:pt x="2662" y="0"/>
                  </a:lnTo>
                  <a:lnTo>
                    <a:pt x="2662" y="0"/>
                  </a:lnTo>
                  <a:lnTo>
                    <a:pt x="2663" y="0"/>
                  </a:lnTo>
                  <a:lnTo>
                    <a:pt x="2663" y="0"/>
                  </a:lnTo>
                  <a:lnTo>
                    <a:pt x="2667" y="0"/>
                  </a:lnTo>
                  <a:lnTo>
                    <a:pt x="2667" y="0"/>
                  </a:lnTo>
                  <a:lnTo>
                    <a:pt x="2667" y="0"/>
                  </a:lnTo>
                  <a:lnTo>
                    <a:pt x="2667" y="0"/>
                  </a:lnTo>
                  <a:lnTo>
                    <a:pt x="2669" y="0"/>
                  </a:lnTo>
                  <a:lnTo>
                    <a:pt x="2669" y="0"/>
                  </a:lnTo>
                  <a:lnTo>
                    <a:pt x="2670" y="0"/>
                  </a:lnTo>
                  <a:lnTo>
                    <a:pt x="2670" y="0"/>
                  </a:lnTo>
                  <a:lnTo>
                    <a:pt x="2671" y="0"/>
                  </a:lnTo>
                  <a:lnTo>
                    <a:pt x="2671" y="0"/>
                  </a:lnTo>
                  <a:lnTo>
                    <a:pt x="2672" y="0"/>
                  </a:lnTo>
                  <a:lnTo>
                    <a:pt x="2672" y="0"/>
                  </a:lnTo>
                  <a:lnTo>
                    <a:pt x="2674" y="0"/>
                  </a:lnTo>
                  <a:lnTo>
                    <a:pt x="2674" y="0"/>
                  </a:lnTo>
                  <a:lnTo>
                    <a:pt x="2675" y="0"/>
                  </a:lnTo>
                  <a:lnTo>
                    <a:pt x="2675" y="0"/>
                  </a:lnTo>
                  <a:lnTo>
                    <a:pt x="2676" y="0"/>
                  </a:lnTo>
                  <a:lnTo>
                    <a:pt x="2676" y="0"/>
                  </a:lnTo>
                  <a:lnTo>
                    <a:pt x="2677" y="0"/>
                  </a:lnTo>
                  <a:lnTo>
                    <a:pt x="2677" y="0"/>
                  </a:lnTo>
                  <a:lnTo>
                    <a:pt x="2677" y="0"/>
                  </a:lnTo>
                  <a:lnTo>
                    <a:pt x="2677" y="0"/>
                  </a:lnTo>
                  <a:lnTo>
                    <a:pt x="2678" y="0"/>
                  </a:lnTo>
                  <a:lnTo>
                    <a:pt x="2678" y="0"/>
                  </a:lnTo>
                  <a:lnTo>
                    <a:pt x="2679" y="0"/>
                  </a:lnTo>
                  <a:lnTo>
                    <a:pt x="2679" y="0"/>
                  </a:lnTo>
                  <a:lnTo>
                    <a:pt x="2680" y="0"/>
                  </a:lnTo>
                  <a:lnTo>
                    <a:pt x="2680" y="0"/>
                  </a:lnTo>
                  <a:lnTo>
                    <a:pt x="2681" y="0"/>
                  </a:lnTo>
                  <a:lnTo>
                    <a:pt x="2681" y="0"/>
                  </a:lnTo>
                  <a:lnTo>
                    <a:pt x="2682" y="0"/>
                  </a:lnTo>
                  <a:lnTo>
                    <a:pt x="2682" y="0"/>
                  </a:lnTo>
                  <a:lnTo>
                    <a:pt x="2684" y="0"/>
                  </a:lnTo>
                  <a:lnTo>
                    <a:pt x="2684" y="0"/>
                  </a:lnTo>
                  <a:lnTo>
                    <a:pt x="2685" y="0"/>
                  </a:lnTo>
                  <a:lnTo>
                    <a:pt x="2685" y="0"/>
                  </a:lnTo>
                  <a:lnTo>
                    <a:pt x="2686" y="0"/>
                  </a:lnTo>
                  <a:lnTo>
                    <a:pt x="2686" y="0"/>
                  </a:lnTo>
                  <a:lnTo>
                    <a:pt x="2687" y="1"/>
                  </a:lnTo>
                  <a:lnTo>
                    <a:pt x="2687" y="1"/>
                  </a:lnTo>
                  <a:lnTo>
                    <a:pt x="2687" y="1"/>
                  </a:lnTo>
                  <a:lnTo>
                    <a:pt x="2687" y="1"/>
                  </a:lnTo>
                  <a:lnTo>
                    <a:pt x="2689" y="1"/>
                  </a:lnTo>
                  <a:lnTo>
                    <a:pt x="2689" y="1"/>
                  </a:lnTo>
                  <a:lnTo>
                    <a:pt x="2689" y="1"/>
                  </a:lnTo>
                  <a:lnTo>
                    <a:pt x="2689" y="1"/>
                  </a:lnTo>
                  <a:lnTo>
                    <a:pt x="2690" y="1"/>
                  </a:lnTo>
                  <a:lnTo>
                    <a:pt x="2690" y="1"/>
                  </a:lnTo>
                  <a:lnTo>
                    <a:pt x="2691" y="1"/>
                  </a:lnTo>
                  <a:lnTo>
                    <a:pt x="2691" y="1"/>
                  </a:lnTo>
                  <a:lnTo>
                    <a:pt x="2693" y="1"/>
                  </a:lnTo>
                  <a:lnTo>
                    <a:pt x="2693" y="1"/>
                  </a:lnTo>
                  <a:lnTo>
                    <a:pt x="2694" y="1"/>
                  </a:lnTo>
                  <a:lnTo>
                    <a:pt x="2694" y="1"/>
                  </a:lnTo>
                  <a:lnTo>
                    <a:pt x="2695" y="1"/>
                  </a:lnTo>
                  <a:lnTo>
                    <a:pt x="2695" y="1"/>
                  </a:lnTo>
                  <a:lnTo>
                    <a:pt x="2696" y="1"/>
                  </a:lnTo>
                  <a:lnTo>
                    <a:pt x="2696" y="1"/>
                  </a:lnTo>
                  <a:lnTo>
                    <a:pt x="2697" y="1"/>
                  </a:lnTo>
                  <a:lnTo>
                    <a:pt x="2697" y="1"/>
                  </a:lnTo>
                  <a:lnTo>
                    <a:pt x="2698" y="1"/>
                  </a:lnTo>
                  <a:lnTo>
                    <a:pt x="2698" y="1"/>
                  </a:lnTo>
                  <a:lnTo>
                    <a:pt x="2699" y="1"/>
                  </a:lnTo>
                  <a:lnTo>
                    <a:pt x="2699" y="1"/>
                  </a:lnTo>
                  <a:lnTo>
                    <a:pt x="2699" y="1"/>
                  </a:lnTo>
                  <a:lnTo>
                    <a:pt x="2699" y="1"/>
                  </a:lnTo>
                  <a:lnTo>
                    <a:pt x="2705" y="1"/>
                  </a:lnTo>
                  <a:lnTo>
                    <a:pt x="2705" y="1"/>
                  </a:lnTo>
                  <a:lnTo>
                    <a:pt x="2705" y="1"/>
                  </a:lnTo>
                  <a:lnTo>
                    <a:pt x="2705" y="1"/>
                  </a:lnTo>
                  <a:lnTo>
                    <a:pt x="2706" y="1"/>
                  </a:lnTo>
                  <a:lnTo>
                    <a:pt x="2706" y="1"/>
                  </a:lnTo>
                  <a:lnTo>
                    <a:pt x="2707" y="1"/>
                  </a:lnTo>
                  <a:lnTo>
                    <a:pt x="2707" y="1"/>
                  </a:lnTo>
                  <a:lnTo>
                    <a:pt x="2708" y="1"/>
                  </a:lnTo>
                  <a:lnTo>
                    <a:pt x="2708" y="1"/>
                  </a:lnTo>
                  <a:lnTo>
                    <a:pt x="2709" y="1"/>
                  </a:lnTo>
                  <a:lnTo>
                    <a:pt x="2709" y="1"/>
                  </a:lnTo>
                  <a:lnTo>
                    <a:pt x="2711" y="1"/>
                  </a:lnTo>
                  <a:lnTo>
                    <a:pt x="2711" y="1"/>
                  </a:lnTo>
                  <a:lnTo>
                    <a:pt x="2712" y="1"/>
                  </a:lnTo>
                  <a:lnTo>
                    <a:pt x="2712" y="1"/>
                  </a:lnTo>
                  <a:lnTo>
                    <a:pt x="2713" y="1"/>
                  </a:lnTo>
                  <a:lnTo>
                    <a:pt x="2713" y="1"/>
                  </a:lnTo>
                  <a:lnTo>
                    <a:pt x="2713" y="1"/>
                  </a:lnTo>
                  <a:lnTo>
                    <a:pt x="2713" y="1"/>
                  </a:lnTo>
                  <a:lnTo>
                    <a:pt x="2715" y="1"/>
                  </a:lnTo>
                  <a:lnTo>
                    <a:pt x="2715" y="1"/>
                  </a:lnTo>
                  <a:lnTo>
                    <a:pt x="2715" y="1"/>
                  </a:lnTo>
                  <a:lnTo>
                    <a:pt x="2715" y="1"/>
                  </a:lnTo>
                  <a:lnTo>
                    <a:pt x="2716" y="1"/>
                  </a:lnTo>
                  <a:lnTo>
                    <a:pt x="2716" y="1"/>
                  </a:lnTo>
                  <a:lnTo>
                    <a:pt x="2717" y="1"/>
                  </a:lnTo>
                  <a:lnTo>
                    <a:pt x="2717" y="1"/>
                  </a:lnTo>
                  <a:lnTo>
                    <a:pt x="2718" y="1"/>
                  </a:lnTo>
                  <a:lnTo>
                    <a:pt x="2718" y="1"/>
                  </a:lnTo>
                  <a:lnTo>
                    <a:pt x="2719" y="1"/>
                  </a:lnTo>
                  <a:lnTo>
                    <a:pt x="2719" y="1"/>
                  </a:lnTo>
                  <a:lnTo>
                    <a:pt x="2721" y="1"/>
                  </a:lnTo>
                  <a:lnTo>
                    <a:pt x="2721" y="1"/>
                  </a:lnTo>
                  <a:lnTo>
                    <a:pt x="2722" y="1"/>
                  </a:lnTo>
                  <a:lnTo>
                    <a:pt x="2722" y="1"/>
                  </a:lnTo>
                  <a:lnTo>
                    <a:pt x="2723" y="1"/>
                  </a:lnTo>
                  <a:lnTo>
                    <a:pt x="2723" y="1"/>
                  </a:lnTo>
                  <a:lnTo>
                    <a:pt x="2723" y="1"/>
                  </a:lnTo>
                  <a:lnTo>
                    <a:pt x="2723" y="1"/>
                  </a:lnTo>
                  <a:lnTo>
                    <a:pt x="2725" y="1"/>
                  </a:lnTo>
                  <a:lnTo>
                    <a:pt x="2725" y="1"/>
                  </a:lnTo>
                  <a:lnTo>
                    <a:pt x="2725" y="1"/>
                  </a:lnTo>
                  <a:lnTo>
                    <a:pt x="2725" y="1"/>
                  </a:lnTo>
                  <a:lnTo>
                    <a:pt x="2727" y="3"/>
                  </a:lnTo>
                  <a:lnTo>
                    <a:pt x="2727" y="3"/>
                  </a:lnTo>
                  <a:lnTo>
                    <a:pt x="2727" y="3"/>
                  </a:lnTo>
                  <a:lnTo>
                    <a:pt x="2727" y="3"/>
                  </a:lnTo>
                  <a:lnTo>
                    <a:pt x="2728" y="3"/>
                  </a:lnTo>
                  <a:lnTo>
                    <a:pt x="2728" y="3"/>
                  </a:lnTo>
                  <a:lnTo>
                    <a:pt x="2730" y="3"/>
                  </a:lnTo>
                  <a:lnTo>
                    <a:pt x="2730" y="3"/>
                  </a:lnTo>
                  <a:lnTo>
                    <a:pt x="2731" y="3"/>
                  </a:lnTo>
                  <a:lnTo>
                    <a:pt x="2731" y="3"/>
                  </a:lnTo>
                  <a:lnTo>
                    <a:pt x="2732" y="3"/>
                  </a:lnTo>
                  <a:lnTo>
                    <a:pt x="2732" y="3"/>
                  </a:lnTo>
                  <a:lnTo>
                    <a:pt x="2733" y="3"/>
                  </a:lnTo>
                  <a:lnTo>
                    <a:pt x="2733" y="3"/>
                  </a:lnTo>
                  <a:lnTo>
                    <a:pt x="2733" y="3"/>
                  </a:lnTo>
                  <a:lnTo>
                    <a:pt x="2733" y="3"/>
                  </a:lnTo>
                  <a:lnTo>
                    <a:pt x="2746" y="3"/>
                  </a:lnTo>
                  <a:lnTo>
                    <a:pt x="2746" y="3"/>
                  </a:lnTo>
                  <a:lnTo>
                    <a:pt x="2746" y="3"/>
                  </a:lnTo>
                  <a:lnTo>
                    <a:pt x="2749" y="3"/>
                  </a:lnTo>
                  <a:lnTo>
                    <a:pt x="2749" y="3"/>
                  </a:lnTo>
                  <a:lnTo>
                    <a:pt x="2749" y="3"/>
                  </a:lnTo>
                  <a:lnTo>
                    <a:pt x="2749" y="3"/>
                  </a:lnTo>
                  <a:lnTo>
                    <a:pt x="2751" y="3"/>
                  </a:lnTo>
                  <a:lnTo>
                    <a:pt x="2751" y="3"/>
                  </a:lnTo>
                  <a:lnTo>
                    <a:pt x="2751" y="3"/>
                  </a:lnTo>
                  <a:lnTo>
                    <a:pt x="2753" y="3"/>
                  </a:lnTo>
                  <a:lnTo>
                    <a:pt x="2753" y="3"/>
                  </a:lnTo>
                  <a:lnTo>
                    <a:pt x="2753" y="3"/>
                  </a:lnTo>
                  <a:lnTo>
                    <a:pt x="2753" y="3"/>
                  </a:lnTo>
                  <a:lnTo>
                    <a:pt x="2754" y="4"/>
                  </a:lnTo>
                  <a:lnTo>
                    <a:pt x="2754" y="4"/>
                  </a:lnTo>
                  <a:lnTo>
                    <a:pt x="2755" y="4"/>
                  </a:lnTo>
                  <a:lnTo>
                    <a:pt x="2755" y="4"/>
                  </a:lnTo>
                  <a:lnTo>
                    <a:pt x="2757" y="4"/>
                  </a:lnTo>
                  <a:lnTo>
                    <a:pt x="2757" y="4"/>
                  </a:lnTo>
                  <a:lnTo>
                    <a:pt x="2757" y="4"/>
                  </a:lnTo>
                  <a:lnTo>
                    <a:pt x="2757" y="4"/>
                  </a:lnTo>
                  <a:lnTo>
                    <a:pt x="2761" y="4"/>
                  </a:lnTo>
                  <a:lnTo>
                    <a:pt x="2761" y="4"/>
                  </a:lnTo>
                  <a:lnTo>
                    <a:pt x="2761" y="4"/>
                  </a:lnTo>
                  <a:lnTo>
                    <a:pt x="2822" y="7"/>
                  </a:lnTo>
                  <a:lnTo>
                    <a:pt x="2883" y="12"/>
                  </a:lnTo>
                  <a:lnTo>
                    <a:pt x="2944" y="18"/>
                  </a:lnTo>
                  <a:lnTo>
                    <a:pt x="3003" y="25"/>
                  </a:lnTo>
                  <a:lnTo>
                    <a:pt x="3064" y="35"/>
                  </a:lnTo>
                  <a:lnTo>
                    <a:pt x="3122" y="45"/>
                  </a:lnTo>
                  <a:lnTo>
                    <a:pt x="3182" y="57"/>
                  </a:lnTo>
                  <a:lnTo>
                    <a:pt x="3240" y="68"/>
                  </a:lnTo>
                  <a:lnTo>
                    <a:pt x="3297" y="82"/>
                  </a:lnTo>
                  <a:lnTo>
                    <a:pt x="3356" y="98"/>
                  </a:lnTo>
                  <a:lnTo>
                    <a:pt x="3412" y="114"/>
                  </a:lnTo>
                  <a:lnTo>
                    <a:pt x="3468" y="132"/>
                  </a:lnTo>
                  <a:lnTo>
                    <a:pt x="3524" y="151"/>
                  </a:lnTo>
                  <a:lnTo>
                    <a:pt x="3579" y="170"/>
                  </a:lnTo>
                  <a:lnTo>
                    <a:pt x="3634" y="192"/>
                  </a:lnTo>
                  <a:lnTo>
                    <a:pt x="3688" y="213"/>
                  </a:lnTo>
                  <a:lnTo>
                    <a:pt x="3740" y="237"/>
                  </a:lnTo>
                  <a:lnTo>
                    <a:pt x="3793" y="261"/>
                  </a:lnTo>
                  <a:lnTo>
                    <a:pt x="3846" y="287"/>
                  </a:lnTo>
                  <a:lnTo>
                    <a:pt x="3897" y="313"/>
                  </a:lnTo>
                  <a:lnTo>
                    <a:pt x="3948" y="341"/>
                  </a:lnTo>
                  <a:lnTo>
                    <a:pt x="3997" y="369"/>
                  </a:lnTo>
                  <a:lnTo>
                    <a:pt x="4047" y="399"/>
                  </a:lnTo>
                  <a:lnTo>
                    <a:pt x="4096" y="429"/>
                  </a:lnTo>
                  <a:lnTo>
                    <a:pt x="4143" y="460"/>
                  </a:lnTo>
                  <a:lnTo>
                    <a:pt x="4190" y="494"/>
                  </a:lnTo>
                  <a:lnTo>
                    <a:pt x="4236" y="527"/>
                  </a:lnTo>
                  <a:lnTo>
                    <a:pt x="4282" y="562"/>
                  </a:lnTo>
                  <a:lnTo>
                    <a:pt x="4327" y="597"/>
                  </a:lnTo>
                  <a:lnTo>
                    <a:pt x="4371" y="633"/>
                  </a:lnTo>
                  <a:lnTo>
                    <a:pt x="4413" y="671"/>
                  </a:lnTo>
                  <a:lnTo>
                    <a:pt x="4456" y="709"/>
                  </a:lnTo>
                  <a:lnTo>
                    <a:pt x="4496" y="748"/>
                  </a:lnTo>
                  <a:lnTo>
                    <a:pt x="4537" y="788"/>
                  </a:lnTo>
                  <a:lnTo>
                    <a:pt x="4576" y="829"/>
                  </a:lnTo>
                  <a:lnTo>
                    <a:pt x="4615" y="870"/>
                  </a:lnTo>
                  <a:lnTo>
                    <a:pt x="4652" y="912"/>
                  </a:lnTo>
                  <a:lnTo>
                    <a:pt x="4689" y="955"/>
                  </a:lnTo>
                  <a:lnTo>
                    <a:pt x="4725" y="999"/>
                  </a:lnTo>
                  <a:lnTo>
                    <a:pt x="4760" y="1044"/>
                  </a:lnTo>
                  <a:lnTo>
                    <a:pt x="4794" y="1089"/>
                  </a:lnTo>
                  <a:lnTo>
                    <a:pt x="4826" y="1135"/>
                  </a:lnTo>
                  <a:lnTo>
                    <a:pt x="4858" y="1182"/>
                  </a:lnTo>
                  <a:lnTo>
                    <a:pt x="4888" y="1229"/>
                  </a:lnTo>
                  <a:lnTo>
                    <a:pt x="4918" y="1278"/>
                  </a:lnTo>
                  <a:lnTo>
                    <a:pt x="4946" y="1327"/>
                  </a:lnTo>
                  <a:lnTo>
                    <a:pt x="4973" y="1376"/>
                  </a:lnTo>
                  <a:lnTo>
                    <a:pt x="5000" y="1427"/>
                  </a:lnTo>
                  <a:lnTo>
                    <a:pt x="5025" y="1478"/>
                  </a:lnTo>
                  <a:lnTo>
                    <a:pt x="5048" y="1530"/>
                  </a:lnTo>
                  <a:lnTo>
                    <a:pt x="5072" y="1581"/>
                  </a:lnTo>
                  <a:lnTo>
                    <a:pt x="5093" y="1633"/>
                  </a:lnTo>
                  <a:lnTo>
                    <a:pt x="5113" y="1687"/>
                  </a:lnTo>
                  <a:lnTo>
                    <a:pt x="5132" y="1740"/>
                  </a:lnTo>
                  <a:lnTo>
                    <a:pt x="5150" y="1795"/>
                  </a:lnTo>
                  <a:lnTo>
                    <a:pt x="5167" y="1849"/>
                  </a:lnTo>
                  <a:lnTo>
                    <a:pt x="5183" y="1905"/>
                  </a:lnTo>
                  <a:lnTo>
                    <a:pt x="5198" y="1960"/>
                  </a:lnTo>
                  <a:lnTo>
                    <a:pt x="5210" y="2017"/>
                  </a:lnTo>
                  <a:lnTo>
                    <a:pt x="5222" y="2074"/>
                  </a:lnTo>
                  <a:lnTo>
                    <a:pt x="5232" y="2131"/>
                  </a:lnTo>
                  <a:lnTo>
                    <a:pt x="5241" y="2188"/>
                  </a:lnTo>
                  <a:lnTo>
                    <a:pt x="5249" y="2247"/>
                  </a:lnTo>
                  <a:lnTo>
                    <a:pt x="5255" y="2305"/>
                  </a:lnTo>
                  <a:lnTo>
                    <a:pt x="5255" y="2305"/>
                  </a:lnTo>
                  <a:lnTo>
                    <a:pt x="5231" y="2277"/>
                  </a:lnTo>
                  <a:lnTo>
                    <a:pt x="5207" y="2250"/>
                  </a:lnTo>
                  <a:lnTo>
                    <a:pt x="5181" y="2223"/>
                  </a:lnTo>
                  <a:lnTo>
                    <a:pt x="5155" y="2197"/>
                  </a:lnTo>
                  <a:lnTo>
                    <a:pt x="5128" y="2170"/>
                  </a:lnTo>
                  <a:lnTo>
                    <a:pt x="5101" y="2144"/>
                  </a:lnTo>
                  <a:lnTo>
                    <a:pt x="5044" y="2093"/>
                  </a:lnTo>
                  <a:lnTo>
                    <a:pt x="4984" y="2044"/>
                  </a:lnTo>
                  <a:lnTo>
                    <a:pt x="4924" y="1995"/>
                  </a:lnTo>
                  <a:lnTo>
                    <a:pt x="4860" y="1947"/>
                  </a:lnTo>
                  <a:lnTo>
                    <a:pt x="4794" y="1902"/>
                  </a:lnTo>
                  <a:lnTo>
                    <a:pt x="4725" y="1858"/>
                  </a:lnTo>
                  <a:lnTo>
                    <a:pt x="4655" y="1815"/>
                  </a:lnTo>
                  <a:lnTo>
                    <a:pt x="4582" y="1774"/>
                  </a:lnTo>
                  <a:lnTo>
                    <a:pt x="4507" y="1734"/>
                  </a:lnTo>
                  <a:lnTo>
                    <a:pt x="4429" y="1695"/>
                  </a:lnTo>
                  <a:lnTo>
                    <a:pt x="4351" y="1658"/>
                  </a:lnTo>
                  <a:lnTo>
                    <a:pt x="4270" y="1623"/>
                  </a:lnTo>
                  <a:lnTo>
                    <a:pt x="4187" y="1590"/>
                  </a:lnTo>
                  <a:lnTo>
                    <a:pt x="4103" y="1559"/>
                  </a:lnTo>
                  <a:lnTo>
                    <a:pt x="4016" y="1528"/>
                  </a:lnTo>
                  <a:lnTo>
                    <a:pt x="3929" y="1500"/>
                  </a:lnTo>
                  <a:lnTo>
                    <a:pt x="3839" y="1474"/>
                  </a:lnTo>
                  <a:lnTo>
                    <a:pt x="3748" y="1450"/>
                  </a:lnTo>
                  <a:lnTo>
                    <a:pt x="3655" y="1427"/>
                  </a:lnTo>
                  <a:lnTo>
                    <a:pt x="3562" y="1406"/>
                  </a:lnTo>
                  <a:lnTo>
                    <a:pt x="3467" y="1388"/>
                  </a:lnTo>
                  <a:lnTo>
                    <a:pt x="3370" y="1372"/>
                  </a:lnTo>
                  <a:lnTo>
                    <a:pt x="3271" y="1358"/>
                  </a:lnTo>
                  <a:lnTo>
                    <a:pt x="3173" y="1345"/>
                  </a:lnTo>
                  <a:lnTo>
                    <a:pt x="3073" y="1335"/>
                  </a:lnTo>
                  <a:lnTo>
                    <a:pt x="2972" y="1328"/>
                  </a:lnTo>
                  <a:lnTo>
                    <a:pt x="2870" y="1321"/>
                  </a:lnTo>
                  <a:lnTo>
                    <a:pt x="2767" y="1318"/>
                  </a:lnTo>
                  <a:lnTo>
                    <a:pt x="2662" y="1317"/>
                  </a:lnTo>
                  <a:lnTo>
                    <a:pt x="2662" y="1317"/>
                  </a:lnTo>
                  <a:lnTo>
                    <a:pt x="2553" y="1318"/>
                  </a:lnTo>
                  <a:lnTo>
                    <a:pt x="2445" y="1322"/>
                  </a:lnTo>
                  <a:lnTo>
                    <a:pt x="2338" y="1329"/>
                  </a:lnTo>
                  <a:lnTo>
                    <a:pt x="2233" y="1337"/>
                  </a:lnTo>
                  <a:lnTo>
                    <a:pt x="2127" y="1348"/>
                  </a:lnTo>
                  <a:lnTo>
                    <a:pt x="2024" y="1361"/>
                  </a:lnTo>
                  <a:lnTo>
                    <a:pt x="1922" y="1377"/>
                  </a:lnTo>
                  <a:lnTo>
                    <a:pt x="1821" y="1396"/>
                  </a:lnTo>
                  <a:lnTo>
                    <a:pt x="1722" y="1415"/>
                  </a:lnTo>
                  <a:lnTo>
                    <a:pt x="1625" y="1438"/>
                  </a:lnTo>
                  <a:lnTo>
                    <a:pt x="1528" y="1463"/>
                  </a:lnTo>
                  <a:lnTo>
                    <a:pt x="1434" y="1489"/>
                  </a:lnTo>
                  <a:lnTo>
                    <a:pt x="1341" y="1518"/>
                  </a:lnTo>
                  <a:lnTo>
                    <a:pt x="1250" y="1548"/>
                  </a:lnTo>
                  <a:lnTo>
                    <a:pt x="1161" y="1580"/>
                  </a:lnTo>
                  <a:lnTo>
                    <a:pt x="1074" y="1615"/>
                  </a:lnTo>
                  <a:lnTo>
                    <a:pt x="989" y="1652"/>
                  </a:lnTo>
                  <a:lnTo>
                    <a:pt x="906" y="1689"/>
                  </a:lnTo>
                  <a:lnTo>
                    <a:pt x="825" y="1729"/>
                  </a:lnTo>
                  <a:lnTo>
                    <a:pt x="746" y="1771"/>
                  </a:lnTo>
                  <a:lnTo>
                    <a:pt x="670" y="1815"/>
                  </a:lnTo>
                  <a:lnTo>
                    <a:pt x="633" y="1837"/>
                  </a:lnTo>
                  <a:lnTo>
                    <a:pt x="596" y="1860"/>
                  </a:lnTo>
                  <a:lnTo>
                    <a:pt x="560" y="1883"/>
                  </a:lnTo>
                  <a:lnTo>
                    <a:pt x="524" y="1906"/>
                  </a:lnTo>
                  <a:lnTo>
                    <a:pt x="489" y="1930"/>
                  </a:lnTo>
                  <a:lnTo>
                    <a:pt x="456" y="1954"/>
                  </a:lnTo>
                  <a:lnTo>
                    <a:pt x="422" y="1979"/>
                  </a:lnTo>
                  <a:lnTo>
                    <a:pt x="388" y="2004"/>
                  </a:lnTo>
                  <a:lnTo>
                    <a:pt x="357" y="2030"/>
                  </a:lnTo>
                  <a:lnTo>
                    <a:pt x="324" y="2055"/>
                  </a:lnTo>
                  <a:lnTo>
                    <a:pt x="294" y="2081"/>
                  </a:lnTo>
                  <a:lnTo>
                    <a:pt x="264" y="2107"/>
                  </a:lnTo>
                  <a:lnTo>
                    <a:pt x="234" y="2134"/>
                  </a:lnTo>
                  <a:lnTo>
                    <a:pt x="206" y="2161"/>
                  </a:lnTo>
                  <a:lnTo>
                    <a:pt x="178" y="2189"/>
                  </a:lnTo>
                  <a:lnTo>
                    <a:pt x="149" y="2216"/>
                  </a:lnTo>
                  <a:lnTo>
                    <a:pt x="123" y="2244"/>
                  </a:lnTo>
                  <a:lnTo>
                    <a:pt x="97" y="2274"/>
                  </a:lnTo>
                  <a:lnTo>
                    <a:pt x="72" y="2302"/>
                  </a:lnTo>
                  <a:lnTo>
                    <a:pt x="47" y="2331"/>
                  </a:lnTo>
                  <a:lnTo>
                    <a:pt x="24" y="2360"/>
                  </a:lnTo>
                  <a:lnTo>
                    <a:pt x="0" y="2390"/>
                  </a:lnTo>
                  <a:lnTo>
                    <a:pt x="0" y="2390"/>
                  </a:lnTo>
                  <a:lnTo>
                    <a:pt x="5" y="2330"/>
                  </a:lnTo>
                  <a:lnTo>
                    <a:pt x="10" y="2270"/>
                  </a:lnTo>
                  <a:lnTo>
                    <a:pt x="17" y="2211"/>
                  </a:lnTo>
                  <a:lnTo>
                    <a:pt x="26" y="2153"/>
                  </a:lnTo>
                  <a:lnTo>
                    <a:pt x="36" y="2094"/>
                  </a:lnTo>
                  <a:lnTo>
                    <a:pt x="47" y="2037"/>
                  </a:lnTo>
                  <a:lnTo>
                    <a:pt x="60" y="1979"/>
                  </a:lnTo>
                  <a:lnTo>
                    <a:pt x="74" y="1923"/>
                  </a:lnTo>
                  <a:lnTo>
                    <a:pt x="90" y="1866"/>
                  </a:lnTo>
                  <a:lnTo>
                    <a:pt x="106" y="1810"/>
                  </a:lnTo>
                  <a:lnTo>
                    <a:pt x="124" y="1755"/>
                  </a:lnTo>
                  <a:lnTo>
                    <a:pt x="144" y="1700"/>
                  </a:lnTo>
                  <a:lnTo>
                    <a:pt x="164" y="1646"/>
                  </a:lnTo>
                  <a:lnTo>
                    <a:pt x="185" y="1592"/>
                  </a:lnTo>
                  <a:lnTo>
                    <a:pt x="209" y="1539"/>
                  </a:lnTo>
                  <a:lnTo>
                    <a:pt x="232" y="1486"/>
                  </a:lnTo>
                  <a:lnTo>
                    <a:pt x="258" y="1435"/>
                  </a:lnTo>
                  <a:lnTo>
                    <a:pt x="284" y="1384"/>
                  </a:lnTo>
                  <a:lnTo>
                    <a:pt x="312" y="1333"/>
                  </a:lnTo>
                  <a:lnTo>
                    <a:pt x="340" y="1283"/>
                  </a:lnTo>
                  <a:lnTo>
                    <a:pt x="370" y="1235"/>
                  </a:lnTo>
                  <a:lnTo>
                    <a:pt x="402" y="1186"/>
                  </a:lnTo>
                  <a:lnTo>
                    <a:pt x="433" y="1139"/>
                  </a:lnTo>
                  <a:lnTo>
                    <a:pt x="467" y="1091"/>
                  </a:lnTo>
                  <a:lnTo>
                    <a:pt x="501" y="1045"/>
                  </a:lnTo>
                  <a:lnTo>
                    <a:pt x="536" y="999"/>
                  </a:lnTo>
                  <a:lnTo>
                    <a:pt x="572" y="955"/>
                  </a:lnTo>
                  <a:lnTo>
                    <a:pt x="609" y="911"/>
                  </a:lnTo>
                  <a:lnTo>
                    <a:pt x="648" y="869"/>
                  </a:lnTo>
                  <a:lnTo>
                    <a:pt x="687" y="827"/>
                  </a:lnTo>
                  <a:lnTo>
                    <a:pt x="727" y="784"/>
                  </a:lnTo>
                  <a:lnTo>
                    <a:pt x="769" y="744"/>
                  </a:lnTo>
                  <a:lnTo>
                    <a:pt x="810" y="705"/>
                  </a:lnTo>
                  <a:lnTo>
                    <a:pt x="854" y="666"/>
                  </a:lnTo>
                  <a:lnTo>
                    <a:pt x="898" y="628"/>
                  </a:lnTo>
                  <a:lnTo>
                    <a:pt x="941" y="591"/>
                  </a:lnTo>
                  <a:lnTo>
                    <a:pt x="987" y="555"/>
                  </a:lnTo>
                  <a:lnTo>
                    <a:pt x="1033" y="521"/>
                  </a:lnTo>
                  <a:lnTo>
                    <a:pt x="1081" y="486"/>
                  </a:lnTo>
                  <a:lnTo>
                    <a:pt x="1129" y="454"/>
                  </a:lnTo>
                  <a:lnTo>
                    <a:pt x="1178" y="422"/>
                  </a:lnTo>
                  <a:lnTo>
                    <a:pt x="1228" y="391"/>
                  </a:lnTo>
                  <a:lnTo>
                    <a:pt x="1278" y="361"/>
                  </a:lnTo>
                  <a:lnTo>
                    <a:pt x="1328" y="332"/>
                  </a:lnTo>
                  <a:lnTo>
                    <a:pt x="1380" y="305"/>
                  </a:lnTo>
                  <a:lnTo>
                    <a:pt x="1433" y="278"/>
                  </a:lnTo>
                  <a:lnTo>
                    <a:pt x="1486" y="252"/>
                  </a:lnTo>
                  <a:lnTo>
                    <a:pt x="1539" y="228"/>
                  </a:lnTo>
                  <a:lnTo>
                    <a:pt x="1594" y="205"/>
                  </a:lnTo>
                  <a:lnTo>
                    <a:pt x="1649" y="183"/>
                  </a:lnTo>
                  <a:lnTo>
                    <a:pt x="1705" y="162"/>
                  </a:lnTo>
                  <a:lnTo>
                    <a:pt x="1761" y="142"/>
                  </a:lnTo>
                  <a:lnTo>
                    <a:pt x="1819" y="124"/>
                  </a:lnTo>
                  <a:lnTo>
                    <a:pt x="1876" y="106"/>
                  </a:lnTo>
                  <a:lnTo>
                    <a:pt x="1934" y="90"/>
                  </a:lnTo>
                  <a:lnTo>
                    <a:pt x="1993" y="76"/>
                  </a:lnTo>
                  <a:lnTo>
                    <a:pt x="2051" y="62"/>
                  </a:lnTo>
                  <a:lnTo>
                    <a:pt x="2111" y="50"/>
                  </a:lnTo>
                  <a:lnTo>
                    <a:pt x="2171" y="39"/>
                  </a:lnTo>
                  <a:lnTo>
                    <a:pt x="2232" y="30"/>
                  </a:lnTo>
                  <a:lnTo>
                    <a:pt x="2292" y="21"/>
                  </a:lnTo>
                  <a:lnTo>
                    <a:pt x="2354" y="14"/>
                  </a:lnTo>
                  <a:lnTo>
                    <a:pt x="2415" y="9"/>
                  </a:lnTo>
                  <a:lnTo>
                    <a:pt x="2478" y="5"/>
                  </a:lnTo>
                  <a:lnTo>
                    <a:pt x="2478" y="5"/>
                  </a:lnTo>
                  <a:lnTo>
                    <a:pt x="2478" y="5"/>
                  </a:lnTo>
                  <a:lnTo>
                    <a:pt x="2479" y="5"/>
                  </a:lnTo>
                  <a:lnTo>
                    <a:pt x="2481" y="5"/>
                  </a:lnTo>
                  <a:lnTo>
                    <a:pt x="2481" y="5"/>
                  </a:lnTo>
                  <a:lnTo>
                    <a:pt x="2482" y="5"/>
                  </a:lnTo>
                  <a:lnTo>
                    <a:pt x="2482" y="5"/>
                  </a:lnTo>
                  <a:lnTo>
                    <a:pt x="2482" y="5"/>
                  </a:lnTo>
                  <a:lnTo>
                    <a:pt x="2486" y="4"/>
                  </a:lnTo>
                  <a:lnTo>
                    <a:pt x="2486" y="4"/>
                  </a:lnTo>
                  <a:lnTo>
                    <a:pt x="2486" y="4"/>
                  </a:lnTo>
                  <a:lnTo>
                    <a:pt x="2488" y="4"/>
                  </a:lnTo>
                  <a:lnTo>
                    <a:pt x="2488" y="4"/>
                  </a:lnTo>
                  <a:lnTo>
                    <a:pt x="2488" y="4"/>
                  </a:lnTo>
                  <a:lnTo>
                    <a:pt x="2488" y="4"/>
                  </a:lnTo>
                  <a:lnTo>
                    <a:pt x="2490" y="4"/>
                  </a:lnTo>
                  <a:lnTo>
                    <a:pt x="2490" y="4"/>
                  </a:lnTo>
                  <a:lnTo>
                    <a:pt x="2491" y="4"/>
                  </a:lnTo>
                  <a:lnTo>
                    <a:pt x="2491" y="4"/>
                  </a:lnTo>
                  <a:lnTo>
                    <a:pt x="2492" y="4"/>
                  </a:lnTo>
                  <a:lnTo>
                    <a:pt x="2492" y="4"/>
                  </a:lnTo>
                  <a:lnTo>
                    <a:pt x="2492" y="4"/>
                  </a:lnTo>
                  <a:lnTo>
                    <a:pt x="2492" y="4"/>
                  </a:lnTo>
                  <a:lnTo>
                    <a:pt x="2494" y="4"/>
                  </a:lnTo>
                  <a:lnTo>
                    <a:pt x="2494" y="4"/>
                  </a:lnTo>
                  <a:lnTo>
                    <a:pt x="2494" y="4"/>
                  </a:lnTo>
                  <a:lnTo>
                    <a:pt x="2494" y="4"/>
                  </a:lnTo>
                  <a:lnTo>
                    <a:pt x="2496" y="4"/>
                  </a:lnTo>
                  <a:lnTo>
                    <a:pt x="2496" y="4"/>
                  </a:lnTo>
                  <a:lnTo>
                    <a:pt x="2496" y="4"/>
                  </a:lnTo>
                  <a:lnTo>
                    <a:pt x="2496" y="4"/>
                  </a:lnTo>
                  <a:lnTo>
                    <a:pt x="2499" y="4"/>
                  </a:lnTo>
                  <a:lnTo>
                    <a:pt x="2499" y="4"/>
                  </a:lnTo>
                  <a:lnTo>
                    <a:pt x="2499" y="4"/>
                  </a:lnTo>
                  <a:lnTo>
                    <a:pt x="2499" y="4"/>
                  </a:lnTo>
                  <a:lnTo>
                    <a:pt x="2502" y="4"/>
                  </a:lnTo>
                  <a:lnTo>
                    <a:pt x="2503" y="4"/>
                  </a:lnTo>
                  <a:lnTo>
                    <a:pt x="2503" y="4"/>
                  </a:lnTo>
                  <a:lnTo>
                    <a:pt x="2504" y="4"/>
                  </a:lnTo>
                  <a:lnTo>
                    <a:pt x="2504" y="4"/>
                  </a:lnTo>
                  <a:lnTo>
                    <a:pt x="2504" y="4"/>
                  </a:lnTo>
                  <a:lnTo>
                    <a:pt x="2504" y="4"/>
                  </a:lnTo>
                  <a:lnTo>
                    <a:pt x="2506" y="4"/>
                  </a:lnTo>
                  <a:lnTo>
                    <a:pt x="2506" y="4"/>
                  </a:lnTo>
                  <a:lnTo>
                    <a:pt x="2506" y="4"/>
                  </a:lnTo>
                  <a:lnTo>
                    <a:pt x="2506" y="4"/>
                  </a:lnTo>
                  <a:lnTo>
                    <a:pt x="2524" y="3"/>
                  </a:lnTo>
                  <a:lnTo>
                    <a:pt x="2524" y="3"/>
                  </a:lnTo>
                  <a:lnTo>
                    <a:pt x="2524" y="3"/>
                  </a:lnTo>
                  <a:lnTo>
                    <a:pt x="2527" y="3"/>
                  </a:lnTo>
                  <a:lnTo>
                    <a:pt x="2527" y="3"/>
                  </a:lnTo>
                  <a:lnTo>
                    <a:pt x="2527" y="3"/>
                  </a:lnTo>
                  <a:lnTo>
                    <a:pt x="2527" y="3"/>
                  </a:lnTo>
                  <a:lnTo>
                    <a:pt x="2529" y="3"/>
                  </a:lnTo>
                  <a:lnTo>
                    <a:pt x="2529" y="3"/>
                  </a:lnTo>
                  <a:lnTo>
                    <a:pt x="2529" y="3"/>
                  </a:lnTo>
                  <a:lnTo>
                    <a:pt x="2529" y="3"/>
                  </a:lnTo>
                  <a:lnTo>
                    <a:pt x="2530" y="3"/>
                  </a:lnTo>
                  <a:lnTo>
                    <a:pt x="2530" y="3"/>
                  </a:lnTo>
                  <a:lnTo>
                    <a:pt x="2531" y="3"/>
                  </a:lnTo>
                  <a:lnTo>
                    <a:pt x="2531" y="3"/>
                  </a:lnTo>
                  <a:lnTo>
                    <a:pt x="2532" y="3"/>
                  </a:lnTo>
                  <a:lnTo>
                    <a:pt x="2532" y="3"/>
                  </a:lnTo>
                  <a:lnTo>
                    <a:pt x="2533" y="3"/>
                  </a:lnTo>
                  <a:lnTo>
                    <a:pt x="2533" y="3"/>
                  </a:lnTo>
                  <a:lnTo>
                    <a:pt x="2534" y="3"/>
                  </a:lnTo>
                  <a:lnTo>
                    <a:pt x="2534" y="3"/>
                  </a:lnTo>
                  <a:lnTo>
                    <a:pt x="2536" y="3"/>
                  </a:lnTo>
                  <a:lnTo>
                    <a:pt x="2536" y="3"/>
                  </a:lnTo>
                  <a:lnTo>
                    <a:pt x="2537" y="1"/>
                  </a:lnTo>
                  <a:lnTo>
                    <a:pt x="2537" y="1"/>
                  </a:lnTo>
                  <a:lnTo>
                    <a:pt x="2537" y="1"/>
                  </a:lnTo>
                  <a:lnTo>
                    <a:pt x="2537" y="1"/>
                  </a:lnTo>
                  <a:lnTo>
                    <a:pt x="2539" y="1"/>
                  </a:lnTo>
                  <a:lnTo>
                    <a:pt x="2539" y="1"/>
                  </a:lnTo>
                  <a:lnTo>
                    <a:pt x="2539" y="1"/>
                  </a:lnTo>
                  <a:lnTo>
                    <a:pt x="2539" y="1"/>
                  </a:lnTo>
                  <a:lnTo>
                    <a:pt x="2540" y="1"/>
                  </a:lnTo>
                  <a:lnTo>
                    <a:pt x="2540" y="1"/>
                  </a:lnTo>
                  <a:lnTo>
                    <a:pt x="2541" y="1"/>
                  </a:lnTo>
                  <a:lnTo>
                    <a:pt x="2541" y="1"/>
                  </a:lnTo>
                  <a:lnTo>
                    <a:pt x="2542" y="1"/>
                  </a:lnTo>
                  <a:lnTo>
                    <a:pt x="2542" y="1"/>
                  </a:lnTo>
                  <a:lnTo>
                    <a:pt x="2543" y="1"/>
                  </a:lnTo>
                  <a:lnTo>
                    <a:pt x="2543" y="1"/>
                  </a:lnTo>
                  <a:lnTo>
                    <a:pt x="2544" y="1"/>
                  </a:lnTo>
                  <a:lnTo>
                    <a:pt x="2544" y="1"/>
                  </a:lnTo>
                  <a:lnTo>
                    <a:pt x="2546" y="1"/>
                  </a:lnTo>
                  <a:lnTo>
                    <a:pt x="2546" y="1"/>
                  </a:lnTo>
                  <a:lnTo>
                    <a:pt x="2547" y="1"/>
                  </a:lnTo>
                  <a:lnTo>
                    <a:pt x="2547" y="1"/>
                  </a:lnTo>
                  <a:lnTo>
                    <a:pt x="2548" y="1"/>
                  </a:lnTo>
                  <a:lnTo>
                    <a:pt x="2548" y="1"/>
                  </a:lnTo>
                  <a:lnTo>
                    <a:pt x="2549" y="1"/>
                  </a:lnTo>
                  <a:lnTo>
                    <a:pt x="2549" y="1"/>
                  </a:lnTo>
                  <a:lnTo>
                    <a:pt x="2549" y="1"/>
                  </a:lnTo>
                  <a:lnTo>
                    <a:pt x="2549" y="1"/>
                  </a:lnTo>
                  <a:lnTo>
                    <a:pt x="2551" y="1"/>
                  </a:lnTo>
                  <a:lnTo>
                    <a:pt x="2551" y="1"/>
                  </a:lnTo>
                  <a:lnTo>
                    <a:pt x="2551" y="1"/>
                  </a:lnTo>
                  <a:lnTo>
                    <a:pt x="2551" y="1"/>
                  </a:lnTo>
                  <a:lnTo>
                    <a:pt x="2552" y="1"/>
                  </a:lnTo>
                  <a:lnTo>
                    <a:pt x="2552" y="1"/>
                  </a:lnTo>
                  <a:lnTo>
                    <a:pt x="2553" y="1"/>
                  </a:lnTo>
                  <a:lnTo>
                    <a:pt x="2553" y="1"/>
                  </a:lnTo>
                  <a:lnTo>
                    <a:pt x="2555" y="1"/>
                  </a:lnTo>
                  <a:lnTo>
                    <a:pt x="2555" y="1"/>
                  </a:lnTo>
                  <a:lnTo>
                    <a:pt x="2556" y="1"/>
                  </a:lnTo>
                  <a:lnTo>
                    <a:pt x="2556" y="1"/>
                  </a:lnTo>
                  <a:lnTo>
                    <a:pt x="2557" y="1"/>
                  </a:lnTo>
                  <a:lnTo>
                    <a:pt x="2557" y="1"/>
                  </a:lnTo>
                  <a:lnTo>
                    <a:pt x="2558" y="1"/>
                  </a:lnTo>
                  <a:lnTo>
                    <a:pt x="2558" y="1"/>
                  </a:lnTo>
                  <a:lnTo>
                    <a:pt x="2559" y="1"/>
                  </a:lnTo>
                  <a:lnTo>
                    <a:pt x="2559" y="1"/>
                  </a:lnTo>
                  <a:lnTo>
                    <a:pt x="2560" y="1"/>
                  </a:lnTo>
                  <a:lnTo>
                    <a:pt x="2560" y="1"/>
                  </a:lnTo>
                  <a:lnTo>
                    <a:pt x="2561" y="1"/>
                  </a:lnTo>
                  <a:lnTo>
                    <a:pt x="2561" y="1"/>
                  </a:lnTo>
                  <a:lnTo>
                    <a:pt x="2562" y="1"/>
                  </a:lnTo>
                  <a:lnTo>
                    <a:pt x="2562" y="1"/>
                  </a:lnTo>
                  <a:lnTo>
                    <a:pt x="2564" y="1"/>
                  </a:lnTo>
                  <a:lnTo>
                    <a:pt x="2564" y="1"/>
                  </a:lnTo>
                  <a:lnTo>
                    <a:pt x="2565" y="1"/>
                  </a:lnTo>
                  <a:lnTo>
                    <a:pt x="2565" y="1"/>
                  </a:lnTo>
                  <a:lnTo>
                    <a:pt x="2566" y="1"/>
                  </a:lnTo>
                  <a:lnTo>
                    <a:pt x="2566" y="1"/>
                  </a:lnTo>
                  <a:lnTo>
                    <a:pt x="2566" y="1"/>
                  </a:lnTo>
                  <a:lnTo>
                    <a:pt x="2566" y="1"/>
                  </a:lnTo>
                  <a:lnTo>
                    <a:pt x="2567" y="1"/>
                  </a:lnTo>
                  <a:lnTo>
                    <a:pt x="2567" y="1"/>
                  </a:lnTo>
                  <a:lnTo>
                    <a:pt x="2568" y="1"/>
                  </a:lnTo>
                  <a:lnTo>
                    <a:pt x="2568" y="1"/>
                  </a:lnTo>
                  <a:lnTo>
                    <a:pt x="2569" y="1"/>
                  </a:lnTo>
                  <a:lnTo>
                    <a:pt x="2569" y="1"/>
                  </a:lnTo>
                  <a:lnTo>
                    <a:pt x="2571" y="1"/>
                  </a:lnTo>
                  <a:lnTo>
                    <a:pt x="2571" y="1"/>
                  </a:lnTo>
                  <a:lnTo>
                    <a:pt x="2571" y="1"/>
                  </a:lnTo>
                  <a:lnTo>
                    <a:pt x="2571" y="1"/>
                  </a:lnTo>
                  <a:lnTo>
                    <a:pt x="2573" y="1"/>
                  </a:lnTo>
                  <a:lnTo>
                    <a:pt x="2573" y="1"/>
                  </a:lnTo>
                  <a:lnTo>
                    <a:pt x="2575" y="1"/>
                  </a:lnTo>
                  <a:lnTo>
                    <a:pt x="2575" y="1"/>
                  </a:lnTo>
                  <a:lnTo>
                    <a:pt x="2576" y="1"/>
                  </a:lnTo>
                  <a:lnTo>
                    <a:pt x="2576" y="1"/>
                  </a:lnTo>
                  <a:lnTo>
                    <a:pt x="2577" y="0"/>
                  </a:lnTo>
                  <a:lnTo>
                    <a:pt x="2577" y="0"/>
                  </a:lnTo>
                  <a:lnTo>
                    <a:pt x="2578" y="0"/>
                  </a:lnTo>
                  <a:lnTo>
                    <a:pt x="2578" y="0"/>
                  </a:lnTo>
                  <a:lnTo>
                    <a:pt x="2578" y="0"/>
                  </a:lnTo>
                  <a:lnTo>
                    <a:pt x="2578" y="0"/>
                  </a:lnTo>
                  <a:lnTo>
                    <a:pt x="2579" y="0"/>
                  </a:lnTo>
                  <a:lnTo>
                    <a:pt x="2579" y="0"/>
                  </a:lnTo>
                  <a:lnTo>
                    <a:pt x="2580" y="0"/>
                  </a:lnTo>
                  <a:lnTo>
                    <a:pt x="2580" y="0"/>
                  </a:lnTo>
                  <a:lnTo>
                    <a:pt x="2582" y="0"/>
                  </a:lnTo>
                  <a:lnTo>
                    <a:pt x="2582" y="0"/>
                  </a:lnTo>
                  <a:lnTo>
                    <a:pt x="2583" y="0"/>
                  </a:lnTo>
                  <a:lnTo>
                    <a:pt x="2583" y="0"/>
                  </a:lnTo>
                  <a:lnTo>
                    <a:pt x="2584" y="0"/>
                  </a:lnTo>
                  <a:lnTo>
                    <a:pt x="2584" y="0"/>
                  </a:lnTo>
                  <a:lnTo>
                    <a:pt x="2585" y="0"/>
                  </a:lnTo>
                  <a:lnTo>
                    <a:pt x="2585" y="0"/>
                  </a:lnTo>
                  <a:lnTo>
                    <a:pt x="2586" y="0"/>
                  </a:lnTo>
                  <a:lnTo>
                    <a:pt x="2586" y="0"/>
                  </a:lnTo>
                  <a:lnTo>
                    <a:pt x="2587" y="0"/>
                  </a:lnTo>
                  <a:lnTo>
                    <a:pt x="2587" y="0"/>
                  </a:lnTo>
                  <a:lnTo>
                    <a:pt x="2588" y="0"/>
                  </a:lnTo>
                  <a:lnTo>
                    <a:pt x="2588" y="0"/>
                  </a:lnTo>
                  <a:lnTo>
                    <a:pt x="2589" y="0"/>
                  </a:lnTo>
                  <a:lnTo>
                    <a:pt x="2589" y="0"/>
                  </a:lnTo>
                  <a:lnTo>
                    <a:pt x="2590" y="0"/>
                  </a:lnTo>
                  <a:lnTo>
                    <a:pt x="2590" y="0"/>
                  </a:lnTo>
                  <a:lnTo>
                    <a:pt x="2592" y="0"/>
                  </a:lnTo>
                  <a:lnTo>
                    <a:pt x="2592" y="0"/>
                  </a:lnTo>
                  <a:lnTo>
                    <a:pt x="2593" y="0"/>
                  </a:lnTo>
                  <a:lnTo>
                    <a:pt x="2593" y="0"/>
                  </a:lnTo>
                  <a:lnTo>
                    <a:pt x="2594" y="0"/>
                  </a:lnTo>
                  <a:lnTo>
                    <a:pt x="2594" y="0"/>
                  </a:lnTo>
                  <a:lnTo>
                    <a:pt x="2594" y="0"/>
                  </a:lnTo>
                  <a:lnTo>
                    <a:pt x="2594" y="0"/>
                  </a:lnTo>
                  <a:lnTo>
                    <a:pt x="2595" y="0"/>
                  </a:lnTo>
                  <a:lnTo>
                    <a:pt x="2595" y="0"/>
                  </a:lnTo>
                  <a:lnTo>
                    <a:pt x="2596" y="0"/>
                  </a:lnTo>
                  <a:lnTo>
                    <a:pt x="2596" y="0"/>
                  </a:lnTo>
                  <a:lnTo>
                    <a:pt x="2597" y="0"/>
                  </a:lnTo>
                  <a:lnTo>
                    <a:pt x="2597" y="0"/>
                  </a:lnTo>
                  <a:lnTo>
                    <a:pt x="2598" y="0"/>
                  </a:lnTo>
                  <a:lnTo>
                    <a:pt x="2598" y="0"/>
                  </a:lnTo>
                  <a:lnTo>
                    <a:pt x="2599" y="0"/>
                  </a:lnTo>
                  <a:lnTo>
                    <a:pt x="2599" y="0"/>
                  </a:lnTo>
                  <a:lnTo>
                    <a:pt x="2601" y="0"/>
                  </a:lnTo>
                  <a:lnTo>
                    <a:pt x="2601" y="0"/>
                  </a:lnTo>
                  <a:lnTo>
                    <a:pt x="2602" y="0"/>
                  </a:lnTo>
                  <a:lnTo>
                    <a:pt x="2602" y="0"/>
                  </a:lnTo>
                  <a:lnTo>
                    <a:pt x="2603" y="0"/>
                  </a:lnTo>
                  <a:lnTo>
                    <a:pt x="2603" y="0"/>
                  </a:lnTo>
                  <a:lnTo>
                    <a:pt x="2604" y="0"/>
                  </a:lnTo>
                  <a:lnTo>
                    <a:pt x="2604" y="0"/>
                  </a:lnTo>
                  <a:lnTo>
                    <a:pt x="2605" y="0"/>
                  </a:lnTo>
                  <a:lnTo>
                    <a:pt x="2605" y="0"/>
                  </a:lnTo>
                  <a:lnTo>
                    <a:pt x="2606" y="0"/>
                  </a:lnTo>
                  <a:lnTo>
                    <a:pt x="2606" y="0"/>
                  </a:lnTo>
                  <a:lnTo>
                    <a:pt x="2607" y="0"/>
                  </a:lnTo>
                  <a:lnTo>
                    <a:pt x="2607" y="0"/>
                  </a:lnTo>
                  <a:lnTo>
                    <a:pt x="2608" y="0"/>
                  </a:lnTo>
                  <a:lnTo>
                    <a:pt x="2608" y="0"/>
                  </a:lnTo>
                  <a:lnTo>
                    <a:pt x="2608" y="0"/>
                  </a:lnTo>
                  <a:lnTo>
                    <a:pt x="2608" y="0"/>
                  </a:lnTo>
                  <a:lnTo>
                    <a:pt x="2610" y="0"/>
                  </a:lnTo>
                  <a:lnTo>
                    <a:pt x="2610" y="0"/>
                  </a:lnTo>
                  <a:lnTo>
                    <a:pt x="2611" y="0"/>
                  </a:lnTo>
                  <a:lnTo>
                    <a:pt x="2611" y="0"/>
                  </a:lnTo>
                  <a:lnTo>
                    <a:pt x="2612" y="0"/>
                  </a:lnTo>
                  <a:lnTo>
                    <a:pt x="2612" y="0"/>
                  </a:lnTo>
                  <a:lnTo>
                    <a:pt x="2613" y="0"/>
                  </a:lnTo>
                  <a:lnTo>
                    <a:pt x="2613" y="0"/>
                  </a:lnTo>
                  <a:lnTo>
                    <a:pt x="2614" y="0"/>
                  </a:lnTo>
                  <a:lnTo>
                    <a:pt x="2614" y="0"/>
                  </a:lnTo>
                  <a:lnTo>
                    <a:pt x="2615" y="0"/>
                  </a:lnTo>
                  <a:lnTo>
                    <a:pt x="2615" y="0"/>
                  </a:lnTo>
                  <a:lnTo>
                    <a:pt x="2616" y="0"/>
                  </a:lnTo>
                  <a:lnTo>
                    <a:pt x="2616" y="0"/>
                  </a:lnTo>
                  <a:lnTo>
                    <a:pt x="2617" y="0"/>
                  </a:lnTo>
                  <a:lnTo>
                    <a:pt x="2617" y="0"/>
                  </a:lnTo>
                  <a:lnTo>
                    <a:pt x="2619" y="0"/>
                  </a:lnTo>
                  <a:lnTo>
                    <a:pt x="2619" y="0"/>
                  </a:lnTo>
                  <a:lnTo>
                    <a:pt x="2620" y="0"/>
                  </a:lnTo>
                  <a:lnTo>
                    <a:pt x="2620" y="0"/>
                  </a:lnTo>
                  <a:lnTo>
                    <a:pt x="2621" y="0"/>
                  </a:lnTo>
                  <a:lnTo>
                    <a:pt x="2621" y="0"/>
                  </a:lnTo>
                  <a:lnTo>
                    <a:pt x="2622" y="0"/>
                  </a:lnTo>
                  <a:lnTo>
                    <a:pt x="2622" y="0"/>
                  </a:lnTo>
                  <a:lnTo>
                    <a:pt x="2623" y="0"/>
                  </a:lnTo>
                  <a:lnTo>
                    <a:pt x="2623" y="0"/>
                  </a:lnTo>
                  <a:lnTo>
                    <a:pt x="2624" y="0"/>
                  </a:lnTo>
                  <a:lnTo>
                    <a:pt x="2624" y="0"/>
                  </a:lnTo>
                  <a:lnTo>
                    <a:pt x="2624" y="0"/>
                  </a:lnTo>
                  <a:lnTo>
                    <a:pt x="2624" y="0"/>
                  </a:lnTo>
                  <a:lnTo>
                    <a:pt x="2626" y="0"/>
                  </a:lnTo>
                  <a:lnTo>
                    <a:pt x="2626" y="0"/>
                  </a:lnTo>
                  <a:lnTo>
                    <a:pt x="2626" y="0"/>
                  </a:lnTo>
                  <a:lnTo>
                    <a:pt x="2626" y="0"/>
                  </a:lnTo>
                  <a:lnTo>
                    <a:pt x="2629" y="0"/>
                  </a:lnTo>
                  <a:lnTo>
                    <a:pt x="2629" y="0"/>
                  </a:lnTo>
                  <a:lnTo>
                    <a:pt x="2629" y="0"/>
                  </a:lnTo>
                  <a:lnTo>
                    <a:pt x="2629" y="0"/>
                  </a:lnTo>
                  <a:lnTo>
                    <a:pt x="2631"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3" name="Freeform 293">
              <a:extLst>
                <a:ext uri="{FF2B5EF4-FFF2-40B4-BE49-F238E27FC236}">
                  <a16:creationId xmlns:a16="http://schemas.microsoft.com/office/drawing/2014/main" xmlns="" id="{2BBF2C65-FB22-8942-92E6-117BF56E886C}"/>
                </a:ext>
              </a:extLst>
            </p:cNvPr>
            <p:cNvSpPr>
              <a:spLocks/>
            </p:cNvSpPr>
            <p:nvPr/>
          </p:nvSpPr>
          <p:spPr bwMode="auto">
            <a:xfrm flipH="1">
              <a:off x="9078145" y="2810383"/>
              <a:ext cx="189007" cy="1939485"/>
            </a:xfrm>
            <a:custGeom>
              <a:avLst/>
              <a:gdLst>
                <a:gd name="T0" fmla="*/ 214 w 214"/>
                <a:gd name="T1" fmla="*/ 2 h 2132"/>
                <a:gd name="T2" fmla="*/ 0 w 214"/>
                <a:gd name="T3" fmla="*/ 0 h 2132"/>
                <a:gd name="T4" fmla="*/ 84 w 214"/>
                <a:gd name="T5" fmla="*/ 2132 h 2132"/>
                <a:gd name="T6" fmla="*/ 132 w 214"/>
                <a:gd name="T7" fmla="*/ 2132 h 2132"/>
                <a:gd name="T8" fmla="*/ 214 w 214"/>
                <a:gd name="T9" fmla="*/ 2 h 2132"/>
              </a:gdLst>
              <a:ahLst/>
              <a:cxnLst>
                <a:cxn ang="0">
                  <a:pos x="T0" y="T1"/>
                </a:cxn>
                <a:cxn ang="0">
                  <a:pos x="T2" y="T3"/>
                </a:cxn>
                <a:cxn ang="0">
                  <a:pos x="T4" y="T5"/>
                </a:cxn>
                <a:cxn ang="0">
                  <a:pos x="T6" y="T7"/>
                </a:cxn>
                <a:cxn ang="0">
                  <a:pos x="T8" y="T9"/>
                </a:cxn>
              </a:cxnLst>
              <a:rect l="0" t="0" r="r" b="b"/>
              <a:pathLst>
                <a:path w="214" h="2132">
                  <a:moveTo>
                    <a:pt x="214" y="2"/>
                  </a:moveTo>
                  <a:lnTo>
                    <a:pt x="0" y="0"/>
                  </a:lnTo>
                  <a:lnTo>
                    <a:pt x="84" y="2132"/>
                  </a:lnTo>
                  <a:lnTo>
                    <a:pt x="132" y="2132"/>
                  </a:lnTo>
                  <a:lnTo>
                    <a:pt x="214" y="2"/>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4" name="Freeform 294">
              <a:extLst>
                <a:ext uri="{FF2B5EF4-FFF2-40B4-BE49-F238E27FC236}">
                  <a16:creationId xmlns:a16="http://schemas.microsoft.com/office/drawing/2014/main" xmlns="" id="{6E7A20F2-B8C1-3048-937B-F737693B7D4D}"/>
                </a:ext>
              </a:extLst>
            </p:cNvPr>
            <p:cNvSpPr>
              <a:spLocks/>
            </p:cNvSpPr>
            <p:nvPr/>
          </p:nvSpPr>
          <p:spPr bwMode="auto">
            <a:xfrm flipH="1">
              <a:off x="8658130" y="2727443"/>
              <a:ext cx="2278582" cy="829385"/>
            </a:xfrm>
            <a:custGeom>
              <a:avLst/>
              <a:gdLst>
                <a:gd name="T0" fmla="*/ 2556 w 2609"/>
                <a:gd name="T1" fmla="*/ 913 h 913"/>
                <a:gd name="T2" fmla="*/ 2609 w 2609"/>
                <a:gd name="T3" fmla="*/ 764 h 913"/>
                <a:gd name="T4" fmla="*/ 11 w 2609"/>
                <a:gd name="T5" fmla="*/ 0 h 913"/>
                <a:gd name="T6" fmla="*/ 0 w 2609"/>
                <a:gd name="T7" fmla="*/ 32 h 913"/>
                <a:gd name="T8" fmla="*/ 2556 w 2609"/>
                <a:gd name="T9" fmla="*/ 913 h 913"/>
              </a:gdLst>
              <a:ahLst/>
              <a:cxnLst>
                <a:cxn ang="0">
                  <a:pos x="T0" y="T1"/>
                </a:cxn>
                <a:cxn ang="0">
                  <a:pos x="T2" y="T3"/>
                </a:cxn>
                <a:cxn ang="0">
                  <a:pos x="T4" y="T5"/>
                </a:cxn>
                <a:cxn ang="0">
                  <a:pos x="T6" y="T7"/>
                </a:cxn>
                <a:cxn ang="0">
                  <a:pos x="T8" y="T9"/>
                </a:cxn>
              </a:cxnLst>
              <a:rect l="0" t="0" r="r" b="b"/>
              <a:pathLst>
                <a:path w="2609" h="913">
                  <a:moveTo>
                    <a:pt x="2556" y="913"/>
                  </a:moveTo>
                  <a:lnTo>
                    <a:pt x="2609" y="764"/>
                  </a:lnTo>
                  <a:lnTo>
                    <a:pt x="11" y="0"/>
                  </a:lnTo>
                  <a:lnTo>
                    <a:pt x="0" y="32"/>
                  </a:lnTo>
                  <a:lnTo>
                    <a:pt x="2556" y="913"/>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5" name="Freeform 295">
              <a:extLst>
                <a:ext uri="{FF2B5EF4-FFF2-40B4-BE49-F238E27FC236}">
                  <a16:creationId xmlns:a16="http://schemas.microsoft.com/office/drawing/2014/main" xmlns="" id="{278DF76D-D4B4-BD47-97BD-3427B0FCB779}"/>
                </a:ext>
              </a:extLst>
            </p:cNvPr>
            <p:cNvSpPr>
              <a:spLocks/>
            </p:cNvSpPr>
            <p:nvPr/>
          </p:nvSpPr>
          <p:spPr bwMode="auto">
            <a:xfrm flipH="1">
              <a:off x="7886352" y="1987376"/>
              <a:ext cx="1585557" cy="1677909"/>
            </a:xfrm>
            <a:custGeom>
              <a:avLst/>
              <a:gdLst>
                <a:gd name="T0" fmla="*/ 51 w 1813"/>
                <a:gd name="T1" fmla="*/ 1843 h 1843"/>
                <a:gd name="T2" fmla="*/ 1813 w 1813"/>
                <a:gd name="T3" fmla="*/ 0 h 1843"/>
                <a:gd name="T4" fmla="*/ 0 w 1813"/>
                <a:gd name="T5" fmla="*/ 1797 h 1843"/>
                <a:gd name="T6" fmla="*/ 51 w 1813"/>
                <a:gd name="T7" fmla="*/ 1843 h 1843"/>
              </a:gdLst>
              <a:ahLst/>
              <a:cxnLst>
                <a:cxn ang="0">
                  <a:pos x="T0" y="T1"/>
                </a:cxn>
                <a:cxn ang="0">
                  <a:pos x="T2" y="T3"/>
                </a:cxn>
                <a:cxn ang="0">
                  <a:pos x="T4" y="T5"/>
                </a:cxn>
                <a:cxn ang="0">
                  <a:pos x="T6" y="T7"/>
                </a:cxn>
              </a:cxnLst>
              <a:rect l="0" t="0" r="r" b="b"/>
              <a:pathLst>
                <a:path w="1813" h="1843">
                  <a:moveTo>
                    <a:pt x="51" y="1843"/>
                  </a:moveTo>
                  <a:lnTo>
                    <a:pt x="1813" y="0"/>
                  </a:lnTo>
                  <a:lnTo>
                    <a:pt x="0" y="1797"/>
                  </a:lnTo>
                  <a:lnTo>
                    <a:pt x="51" y="1843"/>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6" name="Freeform 296">
              <a:extLst>
                <a:ext uri="{FF2B5EF4-FFF2-40B4-BE49-F238E27FC236}">
                  <a16:creationId xmlns:a16="http://schemas.microsoft.com/office/drawing/2014/main" xmlns="" id="{830AC20D-099E-D941-930C-41DB20ABD163}"/>
                </a:ext>
              </a:extLst>
            </p:cNvPr>
            <p:cNvSpPr>
              <a:spLocks/>
            </p:cNvSpPr>
            <p:nvPr/>
          </p:nvSpPr>
          <p:spPr bwMode="auto">
            <a:xfrm flipH="1">
              <a:off x="8983641" y="3116615"/>
              <a:ext cx="378014" cy="376412"/>
            </a:xfrm>
            <a:custGeom>
              <a:avLst/>
              <a:gdLst>
                <a:gd name="T0" fmla="*/ 0 w 432"/>
                <a:gd name="T1" fmla="*/ 208 h 416"/>
                <a:gd name="T2" fmla="*/ 5 w 432"/>
                <a:gd name="T3" fmla="*/ 249 h 416"/>
                <a:gd name="T4" fmla="*/ 17 w 432"/>
                <a:gd name="T5" fmla="*/ 289 h 416"/>
                <a:gd name="T6" fmla="*/ 37 w 432"/>
                <a:gd name="T7" fmla="*/ 324 h 416"/>
                <a:gd name="T8" fmla="*/ 63 w 432"/>
                <a:gd name="T9" fmla="*/ 355 h 416"/>
                <a:gd name="T10" fmla="*/ 96 w 432"/>
                <a:gd name="T11" fmla="*/ 380 h 416"/>
                <a:gd name="T12" fmla="*/ 131 w 432"/>
                <a:gd name="T13" fmla="*/ 399 h 416"/>
                <a:gd name="T14" fmla="*/ 173 w 432"/>
                <a:gd name="T15" fmla="*/ 411 h 416"/>
                <a:gd name="T16" fmla="*/ 216 w 432"/>
                <a:gd name="T17" fmla="*/ 416 h 416"/>
                <a:gd name="T18" fmla="*/ 238 w 432"/>
                <a:gd name="T19" fmla="*/ 414 h 416"/>
                <a:gd name="T20" fmla="*/ 279 w 432"/>
                <a:gd name="T21" fmla="*/ 406 h 416"/>
                <a:gd name="T22" fmla="*/ 319 w 432"/>
                <a:gd name="T23" fmla="*/ 391 h 416"/>
                <a:gd name="T24" fmla="*/ 354 w 432"/>
                <a:gd name="T25" fmla="*/ 368 h 416"/>
                <a:gd name="T26" fmla="*/ 383 w 432"/>
                <a:gd name="T27" fmla="*/ 340 h 416"/>
                <a:gd name="T28" fmla="*/ 405 w 432"/>
                <a:gd name="T29" fmla="*/ 306 h 416"/>
                <a:gd name="T30" fmla="*/ 422 w 432"/>
                <a:gd name="T31" fmla="*/ 270 h 416"/>
                <a:gd name="T32" fmla="*/ 431 w 432"/>
                <a:gd name="T33" fmla="*/ 229 h 416"/>
                <a:gd name="T34" fmla="*/ 432 w 432"/>
                <a:gd name="T35" fmla="*/ 208 h 416"/>
                <a:gd name="T36" fmla="*/ 428 w 432"/>
                <a:gd name="T37" fmla="*/ 166 h 416"/>
                <a:gd name="T38" fmla="*/ 414 w 432"/>
                <a:gd name="T39" fmla="*/ 127 h 416"/>
                <a:gd name="T40" fmla="*/ 395 w 432"/>
                <a:gd name="T41" fmla="*/ 92 h 416"/>
                <a:gd name="T42" fmla="*/ 368 w 432"/>
                <a:gd name="T43" fmla="*/ 61 h 416"/>
                <a:gd name="T44" fmla="*/ 337 w 432"/>
                <a:gd name="T45" fmla="*/ 35 h 416"/>
                <a:gd name="T46" fmla="*/ 300 w 432"/>
                <a:gd name="T47" fmla="*/ 17 h 416"/>
                <a:gd name="T48" fmla="*/ 259 w 432"/>
                <a:gd name="T49" fmla="*/ 4 h 416"/>
                <a:gd name="T50" fmla="*/ 216 w 432"/>
                <a:gd name="T51" fmla="*/ 0 h 416"/>
                <a:gd name="T52" fmla="*/ 194 w 432"/>
                <a:gd name="T53" fmla="*/ 1 h 416"/>
                <a:gd name="T54" fmla="*/ 152 w 432"/>
                <a:gd name="T55" fmla="*/ 9 h 416"/>
                <a:gd name="T56" fmla="*/ 113 w 432"/>
                <a:gd name="T57" fmla="*/ 26 h 416"/>
                <a:gd name="T58" fmla="*/ 79 w 432"/>
                <a:gd name="T59" fmla="*/ 47 h 416"/>
                <a:gd name="T60" fmla="*/ 50 w 432"/>
                <a:gd name="T61" fmla="*/ 75 h 416"/>
                <a:gd name="T62" fmla="*/ 26 w 432"/>
                <a:gd name="T63" fmla="*/ 109 h 416"/>
                <a:gd name="T64" fmla="*/ 10 w 432"/>
                <a:gd name="T65" fmla="*/ 147 h 416"/>
                <a:gd name="T66" fmla="*/ 1 w 432"/>
                <a:gd name="T67" fmla="*/ 187 h 416"/>
                <a:gd name="T68" fmla="*/ 0 w 432"/>
                <a:gd name="T69" fmla="*/ 208 h 4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32" h="416">
                  <a:moveTo>
                    <a:pt x="0" y="208"/>
                  </a:moveTo>
                  <a:lnTo>
                    <a:pt x="0" y="208"/>
                  </a:lnTo>
                  <a:lnTo>
                    <a:pt x="1" y="229"/>
                  </a:lnTo>
                  <a:lnTo>
                    <a:pt x="5" y="249"/>
                  </a:lnTo>
                  <a:lnTo>
                    <a:pt x="10" y="270"/>
                  </a:lnTo>
                  <a:lnTo>
                    <a:pt x="17" y="289"/>
                  </a:lnTo>
                  <a:lnTo>
                    <a:pt x="26" y="306"/>
                  </a:lnTo>
                  <a:lnTo>
                    <a:pt x="37" y="324"/>
                  </a:lnTo>
                  <a:lnTo>
                    <a:pt x="50" y="340"/>
                  </a:lnTo>
                  <a:lnTo>
                    <a:pt x="63" y="355"/>
                  </a:lnTo>
                  <a:lnTo>
                    <a:pt x="79" y="368"/>
                  </a:lnTo>
                  <a:lnTo>
                    <a:pt x="96" y="380"/>
                  </a:lnTo>
                  <a:lnTo>
                    <a:pt x="113" y="391"/>
                  </a:lnTo>
                  <a:lnTo>
                    <a:pt x="131" y="399"/>
                  </a:lnTo>
                  <a:lnTo>
                    <a:pt x="152" y="406"/>
                  </a:lnTo>
                  <a:lnTo>
                    <a:pt x="173" y="411"/>
                  </a:lnTo>
                  <a:lnTo>
                    <a:pt x="194" y="414"/>
                  </a:lnTo>
                  <a:lnTo>
                    <a:pt x="216" y="416"/>
                  </a:lnTo>
                  <a:lnTo>
                    <a:pt x="216" y="416"/>
                  </a:lnTo>
                  <a:lnTo>
                    <a:pt x="238" y="414"/>
                  </a:lnTo>
                  <a:lnTo>
                    <a:pt x="259" y="411"/>
                  </a:lnTo>
                  <a:lnTo>
                    <a:pt x="279" y="406"/>
                  </a:lnTo>
                  <a:lnTo>
                    <a:pt x="300" y="399"/>
                  </a:lnTo>
                  <a:lnTo>
                    <a:pt x="319" y="391"/>
                  </a:lnTo>
                  <a:lnTo>
                    <a:pt x="337" y="380"/>
                  </a:lnTo>
                  <a:lnTo>
                    <a:pt x="354" y="368"/>
                  </a:lnTo>
                  <a:lnTo>
                    <a:pt x="368" y="355"/>
                  </a:lnTo>
                  <a:lnTo>
                    <a:pt x="383" y="340"/>
                  </a:lnTo>
                  <a:lnTo>
                    <a:pt x="395" y="324"/>
                  </a:lnTo>
                  <a:lnTo>
                    <a:pt x="405" y="306"/>
                  </a:lnTo>
                  <a:lnTo>
                    <a:pt x="414" y="289"/>
                  </a:lnTo>
                  <a:lnTo>
                    <a:pt x="422" y="270"/>
                  </a:lnTo>
                  <a:lnTo>
                    <a:pt x="428" y="249"/>
                  </a:lnTo>
                  <a:lnTo>
                    <a:pt x="431" y="229"/>
                  </a:lnTo>
                  <a:lnTo>
                    <a:pt x="432" y="208"/>
                  </a:lnTo>
                  <a:lnTo>
                    <a:pt x="432" y="208"/>
                  </a:lnTo>
                  <a:lnTo>
                    <a:pt x="431" y="187"/>
                  </a:lnTo>
                  <a:lnTo>
                    <a:pt x="428" y="166"/>
                  </a:lnTo>
                  <a:lnTo>
                    <a:pt x="422" y="147"/>
                  </a:lnTo>
                  <a:lnTo>
                    <a:pt x="414" y="127"/>
                  </a:lnTo>
                  <a:lnTo>
                    <a:pt x="405" y="109"/>
                  </a:lnTo>
                  <a:lnTo>
                    <a:pt x="395" y="92"/>
                  </a:lnTo>
                  <a:lnTo>
                    <a:pt x="383" y="75"/>
                  </a:lnTo>
                  <a:lnTo>
                    <a:pt x="368" y="61"/>
                  </a:lnTo>
                  <a:lnTo>
                    <a:pt x="354" y="47"/>
                  </a:lnTo>
                  <a:lnTo>
                    <a:pt x="337" y="35"/>
                  </a:lnTo>
                  <a:lnTo>
                    <a:pt x="319" y="26"/>
                  </a:lnTo>
                  <a:lnTo>
                    <a:pt x="300" y="17"/>
                  </a:lnTo>
                  <a:lnTo>
                    <a:pt x="279" y="9"/>
                  </a:lnTo>
                  <a:lnTo>
                    <a:pt x="259" y="4"/>
                  </a:lnTo>
                  <a:lnTo>
                    <a:pt x="238" y="1"/>
                  </a:lnTo>
                  <a:lnTo>
                    <a:pt x="216" y="0"/>
                  </a:lnTo>
                  <a:lnTo>
                    <a:pt x="216" y="0"/>
                  </a:lnTo>
                  <a:lnTo>
                    <a:pt x="194" y="1"/>
                  </a:lnTo>
                  <a:lnTo>
                    <a:pt x="173" y="4"/>
                  </a:lnTo>
                  <a:lnTo>
                    <a:pt x="152" y="9"/>
                  </a:lnTo>
                  <a:lnTo>
                    <a:pt x="131" y="17"/>
                  </a:lnTo>
                  <a:lnTo>
                    <a:pt x="113" y="26"/>
                  </a:lnTo>
                  <a:lnTo>
                    <a:pt x="96" y="35"/>
                  </a:lnTo>
                  <a:lnTo>
                    <a:pt x="79" y="47"/>
                  </a:lnTo>
                  <a:lnTo>
                    <a:pt x="63" y="61"/>
                  </a:lnTo>
                  <a:lnTo>
                    <a:pt x="50" y="75"/>
                  </a:lnTo>
                  <a:lnTo>
                    <a:pt x="37" y="92"/>
                  </a:lnTo>
                  <a:lnTo>
                    <a:pt x="26" y="109"/>
                  </a:lnTo>
                  <a:lnTo>
                    <a:pt x="17" y="127"/>
                  </a:lnTo>
                  <a:lnTo>
                    <a:pt x="10" y="147"/>
                  </a:lnTo>
                  <a:lnTo>
                    <a:pt x="5" y="166"/>
                  </a:lnTo>
                  <a:lnTo>
                    <a:pt x="1" y="187"/>
                  </a:lnTo>
                  <a:lnTo>
                    <a:pt x="0" y="208"/>
                  </a:lnTo>
                  <a:lnTo>
                    <a:pt x="0" y="208"/>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7" name="Freeform 297">
              <a:extLst>
                <a:ext uri="{FF2B5EF4-FFF2-40B4-BE49-F238E27FC236}">
                  <a16:creationId xmlns:a16="http://schemas.microsoft.com/office/drawing/2014/main" xmlns="" id="{AF15C2C2-C9E5-1842-A13C-38F39FD62D40}"/>
                </a:ext>
              </a:extLst>
            </p:cNvPr>
            <p:cNvSpPr>
              <a:spLocks/>
            </p:cNvSpPr>
            <p:nvPr/>
          </p:nvSpPr>
          <p:spPr bwMode="auto">
            <a:xfrm flipH="1">
              <a:off x="9030893" y="3161274"/>
              <a:ext cx="283510" cy="287093"/>
            </a:xfrm>
            <a:custGeom>
              <a:avLst/>
              <a:gdLst>
                <a:gd name="T0" fmla="*/ 163 w 326"/>
                <a:gd name="T1" fmla="*/ 314 h 314"/>
                <a:gd name="T2" fmla="*/ 196 w 326"/>
                <a:gd name="T3" fmla="*/ 311 h 314"/>
                <a:gd name="T4" fmla="*/ 226 w 326"/>
                <a:gd name="T5" fmla="*/ 302 h 314"/>
                <a:gd name="T6" fmla="*/ 255 w 326"/>
                <a:gd name="T7" fmla="*/ 287 h 314"/>
                <a:gd name="T8" fmla="*/ 278 w 326"/>
                <a:gd name="T9" fmla="*/ 268 h 314"/>
                <a:gd name="T10" fmla="*/ 298 w 326"/>
                <a:gd name="T11" fmla="*/ 245 h 314"/>
                <a:gd name="T12" fmla="*/ 313 w 326"/>
                <a:gd name="T13" fmla="*/ 218 h 314"/>
                <a:gd name="T14" fmla="*/ 323 w 326"/>
                <a:gd name="T15" fmla="*/ 189 h 314"/>
                <a:gd name="T16" fmla="*/ 326 w 326"/>
                <a:gd name="T17" fmla="*/ 157 h 314"/>
                <a:gd name="T18" fmla="*/ 325 w 326"/>
                <a:gd name="T19" fmla="*/ 141 h 314"/>
                <a:gd name="T20" fmla="*/ 318 w 326"/>
                <a:gd name="T21" fmla="*/ 111 h 314"/>
                <a:gd name="T22" fmla="*/ 306 w 326"/>
                <a:gd name="T23" fmla="*/ 82 h 314"/>
                <a:gd name="T24" fmla="*/ 288 w 326"/>
                <a:gd name="T25" fmla="*/ 57 h 314"/>
                <a:gd name="T26" fmla="*/ 267 w 326"/>
                <a:gd name="T27" fmla="*/ 36 h 314"/>
                <a:gd name="T28" fmla="*/ 241 w 326"/>
                <a:gd name="T29" fmla="*/ 19 h 314"/>
                <a:gd name="T30" fmla="*/ 211 w 326"/>
                <a:gd name="T31" fmla="*/ 7 h 314"/>
                <a:gd name="T32" fmla="*/ 179 w 326"/>
                <a:gd name="T33" fmla="*/ 1 h 314"/>
                <a:gd name="T34" fmla="*/ 163 w 326"/>
                <a:gd name="T35" fmla="*/ 0 h 314"/>
                <a:gd name="T36" fmla="*/ 130 w 326"/>
                <a:gd name="T37" fmla="*/ 3 h 314"/>
                <a:gd name="T38" fmla="*/ 100 w 326"/>
                <a:gd name="T39" fmla="*/ 12 h 314"/>
                <a:gd name="T40" fmla="*/ 72 w 326"/>
                <a:gd name="T41" fmla="*/ 27 h 314"/>
                <a:gd name="T42" fmla="*/ 47 w 326"/>
                <a:gd name="T43" fmla="*/ 46 h 314"/>
                <a:gd name="T44" fmla="*/ 28 w 326"/>
                <a:gd name="T45" fmla="*/ 69 h 314"/>
                <a:gd name="T46" fmla="*/ 12 w 326"/>
                <a:gd name="T47" fmla="*/ 96 h 314"/>
                <a:gd name="T48" fmla="*/ 3 w 326"/>
                <a:gd name="T49" fmla="*/ 125 h 314"/>
                <a:gd name="T50" fmla="*/ 0 w 326"/>
                <a:gd name="T51" fmla="*/ 157 h 314"/>
                <a:gd name="T52" fmla="*/ 1 w 326"/>
                <a:gd name="T53" fmla="*/ 173 h 314"/>
                <a:gd name="T54" fmla="*/ 7 w 326"/>
                <a:gd name="T55" fmla="*/ 204 h 314"/>
                <a:gd name="T56" fmla="*/ 19 w 326"/>
                <a:gd name="T57" fmla="*/ 232 h 314"/>
                <a:gd name="T58" fmla="*/ 37 w 326"/>
                <a:gd name="T59" fmla="*/ 257 h 314"/>
                <a:gd name="T60" fmla="*/ 59 w 326"/>
                <a:gd name="T61" fmla="*/ 278 h 314"/>
                <a:gd name="T62" fmla="*/ 85 w 326"/>
                <a:gd name="T63" fmla="*/ 295 h 314"/>
                <a:gd name="T64" fmla="*/ 114 w 326"/>
                <a:gd name="T65" fmla="*/ 307 h 314"/>
                <a:gd name="T66" fmla="*/ 146 w 326"/>
                <a:gd name="T67" fmla="*/ 313 h 314"/>
                <a:gd name="T68" fmla="*/ 163 w 326"/>
                <a:gd name="T69" fmla="*/ 314 h 3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6" h="314">
                  <a:moveTo>
                    <a:pt x="163" y="314"/>
                  </a:moveTo>
                  <a:lnTo>
                    <a:pt x="163" y="314"/>
                  </a:lnTo>
                  <a:lnTo>
                    <a:pt x="179" y="313"/>
                  </a:lnTo>
                  <a:lnTo>
                    <a:pt x="196" y="311"/>
                  </a:lnTo>
                  <a:lnTo>
                    <a:pt x="211" y="307"/>
                  </a:lnTo>
                  <a:lnTo>
                    <a:pt x="226" y="302"/>
                  </a:lnTo>
                  <a:lnTo>
                    <a:pt x="241" y="295"/>
                  </a:lnTo>
                  <a:lnTo>
                    <a:pt x="255" y="287"/>
                  </a:lnTo>
                  <a:lnTo>
                    <a:pt x="267" y="278"/>
                  </a:lnTo>
                  <a:lnTo>
                    <a:pt x="278" y="268"/>
                  </a:lnTo>
                  <a:lnTo>
                    <a:pt x="288" y="257"/>
                  </a:lnTo>
                  <a:lnTo>
                    <a:pt x="298" y="245"/>
                  </a:lnTo>
                  <a:lnTo>
                    <a:pt x="306" y="232"/>
                  </a:lnTo>
                  <a:lnTo>
                    <a:pt x="313" y="218"/>
                  </a:lnTo>
                  <a:lnTo>
                    <a:pt x="318" y="204"/>
                  </a:lnTo>
                  <a:lnTo>
                    <a:pt x="323" y="189"/>
                  </a:lnTo>
                  <a:lnTo>
                    <a:pt x="325" y="173"/>
                  </a:lnTo>
                  <a:lnTo>
                    <a:pt x="326" y="157"/>
                  </a:lnTo>
                  <a:lnTo>
                    <a:pt x="326" y="157"/>
                  </a:lnTo>
                  <a:lnTo>
                    <a:pt x="325" y="141"/>
                  </a:lnTo>
                  <a:lnTo>
                    <a:pt x="323" y="125"/>
                  </a:lnTo>
                  <a:lnTo>
                    <a:pt x="318" y="111"/>
                  </a:lnTo>
                  <a:lnTo>
                    <a:pt x="313" y="96"/>
                  </a:lnTo>
                  <a:lnTo>
                    <a:pt x="306" y="82"/>
                  </a:lnTo>
                  <a:lnTo>
                    <a:pt x="298" y="69"/>
                  </a:lnTo>
                  <a:lnTo>
                    <a:pt x="288" y="57"/>
                  </a:lnTo>
                  <a:lnTo>
                    <a:pt x="278" y="46"/>
                  </a:lnTo>
                  <a:lnTo>
                    <a:pt x="267" y="36"/>
                  </a:lnTo>
                  <a:lnTo>
                    <a:pt x="255" y="27"/>
                  </a:lnTo>
                  <a:lnTo>
                    <a:pt x="241" y="19"/>
                  </a:lnTo>
                  <a:lnTo>
                    <a:pt x="226" y="12"/>
                  </a:lnTo>
                  <a:lnTo>
                    <a:pt x="211" y="7"/>
                  </a:lnTo>
                  <a:lnTo>
                    <a:pt x="196" y="3"/>
                  </a:lnTo>
                  <a:lnTo>
                    <a:pt x="179" y="1"/>
                  </a:lnTo>
                  <a:lnTo>
                    <a:pt x="163" y="0"/>
                  </a:lnTo>
                  <a:lnTo>
                    <a:pt x="163" y="0"/>
                  </a:lnTo>
                  <a:lnTo>
                    <a:pt x="146" y="1"/>
                  </a:lnTo>
                  <a:lnTo>
                    <a:pt x="130" y="3"/>
                  </a:lnTo>
                  <a:lnTo>
                    <a:pt x="114" y="7"/>
                  </a:lnTo>
                  <a:lnTo>
                    <a:pt x="100" y="12"/>
                  </a:lnTo>
                  <a:lnTo>
                    <a:pt x="85" y="19"/>
                  </a:lnTo>
                  <a:lnTo>
                    <a:pt x="72" y="27"/>
                  </a:lnTo>
                  <a:lnTo>
                    <a:pt x="59" y="36"/>
                  </a:lnTo>
                  <a:lnTo>
                    <a:pt x="47" y="46"/>
                  </a:lnTo>
                  <a:lnTo>
                    <a:pt x="37" y="57"/>
                  </a:lnTo>
                  <a:lnTo>
                    <a:pt x="28" y="69"/>
                  </a:lnTo>
                  <a:lnTo>
                    <a:pt x="19" y="82"/>
                  </a:lnTo>
                  <a:lnTo>
                    <a:pt x="12" y="96"/>
                  </a:lnTo>
                  <a:lnTo>
                    <a:pt x="7" y="111"/>
                  </a:lnTo>
                  <a:lnTo>
                    <a:pt x="3" y="125"/>
                  </a:lnTo>
                  <a:lnTo>
                    <a:pt x="1" y="141"/>
                  </a:lnTo>
                  <a:lnTo>
                    <a:pt x="0" y="157"/>
                  </a:lnTo>
                  <a:lnTo>
                    <a:pt x="0" y="157"/>
                  </a:lnTo>
                  <a:lnTo>
                    <a:pt x="1" y="173"/>
                  </a:lnTo>
                  <a:lnTo>
                    <a:pt x="3" y="189"/>
                  </a:lnTo>
                  <a:lnTo>
                    <a:pt x="7" y="204"/>
                  </a:lnTo>
                  <a:lnTo>
                    <a:pt x="12" y="218"/>
                  </a:lnTo>
                  <a:lnTo>
                    <a:pt x="19" y="232"/>
                  </a:lnTo>
                  <a:lnTo>
                    <a:pt x="28" y="245"/>
                  </a:lnTo>
                  <a:lnTo>
                    <a:pt x="37" y="257"/>
                  </a:lnTo>
                  <a:lnTo>
                    <a:pt x="47" y="268"/>
                  </a:lnTo>
                  <a:lnTo>
                    <a:pt x="59" y="278"/>
                  </a:lnTo>
                  <a:lnTo>
                    <a:pt x="72" y="287"/>
                  </a:lnTo>
                  <a:lnTo>
                    <a:pt x="85" y="295"/>
                  </a:lnTo>
                  <a:lnTo>
                    <a:pt x="100" y="302"/>
                  </a:lnTo>
                  <a:lnTo>
                    <a:pt x="114" y="307"/>
                  </a:lnTo>
                  <a:lnTo>
                    <a:pt x="130" y="311"/>
                  </a:lnTo>
                  <a:lnTo>
                    <a:pt x="146" y="313"/>
                  </a:lnTo>
                  <a:lnTo>
                    <a:pt x="163" y="314"/>
                  </a:lnTo>
                  <a:lnTo>
                    <a:pt x="163" y="314"/>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8" name="Freeform 298">
              <a:extLst>
                <a:ext uri="{FF2B5EF4-FFF2-40B4-BE49-F238E27FC236}">
                  <a16:creationId xmlns:a16="http://schemas.microsoft.com/office/drawing/2014/main" xmlns="" id="{EFFF596A-0333-C540-871D-7B099E92D03D}"/>
                </a:ext>
              </a:extLst>
            </p:cNvPr>
            <p:cNvSpPr>
              <a:spLocks/>
            </p:cNvSpPr>
            <p:nvPr/>
          </p:nvSpPr>
          <p:spPr bwMode="auto">
            <a:xfrm flipH="1">
              <a:off x="9114896" y="3244214"/>
              <a:ext cx="120754" cy="121217"/>
            </a:xfrm>
            <a:custGeom>
              <a:avLst/>
              <a:gdLst>
                <a:gd name="T0" fmla="*/ 70 w 139"/>
                <a:gd name="T1" fmla="*/ 134 h 134"/>
                <a:gd name="T2" fmla="*/ 70 w 139"/>
                <a:gd name="T3" fmla="*/ 134 h 134"/>
                <a:gd name="T4" fmla="*/ 77 w 139"/>
                <a:gd name="T5" fmla="*/ 134 h 134"/>
                <a:gd name="T6" fmla="*/ 84 w 139"/>
                <a:gd name="T7" fmla="*/ 133 h 134"/>
                <a:gd name="T8" fmla="*/ 91 w 139"/>
                <a:gd name="T9" fmla="*/ 131 h 134"/>
                <a:gd name="T10" fmla="*/ 96 w 139"/>
                <a:gd name="T11" fmla="*/ 129 h 134"/>
                <a:gd name="T12" fmla="*/ 109 w 139"/>
                <a:gd name="T13" fmla="*/ 122 h 134"/>
                <a:gd name="T14" fmla="*/ 119 w 139"/>
                <a:gd name="T15" fmla="*/ 115 h 134"/>
                <a:gd name="T16" fmla="*/ 128 w 139"/>
                <a:gd name="T17" fmla="*/ 104 h 134"/>
                <a:gd name="T18" fmla="*/ 135 w 139"/>
                <a:gd name="T19" fmla="*/ 93 h 134"/>
                <a:gd name="T20" fmla="*/ 137 w 139"/>
                <a:gd name="T21" fmla="*/ 87 h 134"/>
                <a:gd name="T22" fmla="*/ 138 w 139"/>
                <a:gd name="T23" fmla="*/ 80 h 134"/>
                <a:gd name="T24" fmla="*/ 139 w 139"/>
                <a:gd name="T25" fmla="*/ 74 h 134"/>
                <a:gd name="T26" fmla="*/ 139 w 139"/>
                <a:gd name="T27" fmla="*/ 67 h 134"/>
                <a:gd name="T28" fmla="*/ 139 w 139"/>
                <a:gd name="T29" fmla="*/ 67 h 134"/>
                <a:gd name="T30" fmla="*/ 139 w 139"/>
                <a:gd name="T31" fmla="*/ 60 h 134"/>
                <a:gd name="T32" fmla="*/ 138 w 139"/>
                <a:gd name="T33" fmla="*/ 53 h 134"/>
                <a:gd name="T34" fmla="*/ 137 w 139"/>
                <a:gd name="T35" fmla="*/ 47 h 134"/>
                <a:gd name="T36" fmla="*/ 135 w 139"/>
                <a:gd name="T37" fmla="*/ 41 h 134"/>
                <a:gd name="T38" fmla="*/ 128 w 139"/>
                <a:gd name="T39" fmla="*/ 29 h 134"/>
                <a:gd name="T40" fmla="*/ 119 w 139"/>
                <a:gd name="T41" fmla="*/ 20 h 134"/>
                <a:gd name="T42" fmla="*/ 109 w 139"/>
                <a:gd name="T43" fmla="*/ 11 h 134"/>
                <a:gd name="T44" fmla="*/ 96 w 139"/>
                <a:gd name="T45" fmla="*/ 5 h 134"/>
                <a:gd name="T46" fmla="*/ 91 w 139"/>
                <a:gd name="T47" fmla="*/ 2 h 134"/>
                <a:gd name="T48" fmla="*/ 84 w 139"/>
                <a:gd name="T49" fmla="*/ 1 h 134"/>
                <a:gd name="T50" fmla="*/ 77 w 139"/>
                <a:gd name="T51" fmla="*/ 0 h 134"/>
                <a:gd name="T52" fmla="*/ 70 w 139"/>
                <a:gd name="T53" fmla="*/ 0 h 134"/>
                <a:gd name="T54" fmla="*/ 70 w 139"/>
                <a:gd name="T55" fmla="*/ 0 h 134"/>
                <a:gd name="T56" fmla="*/ 63 w 139"/>
                <a:gd name="T57" fmla="*/ 0 h 134"/>
                <a:gd name="T58" fmla="*/ 56 w 139"/>
                <a:gd name="T59" fmla="*/ 1 h 134"/>
                <a:gd name="T60" fmla="*/ 49 w 139"/>
                <a:gd name="T61" fmla="*/ 2 h 134"/>
                <a:gd name="T62" fmla="*/ 43 w 139"/>
                <a:gd name="T63" fmla="*/ 5 h 134"/>
                <a:gd name="T64" fmla="*/ 31 w 139"/>
                <a:gd name="T65" fmla="*/ 11 h 134"/>
                <a:gd name="T66" fmla="*/ 20 w 139"/>
                <a:gd name="T67" fmla="*/ 20 h 134"/>
                <a:gd name="T68" fmla="*/ 12 w 139"/>
                <a:gd name="T69" fmla="*/ 29 h 134"/>
                <a:gd name="T70" fmla="*/ 6 w 139"/>
                <a:gd name="T71" fmla="*/ 41 h 134"/>
                <a:gd name="T72" fmla="*/ 3 w 139"/>
                <a:gd name="T73" fmla="*/ 47 h 134"/>
                <a:gd name="T74" fmla="*/ 1 w 139"/>
                <a:gd name="T75" fmla="*/ 53 h 134"/>
                <a:gd name="T76" fmla="*/ 0 w 139"/>
                <a:gd name="T77" fmla="*/ 60 h 134"/>
                <a:gd name="T78" fmla="*/ 0 w 139"/>
                <a:gd name="T79" fmla="*/ 67 h 134"/>
                <a:gd name="T80" fmla="*/ 0 w 139"/>
                <a:gd name="T81" fmla="*/ 67 h 134"/>
                <a:gd name="T82" fmla="*/ 0 w 139"/>
                <a:gd name="T83" fmla="*/ 74 h 134"/>
                <a:gd name="T84" fmla="*/ 1 w 139"/>
                <a:gd name="T85" fmla="*/ 80 h 134"/>
                <a:gd name="T86" fmla="*/ 3 w 139"/>
                <a:gd name="T87" fmla="*/ 87 h 134"/>
                <a:gd name="T88" fmla="*/ 6 w 139"/>
                <a:gd name="T89" fmla="*/ 93 h 134"/>
                <a:gd name="T90" fmla="*/ 12 w 139"/>
                <a:gd name="T91" fmla="*/ 104 h 134"/>
                <a:gd name="T92" fmla="*/ 20 w 139"/>
                <a:gd name="T93" fmla="*/ 115 h 134"/>
                <a:gd name="T94" fmla="*/ 31 w 139"/>
                <a:gd name="T95" fmla="*/ 122 h 134"/>
                <a:gd name="T96" fmla="*/ 43 w 139"/>
                <a:gd name="T97" fmla="*/ 129 h 134"/>
                <a:gd name="T98" fmla="*/ 49 w 139"/>
                <a:gd name="T99" fmla="*/ 131 h 134"/>
                <a:gd name="T100" fmla="*/ 56 w 139"/>
                <a:gd name="T101" fmla="*/ 133 h 134"/>
                <a:gd name="T102" fmla="*/ 63 w 139"/>
                <a:gd name="T103" fmla="*/ 134 h 134"/>
                <a:gd name="T104" fmla="*/ 70 w 139"/>
                <a:gd name="T105" fmla="*/ 134 h 134"/>
                <a:gd name="T106" fmla="*/ 70 w 139"/>
                <a:gd name="T107" fmla="*/ 134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9" h="134">
                  <a:moveTo>
                    <a:pt x="70" y="134"/>
                  </a:moveTo>
                  <a:lnTo>
                    <a:pt x="70" y="134"/>
                  </a:lnTo>
                  <a:lnTo>
                    <a:pt x="77" y="134"/>
                  </a:lnTo>
                  <a:lnTo>
                    <a:pt x="84" y="133"/>
                  </a:lnTo>
                  <a:lnTo>
                    <a:pt x="91" y="131"/>
                  </a:lnTo>
                  <a:lnTo>
                    <a:pt x="96" y="129"/>
                  </a:lnTo>
                  <a:lnTo>
                    <a:pt x="109" y="122"/>
                  </a:lnTo>
                  <a:lnTo>
                    <a:pt x="119" y="115"/>
                  </a:lnTo>
                  <a:lnTo>
                    <a:pt x="128" y="104"/>
                  </a:lnTo>
                  <a:lnTo>
                    <a:pt x="135" y="93"/>
                  </a:lnTo>
                  <a:lnTo>
                    <a:pt x="137" y="87"/>
                  </a:lnTo>
                  <a:lnTo>
                    <a:pt x="138" y="80"/>
                  </a:lnTo>
                  <a:lnTo>
                    <a:pt x="139" y="74"/>
                  </a:lnTo>
                  <a:lnTo>
                    <a:pt x="139" y="67"/>
                  </a:lnTo>
                  <a:lnTo>
                    <a:pt x="139" y="67"/>
                  </a:lnTo>
                  <a:lnTo>
                    <a:pt x="139" y="60"/>
                  </a:lnTo>
                  <a:lnTo>
                    <a:pt x="138" y="53"/>
                  </a:lnTo>
                  <a:lnTo>
                    <a:pt x="137" y="47"/>
                  </a:lnTo>
                  <a:lnTo>
                    <a:pt x="135" y="41"/>
                  </a:lnTo>
                  <a:lnTo>
                    <a:pt x="128" y="29"/>
                  </a:lnTo>
                  <a:lnTo>
                    <a:pt x="119" y="20"/>
                  </a:lnTo>
                  <a:lnTo>
                    <a:pt x="109" y="11"/>
                  </a:lnTo>
                  <a:lnTo>
                    <a:pt x="96" y="5"/>
                  </a:lnTo>
                  <a:lnTo>
                    <a:pt x="91" y="2"/>
                  </a:lnTo>
                  <a:lnTo>
                    <a:pt x="84" y="1"/>
                  </a:lnTo>
                  <a:lnTo>
                    <a:pt x="77" y="0"/>
                  </a:lnTo>
                  <a:lnTo>
                    <a:pt x="70" y="0"/>
                  </a:lnTo>
                  <a:lnTo>
                    <a:pt x="70" y="0"/>
                  </a:lnTo>
                  <a:lnTo>
                    <a:pt x="63" y="0"/>
                  </a:lnTo>
                  <a:lnTo>
                    <a:pt x="56" y="1"/>
                  </a:lnTo>
                  <a:lnTo>
                    <a:pt x="49" y="2"/>
                  </a:lnTo>
                  <a:lnTo>
                    <a:pt x="43" y="5"/>
                  </a:lnTo>
                  <a:lnTo>
                    <a:pt x="31" y="11"/>
                  </a:lnTo>
                  <a:lnTo>
                    <a:pt x="20" y="20"/>
                  </a:lnTo>
                  <a:lnTo>
                    <a:pt x="12" y="29"/>
                  </a:lnTo>
                  <a:lnTo>
                    <a:pt x="6" y="41"/>
                  </a:lnTo>
                  <a:lnTo>
                    <a:pt x="3" y="47"/>
                  </a:lnTo>
                  <a:lnTo>
                    <a:pt x="1" y="53"/>
                  </a:lnTo>
                  <a:lnTo>
                    <a:pt x="0" y="60"/>
                  </a:lnTo>
                  <a:lnTo>
                    <a:pt x="0" y="67"/>
                  </a:lnTo>
                  <a:lnTo>
                    <a:pt x="0" y="67"/>
                  </a:lnTo>
                  <a:lnTo>
                    <a:pt x="0" y="74"/>
                  </a:lnTo>
                  <a:lnTo>
                    <a:pt x="1" y="80"/>
                  </a:lnTo>
                  <a:lnTo>
                    <a:pt x="3" y="87"/>
                  </a:lnTo>
                  <a:lnTo>
                    <a:pt x="6" y="93"/>
                  </a:lnTo>
                  <a:lnTo>
                    <a:pt x="12" y="104"/>
                  </a:lnTo>
                  <a:lnTo>
                    <a:pt x="20" y="115"/>
                  </a:lnTo>
                  <a:lnTo>
                    <a:pt x="31" y="122"/>
                  </a:lnTo>
                  <a:lnTo>
                    <a:pt x="43" y="129"/>
                  </a:lnTo>
                  <a:lnTo>
                    <a:pt x="49" y="131"/>
                  </a:lnTo>
                  <a:lnTo>
                    <a:pt x="56" y="133"/>
                  </a:lnTo>
                  <a:lnTo>
                    <a:pt x="63" y="134"/>
                  </a:lnTo>
                  <a:lnTo>
                    <a:pt x="70" y="134"/>
                  </a:lnTo>
                  <a:lnTo>
                    <a:pt x="70" y="134"/>
                  </a:lnTo>
                  <a:close/>
                </a:path>
              </a:pathLst>
            </a:custGeom>
            <a:solidFill>
              <a:srgbClr val="B7B7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19" name="Freeform 299">
              <a:extLst>
                <a:ext uri="{FF2B5EF4-FFF2-40B4-BE49-F238E27FC236}">
                  <a16:creationId xmlns:a16="http://schemas.microsoft.com/office/drawing/2014/main" xmlns="" id="{0BE6134F-532D-684A-BAB1-2997DC73DC2C}"/>
                </a:ext>
              </a:extLst>
            </p:cNvPr>
            <p:cNvSpPr>
              <a:spLocks/>
            </p:cNvSpPr>
            <p:nvPr/>
          </p:nvSpPr>
          <p:spPr bwMode="auto">
            <a:xfrm flipH="1">
              <a:off x="9120146" y="2778484"/>
              <a:ext cx="183757" cy="1945864"/>
            </a:xfrm>
            <a:custGeom>
              <a:avLst/>
              <a:gdLst>
                <a:gd name="T0" fmla="*/ 214 w 214"/>
                <a:gd name="T1" fmla="*/ 2 h 2132"/>
                <a:gd name="T2" fmla="*/ 0 w 214"/>
                <a:gd name="T3" fmla="*/ 0 h 2132"/>
                <a:gd name="T4" fmla="*/ 84 w 214"/>
                <a:gd name="T5" fmla="*/ 2132 h 2132"/>
                <a:gd name="T6" fmla="*/ 132 w 214"/>
                <a:gd name="T7" fmla="*/ 2132 h 2132"/>
                <a:gd name="T8" fmla="*/ 214 w 214"/>
                <a:gd name="T9" fmla="*/ 2 h 2132"/>
              </a:gdLst>
              <a:ahLst/>
              <a:cxnLst>
                <a:cxn ang="0">
                  <a:pos x="T0" y="T1"/>
                </a:cxn>
                <a:cxn ang="0">
                  <a:pos x="T2" y="T3"/>
                </a:cxn>
                <a:cxn ang="0">
                  <a:pos x="T4" y="T5"/>
                </a:cxn>
                <a:cxn ang="0">
                  <a:pos x="T6" y="T7"/>
                </a:cxn>
                <a:cxn ang="0">
                  <a:pos x="T8" y="T9"/>
                </a:cxn>
              </a:cxnLst>
              <a:rect l="0" t="0" r="r" b="b"/>
              <a:pathLst>
                <a:path w="214" h="2132">
                  <a:moveTo>
                    <a:pt x="214" y="2"/>
                  </a:moveTo>
                  <a:lnTo>
                    <a:pt x="0" y="0"/>
                  </a:lnTo>
                  <a:lnTo>
                    <a:pt x="84" y="2132"/>
                  </a:lnTo>
                  <a:lnTo>
                    <a:pt x="132" y="2132"/>
                  </a:lnTo>
                  <a:lnTo>
                    <a:pt x="214" y="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0" name="Freeform 300">
              <a:extLst>
                <a:ext uri="{FF2B5EF4-FFF2-40B4-BE49-F238E27FC236}">
                  <a16:creationId xmlns:a16="http://schemas.microsoft.com/office/drawing/2014/main" xmlns="" id="{7D115B05-4416-924B-AC5D-375A67CD9609}"/>
                </a:ext>
              </a:extLst>
            </p:cNvPr>
            <p:cNvSpPr>
              <a:spLocks/>
            </p:cNvSpPr>
            <p:nvPr/>
          </p:nvSpPr>
          <p:spPr bwMode="auto">
            <a:xfrm flipH="1">
              <a:off x="8694881" y="2676406"/>
              <a:ext cx="2283832" cy="829385"/>
            </a:xfrm>
            <a:custGeom>
              <a:avLst/>
              <a:gdLst>
                <a:gd name="T0" fmla="*/ 2556 w 2609"/>
                <a:gd name="T1" fmla="*/ 912 h 912"/>
                <a:gd name="T2" fmla="*/ 2609 w 2609"/>
                <a:gd name="T3" fmla="*/ 763 h 912"/>
                <a:gd name="T4" fmla="*/ 11 w 2609"/>
                <a:gd name="T5" fmla="*/ 0 h 912"/>
                <a:gd name="T6" fmla="*/ 0 w 2609"/>
                <a:gd name="T7" fmla="*/ 32 h 912"/>
                <a:gd name="T8" fmla="*/ 2556 w 2609"/>
                <a:gd name="T9" fmla="*/ 912 h 912"/>
              </a:gdLst>
              <a:ahLst/>
              <a:cxnLst>
                <a:cxn ang="0">
                  <a:pos x="T0" y="T1"/>
                </a:cxn>
                <a:cxn ang="0">
                  <a:pos x="T2" y="T3"/>
                </a:cxn>
                <a:cxn ang="0">
                  <a:pos x="T4" y="T5"/>
                </a:cxn>
                <a:cxn ang="0">
                  <a:pos x="T6" y="T7"/>
                </a:cxn>
                <a:cxn ang="0">
                  <a:pos x="T8" y="T9"/>
                </a:cxn>
              </a:cxnLst>
              <a:rect l="0" t="0" r="r" b="b"/>
              <a:pathLst>
                <a:path w="2609" h="912">
                  <a:moveTo>
                    <a:pt x="2556" y="912"/>
                  </a:moveTo>
                  <a:lnTo>
                    <a:pt x="2609" y="763"/>
                  </a:lnTo>
                  <a:lnTo>
                    <a:pt x="11" y="0"/>
                  </a:lnTo>
                  <a:lnTo>
                    <a:pt x="0" y="32"/>
                  </a:lnTo>
                  <a:lnTo>
                    <a:pt x="2556" y="91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1" name="Freeform 301">
              <a:extLst>
                <a:ext uri="{FF2B5EF4-FFF2-40B4-BE49-F238E27FC236}">
                  <a16:creationId xmlns:a16="http://schemas.microsoft.com/office/drawing/2014/main" xmlns="" id="{B71365E7-6279-7F4B-861D-16CE8DDFAEBA}"/>
                </a:ext>
              </a:extLst>
            </p:cNvPr>
            <p:cNvSpPr>
              <a:spLocks/>
            </p:cNvSpPr>
            <p:nvPr/>
          </p:nvSpPr>
          <p:spPr bwMode="auto">
            <a:xfrm flipH="1">
              <a:off x="7923103" y="1955477"/>
              <a:ext cx="1585557" cy="1684291"/>
            </a:xfrm>
            <a:custGeom>
              <a:avLst/>
              <a:gdLst>
                <a:gd name="T0" fmla="*/ 52 w 1812"/>
                <a:gd name="T1" fmla="*/ 1845 h 1845"/>
                <a:gd name="T2" fmla="*/ 1812 w 1812"/>
                <a:gd name="T3" fmla="*/ 0 h 1845"/>
                <a:gd name="T4" fmla="*/ 0 w 1812"/>
                <a:gd name="T5" fmla="*/ 1798 h 1845"/>
                <a:gd name="T6" fmla="*/ 52 w 1812"/>
                <a:gd name="T7" fmla="*/ 1845 h 1845"/>
              </a:gdLst>
              <a:ahLst/>
              <a:cxnLst>
                <a:cxn ang="0">
                  <a:pos x="T0" y="T1"/>
                </a:cxn>
                <a:cxn ang="0">
                  <a:pos x="T2" y="T3"/>
                </a:cxn>
                <a:cxn ang="0">
                  <a:pos x="T4" y="T5"/>
                </a:cxn>
                <a:cxn ang="0">
                  <a:pos x="T6" y="T7"/>
                </a:cxn>
              </a:cxnLst>
              <a:rect l="0" t="0" r="r" b="b"/>
              <a:pathLst>
                <a:path w="1812" h="1845">
                  <a:moveTo>
                    <a:pt x="52" y="1845"/>
                  </a:moveTo>
                  <a:lnTo>
                    <a:pt x="1812" y="0"/>
                  </a:lnTo>
                  <a:lnTo>
                    <a:pt x="0" y="1798"/>
                  </a:lnTo>
                  <a:lnTo>
                    <a:pt x="52" y="1845"/>
                  </a:lnTo>
                  <a:close/>
                </a:path>
              </a:pathLst>
            </a:custGeom>
            <a:solidFill>
              <a:srgbClr val="C320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2" name="Freeform 302">
              <a:extLst>
                <a:ext uri="{FF2B5EF4-FFF2-40B4-BE49-F238E27FC236}">
                  <a16:creationId xmlns:a16="http://schemas.microsoft.com/office/drawing/2014/main" xmlns="" id="{3BCA24E7-B154-414A-BF55-76AB499AC229}"/>
                </a:ext>
              </a:extLst>
            </p:cNvPr>
            <p:cNvSpPr>
              <a:spLocks/>
            </p:cNvSpPr>
            <p:nvPr/>
          </p:nvSpPr>
          <p:spPr bwMode="auto">
            <a:xfrm flipH="1">
              <a:off x="9025643" y="3091098"/>
              <a:ext cx="378014" cy="376412"/>
            </a:xfrm>
            <a:custGeom>
              <a:avLst/>
              <a:gdLst>
                <a:gd name="T0" fmla="*/ 0 w 432"/>
                <a:gd name="T1" fmla="*/ 207 h 414"/>
                <a:gd name="T2" fmla="*/ 5 w 432"/>
                <a:gd name="T3" fmla="*/ 249 h 414"/>
                <a:gd name="T4" fmla="*/ 17 w 432"/>
                <a:gd name="T5" fmla="*/ 288 h 414"/>
                <a:gd name="T6" fmla="*/ 37 w 432"/>
                <a:gd name="T7" fmla="*/ 324 h 414"/>
                <a:gd name="T8" fmla="*/ 63 w 432"/>
                <a:gd name="T9" fmla="*/ 354 h 414"/>
                <a:gd name="T10" fmla="*/ 96 w 432"/>
                <a:gd name="T11" fmla="*/ 380 h 414"/>
                <a:gd name="T12" fmla="*/ 132 w 432"/>
                <a:gd name="T13" fmla="*/ 398 h 414"/>
                <a:gd name="T14" fmla="*/ 173 w 432"/>
                <a:gd name="T15" fmla="*/ 410 h 414"/>
                <a:gd name="T16" fmla="*/ 216 w 432"/>
                <a:gd name="T17" fmla="*/ 414 h 414"/>
                <a:gd name="T18" fmla="*/ 238 w 432"/>
                <a:gd name="T19" fmla="*/ 413 h 414"/>
                <a:gd name="T20" fmla="*/ 280 w 432"/>
                <a:gd name="T21" fmla="*/ 406 h 414"/>
                <a:gd name="T22" fmla="*/ 319 w 432"/>
                <a:gd name="T23" fmla="*/ 390 h 414"/>
                <a:gd name="T24" fmla="*/ 354 w 432"/>
                <a:gd name="T25" fmla="*/ 367 h 414"/>
                <a:gd name="T26" fmla="*/ 383 w 432"/>
                <a:gd name="T27" fmla="*/ 339 h 414"/>
                <a:gd name="T28" fmla="*/ 405 w 432"/>
                <a:gd name="T29" fmla="*/ 306 h 414"/>
                <a:gd name="T30" fmla="*/ 422 w 432"/>
                <a:gd name="T31" fmla="*/ 269 h 414"/>
                <a:gd name="T32" fmla="*/ 431 w 432"/>
                <a:gd name="T33" fmla="*/ 229 h 414"/>
                <a:gd name="T34" fmla="*/ 432 w 432"/>
                <a:gd name="T35" fmla="*/ 207 h 414"/>
                <a:gd name="T36" fmla="*/ 428 w 432"/>
                <a:gd name="T37" fmla="*/ 165 h 414"/>
                <a:gd name="T38" fmla="*/ 414 w 432"/>
                <a:gd name="T39" fmla="*/ 126 h 414"/>
                <a:gd name="T40" fmla="*/ 395 w 432"/>
                <a:gd name="T41" fmla="*/ 91 h 414"/>
                <a:gd name="T42" fmla="*/ 368 w 432"/>
                <a:gd name="T43" fmla="*/ 60 h 414"/>
                <a:gd name="T44" fmla="*/ 337 w 432"/>
                <a:gd name="T45" fmla="*/ 35 h 414"/>
                <a:gd name="T46" fmla="*/ 300 w 432"/>
                <a:gd name="T47" fmla="*/ 16 h 414"/>
                <a:gd name="T48" fmla="*/ 259 w 432"/>
                <a:gd name="T49" fmla="*/ 4 h 414"/>
                <a:gd name="T50" fmla="*/ 216 w 432"/>
                <a:gd name="T51" fmla="*/ 0 h 414"/>
                <a:gd name="T52" fmla="*/ 194 w 432"/>
                <a:gd name="T53" fmla="*/ 1 h 414"/>
                <a:gd name="T54" fmla="*/ 152 w 432"/>
                <a:gd name="T55" fmla="*/ 8 h 414"/>
                <a:gd name="T56" fmla="*/ 114 w 432"/>
                <a:gd name="T57" fmla="*/ 25 h 414"/>
                <a:gd name="T58" fmla="*/ 79 w 432"/>
                <a:gd name="T59" fmla="*/ 47 h 414"/>
                <a:gd name="T60" fmla="*/ 50 w 432"/>
                <a:gd name="T61" fmla="*/ 75 h 414"/>
                <a:gd name="T62" fmla="*/ 26 w 432"/>
                <a:gd name="T63" fmla="*/ 108 h 414"/>
                <a:gd name="T64" fmla="*/ 10 w 432"/>
                <a:gd name="T65" fmla="*/ 145 h 414"/>
                <a:gd name="T66" fmla="*/ 1 w 432"/>
                <a:gd name="T67" fmla="*/ 185 h 414"/>
                <a:gd name="T68" fmla="*/ 0 w 432"/>
                <a:gd name="T69" fmla="*/ 207 h 4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432" h="414">
                  <a:moveTo>
                    <a:pt x="0" y="207"/>
                  </a:moveTo>
                  <a:lnTo>
                    <a:pt x="0" y="207"/>
                  </a:lnTo>
                  <a:lnTo>
                    <a:pt x="1" y="229"/>
                  </a:lnTo>
                  <a:lnTo>
                    <a:pt x="5" y="249"/>
                  </a:lnTo>
                  <a:lnTo>
                    <a:pt x="10" y="269"/>
                  </a:lnTo>
                  <a:lnTo>
                    <a:pt x="17" y="288"/>
                  </a:lnTo>
                  <a:lnTo>
                    <a:pt x="26" y="306"/>
                  </a:lnTo>
                  <a:lnTo>
                    <a:pt x="37" y="324"/>
                  </a:lnTo>
                  <a:lnTo>
                    <a:pt x="50" y="339"/>
                  </a:lnTo>
                  <a:lnTo>
                    <a:pt x="63" y="354"/>
                  </a:lnTo>
                  <a:lnTo>
                    <a:pt x="79" y="367"/>
                  </a:lnTo>
                  <a:lnTo>
                    <a:pt x="96" y="380"/>
                  </a:lnTo>
                  <a:lnTo>
                    <a:pt x="114" y="390"/>
                  </a:lnTo>
                  <a:lnTo>
                    <a:pt x="132" y="398"/>
                  </a:lnTo>
                  <a:lnTo>
                    <a:pt x="152" y="406"/>
                  </a:lnTo>
                  <a:lnTo>
                    <a:pt x="173" y="410"/>
                  </a:lnTo>
                  <a:lnTo>
                    <a:pt x="194" y="413"/>
                  </a:lnTo>
                  <a:lnTo>
                    <a:pt x="216" y="414"/>
                  </a:lnTo>
                  <a:lnTo>
                    <a:pt x="216" y="414"/>
                  </a:lnTo>
                  <a:lnTo>
                    <a:pt x="238" y="413"/>
                  </a:lnTo>
                  <a:lnTo>
                    <a:pt x="259" y="410"/>
                  </a:lnTo>
                  <a:lnTo>
                    <a:pt x="280" y="406"/>
                  </a:lnTo>
                  <a:lnTo>
                    <a:pt x="300" y="398"/>
                  </a:lnTo>
                  <a:lnTo>
                    <a:pt x="319" y="390"/>
                  </a:lnTo>
                  <a:lnTo>
                    <a:pt x="337" y="380"/>
                  </a:lnTo>
                  <a:lnTo>
                    <a:pt x="354" y="367"/>
                  </a:lnTo>
                  <a:lnTo>
                    <a:pt x="368" y="354"/>
                  </a:lnTo>
                  <a:lnTo>
                    <a:pt x="383" y="339"/>
                  </a:lnTo>
                  <a:lnTo>
                    <a:pt x="395" y="324"/>
                  </a:lnTo>
                  <a:lnTo>
                    <a:pt x="405" y="306"/>
                  </a:lnTo>
                  <a:lnTo>
                    <a:pt x="414" y="288"/>
                  </a:lnTo>
                  <a:lnTo>
                    <a:pt x="422" y="269"/>
                  </a:lnTo>
                  <a:lnTo>
                    <a:pt x="428" y="249"/>
                  </a:lnTo>
                  <a:lnTo>
                    <a:pt x="431" y="229"/>
                  </a:lnTo>
                  <a:lnTo>
                    <a:pt x="432" y="207"/>
                  </a:lnTo>
                  <a:lnTo>
                    <a:pt x="432" y="207"/>
                  </a:lnTo>
                  <a:lnTo>
                    <a:pt x="431" y="185"/>
                  </a:lnTo>
                  <a:lnTo>
                    <a:pt x="428" y="165"/>
                  </a:lnTo>
                  <a:lnTo>
                    <a:pt x="422" y="145"/>
                  </a:lnTo>
                  <a:lnTo>
                    <a:pt x="414" y="126"/>
                  </a:lnTo>
                  <a:lnTo>
                    <a:pt x="405" y="108"/>
                  </a:lnTo>
                  <a:lnTo>
                    <a:pt x="395" y="91"/>
                  </a:lnTo>
                  <a:lnTo>
                    <a:pt x="383" y="75"/>
                  </a:lnTo>
                  <a:lnTo>
                    <a:pt x="368" y="60"/>
                  </a:lnTo>
                  <a:lnTo>
                    <a:pt x="354" y="47"/>
                  </a:lnTo>
                  <a:lnTo>
                    <a:pt x="337" y="35"/>
                  </a:lnTo>
                  <a:lnTo>
                    <a:pt x="319" y="25"/>
                  </a:lnTo>
                  <a:lnTo>
                    <a:pt x="300" y="16"/>
                  </a:lnTo>
                  <a:lnTo>
                    <a:pt x="280" y="8"/>
                  </a:lnTo>
                  <a:lnTo>
                    <a:pt x="259" y="4"/>
                  </a:lnTo>
                  <a:lnTo>
                    <a:pt x="238" y="1"/>
                  </a:lnTo>
                  <a:lnTo>
                    <a:pt x="216" y="0"/>
                  </a:lnTo>
                  <a:lnTo>
                    <a:pt x="216" y="0"/>
                  </a:lnTo>
                  <a:lnTo>
                    <a:pt x="194" y="1"/>
                  </a:lnTo>
                  <a:lnTo>
                    <a:pt x="173" y="4"/>
                  </a:lnTo>
                  <a:lnTo>
                    <a:pt x="152" y="8"/>
                  </a:lnTo>
                  <a:lnTo>
                    <a:pt x="132" y="16"/>
                  </a:lnTo>
                  <a:lnTo>
                    <a:pt x="114" y="25"/>
                  </a:lnTo>
                  <a:lnTo>
                    <a:pt x="96" y="35"/>
                  </a:lnTo>
                  <a:lnTo>
                    <a:pt x="79" y="47"/>
                  </a:lnTo>
                  <a:lnTo>
                    <a:pt x="63" y="60"/>
                  </a:lnTo>
                  <a:lnTo>
                    <a:pt x="50" y="75"/>
                  </a:lnTo>
                  <a:lnTo>
                    <a:pt x="37" y="91"/>
                  </a:lnTo>
                  <a:lnTo>
                    <a:pt x="26" y="108"/>
                  </a:lnTo>
                  <a:lnTo>
                    <a:pt x="17" y="126"/>
                  </a:lnTo>
                  <a:lnTo>
                    <a:pt x="10" y="145"/>
                  </a:lnTo>
                  <a:lnTo>
                    <a:pt x="5" y="165"/>
                  </a:lnTo>
                  <a:lnTo>
                    <a:pt x="1" y="185"/>
                  </a:lnTo>
                  <a:lnTo>
                    <a:pt x="0" y="207"/>
                  </a:lnTo>
                  <a:lnTo>
                    <a:pt x="0" y="207"/>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3" name="Freeform 303">
              <a:extLst>
                <a:ext uri="{FF2B5EF4-FFF2-40B4-BE49-F238E27FC236}">
                  <a16:creationId xmlns:a16="http://schemas.microsoft.com/office/drawing/2014/main" xmlns="" id="{C8844751-F189-1241-B1A2-1D26F427CC87}"/>
                </a:ext>
              </a:extLst>
            </p:cNvPr>
            <p:cNvSpPr>
              <a:spLocks/>
            </p:cNvSpPr>
            <p:nvPr/>
          </p:nvSpPr>
          <p:spPr bwMode="auto">
            <a:xfrm flipH="1">
              <a:off x="9067644" y="3135757"/>
              <a:ext cx="288760" cy="287093"/>
            </a:xfrm>
            <a:custGeom>
              <a:avLst/>
              <a:gdLst>
                <a:gd name="T0" fmla="*/ 163 w 326"/>
                <a:gd name="T1" fmla="*/ 315 h 315"/>
                <a:gd name="T2" fmla="*/ 196 w 326"/>
                <a:gd name="T3" fmla="*/ 311 h 315"/>
                <a:gd name="T4" fmla="*/ 227 w 326"/>
                <a:gd name="T5" fmla="*/ 302 h 315"/>
                <a:gd name="T6" fmla="*/ 255 w 326"/>
                <a:gd name="T7" fmla="*/ 288 h 315"/>
                <a:gd name="T8" fmla="*/ 278 w 326"/>
                <a:gd name="T9" fmla="*/ 268 h 315"/>
                <a:gd name="T10" fmla="*/ 298 w 326"/>
                <a:gd name="T11" fmla="*/ 245 h 315"/>
                <a:gd name="T12" fmla="*/ 313 w 326"/>
                <a:gd name="T13" fmla="*/ 219 h 315"/>
                <a:gd name="T14" fmla="*/ 323 w 326"/>
                <a:gd name="T15" fmla="*/ 188 h 315"/>
                <a:gd name="T16" fmla="*/ 326 w 326"/>
                <a:gd name="T17" fmla="*/ 157 h 315"/>
                <a:gd name="T18" fmla="*/ 325 w 326"/>
                <a:gd name="T19" fmla="*/ 141 h 315"/>
                <a:gd name="T20" fmla="*/ 319 w 326"/>
                <a:gd name="T21" fmla="*/ 111 h 315"/>
                <a:gd name="T22" fmla="*/ 306 w 326"/>
                <a:gd name="T23" fmla="*/ 83 h 315"/>
                <a:gd name="T24" fmla="*/ 288 w 326"/>
                <a:gd name="T25" fmla="*/ 58 h 315"/>
                <a:gd name="T26" fmla="*/ 267 w 326"/>
                <a:gd name="T27" fmla="*/ 36 h 315"/>
                <a:gd name="T28" fmla="*/ 241 w 326"/>
                <a:gd name="T29" fmla="*/ 19 h 315"/>
                <a:gd name="T30" fmla="*/ 211 w 326"/>
                <a:gd name="T31" fmla="*/ 7 h 315"/>
                <a:gd name="T32" fmla="*/ 180 w 326"/>
                <a:gd name="T33" fmla="*/ 0 h 315"/>
                <a:gd name="T34" fmla="*/ 163 w 326"/>
                <a:gd name="T35" fmla="*/ 0 h 315"/>
                <a:gd name="T36" fmla="*/ 130 w 326"/>
                <a:gd name="T37" fmla="*/ 4 h 315"/>
                <a:gd name="T38" fmla="*/ 100 w 326"/>
                <a:gd name="T39" fmla="*/ 12 h 315"/>
                <a:gd name="T40" fmla="*/ 72 w 326"/>
                <a:gd name="T41" fmla="*/ 26 h 315"/>
                <a:gd name="T42" fmla="*/ 47 w 326"/>
                <a:gd name="T43" fmla="*/ 46 h 315"/>
                <a:gd name="T44" fmla="*/ 28 w 326"/>
                <a:gd name="T45" fmla="*/ 70 h 315"/>
                <a:gd name="T46" fmla="*/ 12 w 326"/>
                <a:gd name="T47" fmla="*/ 95 h 315"/>
                <a:gd name="T48" fmla="*/ 3 w 326"/>
                <a:gd name="T49" fmla="*/ 126 h 315"/>
                <a:gd name="T50" fmla="*/ 0 w 326"/>
                <a:gd name="T51" fmla="*/ 157 h 315"/>
                <a:gd name="T52" fmla="*/ 1 w 326"/>
                <a:gd name="T53" fmla="*/ 173 h 315"/>
                <a:gd name="T54" fmla="*/ 7 w 326"/>
                <a:gd name="T55" fmla="*/ 203 h 315"/>
                <a:gd name="T56" fmla="*/ 19 w 326"/>
                <a:gd name="T57" fmla="*/ 232 h 315"/>
                <a:gd name="T58" fmla="*/ 37 w 326"/>
                <a:gd name="T59" fmla="*/ 257 h 315"/>
                <a:gd name="T60" fmla="*/ 59 w 326"/>
                <a:gd name="T61" fmla="*/ 278 h 315"/>
                <a:gd name="T62" fmla="*/ 85 w 326"/>
                <a:gd name="T63" fmla="*/ 295 h 315"/>
                <a:gd name="T64" fmla="*/ 114 w 326"/>
                <a:gd name="T65" fmla="*/ 307 h 315"/>
                <a:gd name="T66" fmla="*/ 146 w 326"/>
                <a:gd name="T67" fmla="*/ 314 h 315"/>
                <a:gd name="T68" fmla="*/ 163 w 326"/>
                <a:gd name="T69" fmla="*/ 315 h 3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26" h="315">
                  <a:moveTo>
                    <a:pt x="163" y="315"/>
                  </a:moveTo>
                  <a:lnTo>
                    <a:pt x="163" y="315"/>
                  </a:lnTo>
                  <a:lnTo>
                    <a:pt x="180" y="314"/>
                  </a:lnTo>
                  <a:lnTo>
                    <a:pt x="196" y="311"/>
                  </a:lnTo>
                  <a:lnTo>
                    <a:pt x="211" y="307"/>
                  </a:lnTo>
                  <a:lnTo>
                    <a:pt x="227" y="302"/>
                  </a:lnTo>
                  <a:lnTo>
                    <a:pt x="241" y="295"/>
                  </a:lnTo>
                  <a:lnTo>
                    <a:pt x="255" y="288"/>
                  </a:lnTo>
                  <a:lnTo>
                    <a:pt x="267" y="278"/>
                  </a:lnTo>
                  <a:lnTo>
                    <a:pt x="278" y="268"/>
                  </a:lnTo>
                  <a:lnTo>
                    <a:pt x="288" y="257"/>
                  </a:lnTo>
                  <a:lnTo>
                    <a:pt x="298" y="245"/>
                  </a:lnTo>
                  <a:lnTo>
                    <a:pt x="306" y="232"/>
                  </a:lnTo>
                  <a:lnTo>
                    <a:pt x="313" y="219"/>
                  </a:lnTo>
                  <a:lnTo>
                    <a:pt x="319" y="203"/>
                  </a:lnTo>
                  <a:lnTo>
                    <a:pt x="323" y="188"/>
                  </a:lnTo>
                  <a:lnTo>
                    <a:pt x="325" y="173"/>
                  </a:lnTo>
                  <a:lnTo>
                    <a:pt x="326" y="157"/>
                  </a:lnTo>
                  <a:lnTo>
                    <a:pt x="326" y="157"/>
                  </a:lnTo>
                  <a:lnTo>
                    <a:pt x="325" y="141"/>
                  </a:lnTo>
                  <a:lnTo>
                    <a:pt x="323" y="126"/>
                  </a:lnTo>
                  <a:lnTo>
                    <a:pt x="319" y="111"/>
                  </a:lnTo>
                  <a:lnTo>
                    <a:pt x="313" y="95"/>
                  </a:lnTo>
                  <a:lnTo>
                    <a:pt x="306" y="83"/>
                  </a:lnTo>
                  <a:lnTo>
                    <a:pt x="298" y="70"/>
                  </a:lnTo>
                  <a:lnTo>
                    <a:pt x="288" y="58"/>
                  </a:lnTo>
                  <a:lnTo>
                    <a:pt x="278" y="46"/>
                  </a:lnTo>
                  <a:lnTo>
                    <a:pt x="267" y="36"/>
                  </a:lnTo>
                  <a:lnTo>
                    <a:pt x="255" y="26"/>
                  </a:lnTo>
                  <a:lnTo>
                    <a:pt x="241" y="19"/>
                  </a:lnTo>
                  <a:lnTo>
                    <a:pt x="227" y="12"/>
                  </a:lnTo>
                  <a:lnTo>
                    <a:pt x="211" y="7"/>
                  </a:lnTo>
                  <a:lnTo>
                    <a:pt x="196" y="4"/>
                  </a:lnTo>
                  <a:lnTo>
                    <a:pt x="180" y="0"/>
                  </a:lnTo>
                  <a:lnTo>
                    <a:pt x="163" y="0"/>
                  </a:lnTo>
                  <a:lnTo>
                    <a:pt x="163" y="0"/>
                  </a:lnTo>
                  <a:lnTo>
                    <a:pt x="146" y="0"/>
                  </a:lnTo>
                  <a:lnTo>
                    <a:pt x="130" y="4"/>
                  </a:lnTo>
                  <a:lnTo>
                    <a:pt x="114" y="7"/>
                  </a:lnTo>
                  <a:lnTo>
                    <a:pt x="100" y="12"/>
                  </a:lnTo>
                  <a:lnTo>
                    <a:pt x="85" y="19"/>
                  </a:lnTo>
                  <a:lnTo>
                    <a:pt x="72" y="26"/>
                  </a:lnTo>
                  <a:lnTo>
                    <a:pt x="59" y="36"/>
                  </a:lnTo>
                  <a:lnTo>
                    <a:pt x="47" y="46"/>
                  </a:lnTo>
                  <a:lnTo>
                    <a:pt x="37" y="58"/>
                  </a:lnTo>
                  <a:lnTo>
                    <a:pt x="28" y="70"/>
                  </a:lnTo>
                  <a:lnTo>
                    <a:pt x="19" y="83"/>
                  </a:lnTo>
                  <a:lnTo>
                    <a:pt x="12" y="95"/>
                  </a:lnTo>
                  <a:lnTo>
                    <a:pt x="7" y="111"/>
                  </a:lnTo>
                  <a:lnTo>
                    <a:pt x="3" y="126"/>
                  </a:lnTo>
                  <a:lnTo>
                    <a:pt x="1" y="141"/>
                  </a:lnTo>
                  <a:lnTo>
                    <a:pt x="0" y="157"/>
                  </a:lnTo>
                  <a:lnTo>
                    <a:pt x="0" y="157"/>
                  </a:lnTo>
                  <a:lnTo>
                    <a:pt x="1" y="173"/>
                  </a:lnTo>
                  <a:lnTo>
                    <a:pt x="3" y="188"/>
                  </a:lnTo>
                  <a:lnTo>
                    <a:pt x="7" y="203"/>
                  </a:lnTo>
                  <a:lnTo>
                    <a:pt x="12" y="219"/>
                  </a:lnTo>
                  <a:lnTo>
                    <a:pt x="19" y="232"/>
                  </a:lnTo>
                  <a:lnTo>
                    <a:pt x="28" y="245"/>
                  </a:lnTo>
                  <a:lnTo>
                    <a:pt x="37" y="257"/>
                  </a:lnTo>
                  <a:lnTo>
                    <a:pt x="47" y="268"/>
                  </a:lnTo>
                  <a:lnTo>
                    <a:pt x="59" y="278"/>
                  </a:lnTo>
                  <a:lnTo>
                    <a:pt x="72" y="288"/>
                  </a:lnTo>
                  <a:lnTo>
                    <a:pt x="85" y="295"/>
                  </a:lnTo>
                  <a:lnTo>
                    <a:pt x="100" y="302"/>
                  </a:lnTo>
                  <a:lnTo>
                    <a:pt x="114" y="307"/>
                  </a:lnTo>
                  <a:lnTo>
                    <a:pt x="130" y="311"/>
                  </a:lnTo>
                  <a:lnTo>
                    <a:pt x="146" y="314"/>
                  </a:lnTo>
                  <a:lnTo>
                    <a:pt x="163" y="315"/>
                  </a:lnTo>
                  <a:lnTo>
                    <a:pt x="163" y="315"/>
                  </a:lnTo>
                  <a:close/>
                </a:path>
              </a:pathLst>
            </a:custGeom>
            <a:solidFill>
              <a:srgbClr val="E5E5E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4" name="Freeform 304">
              <a:extLst>
                <a:ext uri="{FF2B5EF4-FFF2-40B4-BE49-F238E27FC236}">
                  <a16:creationId xmlns:a16="http://schemas.microsoft.com/office/drawing/2014/main" xmlns="" id="{B4EE8D47-5E53-D940-B19D-0B92818808AB}"/>
                </a:ext>
              </a:extLst>
            </p:cNvPr>
            <p:cNvSpPr>
              <a:spLocks/>
            </p:cNvSpPr>
            <p:nvPr/>
          </p:nvSpPr>
          <p:spPr bwMode="auto">
            <a:xfrm flipH="1">
              <a:off x="9151647" y="3218694"/>
              <a:ext cx="120754" cy="121217"/>
            </a:xfrm>
            <a:custGeom>
              <a:avLst/>
              <a:gdLst>
                <a:gd name="T0" fmla="*/ 70 w 139"/>
                <a:gd name="T1" fmla="*/ 134 h 134"/>
                <a:gd name="T2" fmla="*/ 70 w 139"/>
                <a:gd name="T3" fmla="*/ 134 h 134"/>
                <a:gd name="T4" fmla="*/ 78 w 139"/>
                <a:gd name="T5" fmla="*/ 134 h 134"/>
                <a:gd name="T6" fmla="*/ 84 w 139"/>
                <a:gd name="T7" fmla="*/ 133 h 134"/>
                <a:gd name="T8" fmla="*/ 91 w 139"/>
                <a:gd name="T9" fmla="*/ 131 h 134"/>
                <a:gd name="T10" fmla="*/ 97 w 139"/>
                <a:gd name="T11" fmla="*/ 129 h 134"/>
                <a:gd name="T12" fmla="*/ 109 w 139"/>
                <a:gd name="T13" fmla="*/ 123 h 134"/>
                <a:gd name="T14" fmla="*/ 119 w 139"/>
                <a:gd name="T15" fmla="*/ 115 h 134"/>
                <a:gd name="T16" fmla="*/ 128 w 139"/>
                <a:gd name="T17" fmla="*/ 105 h 134"/>
                <a:gd name="T18" fmla="*/ 135 w 139"/>
                <a:gd name="T19" fmla="*/ 93 h 134"/>
                <a:gd name="T20" fmla="*/ 137 w 139"/>
                <a:gd name="T21" fmla="*/ 88 h 134"/>
                <a:gd name="T22" fmla="*/ 138 w 139"/>
                <a:gd name="T23" fmla="*/ 81 h 134"/>
                <a:gd name="T24" fmla="*/ 139 w 139"/>
                <a:gd name="T25" fmla="*/ 74 h 134"/>
                <a:gd name="T26" fmla="*/ 139 w 139"/>
                <a:gd name="T27" fmla="*/ 67 h 134"/>
                <a:gd name="T28" fmla="*/ 139 w 139"/>
                <a:gd name="T29" fmla="*/ 67 h 134"/>
                <a:gd name="T30" fmla="*/ 139 w 139"/>
                <a:gd name="T31" fmla="*/ 61 h 134"/>
                <a:gd name="T32" fmla="*/ 138 w 139"/>
                <a:gd name="T33" fmla="*/ 54 h 134"/>
                <a:gd name="T34" fmla="*/ 137 w 139"/>
                <a:gd name="T35" fmla="*/ 48 h 134"/>
                <a:gd name="T36" fmla="*/ 135 w 139"/>
                <a:gd name="T37" fmla="*/ 41 h 134"/>
                <a:gd name="T38" fmla="*/ 128 w 139"/>
                <a:gd name="T39" fmla="*/ 29 h 134"/>
                <a:gd name="T40" fmla="*/ 119 w 139"/>
                <a:gd name="T41" fmla="*/ 20 h 134"/>
                <a:gd name="T42" fmla="*/ 109 w 139"/>
                <a:gd name="T43" fmla="*/ 12 h 134"/>
                <a:gd name="T44" fmla="*/ 97 w 139"/>
                <a:gd name="T45" fmla="*/ 5 h 134"/>
                <a:gd name="T46" fmla="*/ 91 w 139"/>
                <a:gd name="T47" fmla="*/ 3 h 134"/>
                <a:gd name="T48" fmla="*/ 84 w 139"/>
                <a:gd name="T49" fmla="*/ 1 h 134"/>
                <a:gd name="T50" fmla="*/ 78 w 139"/>
                <a:gd name="T51" fmla="*/ 0 h 134"/>
                <a:gd name="T52" fmla="*/ 70 w 139"/>
                <a:gd name="T53" fmla="*/ 0 h 134"/>
                <a:gd name="T54" fmla="*/ 70 w 139"/>
                <a:gd name="T55" fmla="*/ 0 h 134"/>
                <a:gd name="T56" fmla="*/ 63 w 139"/>
                <a:gd name="T57" fmla="*/ 0 h 134"/>
                <a:gd name="T58" fmla="*/ 56 w 139"/>
                <a:gd name="T59" fmla="*/ 1 h 134"/>
                <a:gd name="T60" fmla="*/ 49 w 139"/>
                <a:gd name="T61" fmla="*/ 3 h 134"/>
                <a:gd name="T62" fmla="*/ 43 w 139"/>
                <a:gd name="T63" fmla="*/ 5 h 134"/>
                <a:gd name="T64" fmla="*/ 32 w 139"/>
                <a:gd name="T65" fmla="*/ 12 h 134"/>
                <a:gd name="T66" fmla="*/ 20 w 139"/>
                <a:gd name="T67" fmla="*/ 20 h 134"/>
                <a:gd name="T68" fmla="*/ 12 w 139"/>
                <a:gd name="T69" fmla="*/ 29 h 134"/>
                <a:gd name="T70" fmla="*/ 6 w 139"/>
                <a:gd name="T71" fmla="*/ 41 h 134"/>
                <a:gd name="T72" fmla="*/ 3 w 139"/>
                <a:gd name="T73" fmla="*/ 48 h 134"/>
                <a:gd name="T74" fmla="*/ 1 w 139"/>
                <a:gd name="T75" fmla="*/ 54 h 134"/>
                <a:gd name="T76" fmla="*/ 0 w 139"/>
                <a:gd name="T77" fmla="*/ 61 h 134"/>
                <a:gd name="T78" fmla="*/ 0 w 139"/>
                <a:gd name="T79" fmla="*/ 67 h 134"/>
                <a:gd name="T80" fmla="*/ 0 w 139"/>
                <a:gd name="T81" fmla="*/ 67 h 134"/>
                <a:gd name="T82" fmla="*/ 0 w 139"/>
                <a:gd name="T83" fmla="*/ 74 h 134"/>
                <a:gd name="T84" fmla="*/ 1 w 139"/>
                <a:gd name="T85" fmla="*/ 81 h 134"/>
                <a:gd name="T86" fmla="*/ 3 w 139"/>
                <a:gd name="T87" fmla="*/ 88 h 134"/>
                <a:gd name="T88" fmla="*/ 6 w 139"/>
                <a:gd name="T89" fmla="*/ 93 h 134"/>
                <a:gd name="T90" fmla="*/ 12 w 139"/>
                <a:gd name="T91" fmla="*/ 105 h 134"/>
                <a:gd name="T92" fmla="*/ 20 w 139"/>
                <a:gd name="T93" fmla="*/ 115 h 134"/>
                <a:gd name="T94" fmla="*/ 32 w 139"/>
                <a:gd name="T95" fmla="*/ 123 h 134"/>
                <a:gd name="T96" fmla="*/ 43 w 139"/>
                <a:gd name="T97" fmla="*/ 129 h 134"/>
                <a:gd name="T98" fmla="*/ 49 w 139"/>
                <a:gd name="T99" fmla="*/ 131 h 134"/>
                <a:gd name="T100" fmla="*/ 56 w 139"/>
                <a:gd name="T101" fmla="*/ 133 h 134"/>
                <a:gd name="T102" fmla="*/ 63 w 139"/>
                <a:gd name="T103" fmla="*/ 134 h 134"/>
                <a:gd name="T104" fmla="*/ 70 w 139"/>
                <a:gd name="T105" fmla="*/ 134 h 134"/>
                <a:gd name="T106" fmla="*/ 70 w 139"/>
                <a:gd name="T107" fmla="*/ 134 h 1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39" h="134">
                  <a:moveTo>
                    <a:pt x="70" y="134"/>
                  </a:moveTo>
                  <a:lnTo>
                    <a:pt x="70" y="134"/>
                  </a:lnTo>
                  <a:lnTo>
                    <a:pt x="78" y="134"/>
                  </a:lnTo>
                  <a:lnTo>
                    <a:pt x="84" y="133"/>
                  </a:lnTo>
                  <a:lnTo>
                    <a:pt x="91" y="131"/>
                  </a:lnTo>
                  <a:lnTo>
                    <a:pt x="97" y="129"/>
                  </a:lnTo>
                  <a:lnTo>
                    <a:pt x="109" y="123"/>
                  </a:lnTo>
                  <a:lnTo>
                    <a:pt x="119" y="115"/>
                  </a:lnTo>
                  <a:lnTo>
                    <a:pt x="128" y="105"/>
                  </a:lnTo>
                  <a:lnTo>
                    <a:pt x="135" y="93"/>
                  </a:lnTo>
                  <a:lnTo>
                    <a:pt x="137" y="88"/>
                  </a:lnTo>
                  <a:lnTo>
                    <a:pt x="138" y="81"/>
                  </a:lnTo>
                  <a:lnTo>
                    <a:pt x="139" y="74"/>
                  </a:lnTo>
                  <a:lnTo>
                    <a:pt x="139" y="67"/>
                  </a:lnTo>
                  <a:lnTo>
                    <a:pt x="139" y="67"/>
                  </a:lnTo>
                  <a:lnTo>
                    <a:pt x="139" y="61"/>
                  </a:lnTo>
                  <a:lnTo>
                    <a:pt x="138" y="54"/>
                  </a:lnTo>
                  <a:lnTo>
                    <a:pt x="137" y="48"/>
                  </a:lnTo>
                  <a:lnTo>
                    <a:pt x="135" y="41"/>
                  </a:lnTo>
                  <a:lnTo>
                    <a:pt x="128" y="29"/>
                  </a:lnTo>
                  <a:lnTo>
                    <a:pt x="119" y="20"/>
                  </a:lnTo>
                  <a:lnTo>
                    <a:pt x="109" y="12"/>
                  </a:lnTo>
                  <a:lnTo>
                    <a:pt x="97" y="5"/>
                  </a:lnTo>
                  <a:lnTo>
                    <a:pt x="91" y="3"/>
                  </a:lnTo>
                  <a:lnTo>
                    <a:pt x="84" y="1"/>
                  </a:lnTo>
                  <a:lnTo>
                    <a:pt x="78" y="0"/>
                  </a:lnTo>
                  <a:lnTo>
                    <a:pt x="70" y="0"/>
                  </a:lnTo>
                  <a:lnTo>
                    <a:pt x="70" y="0"/>
                  </a:lnTo>
                  <a:lnTo>
                    <a:pt x="63" y="0"/>
                  </a:lnTo>
                  <a:lnTo>
                    <a:pt x="56" y="1"/>
                  </a:lnTo>
                  <a:lnTo>
                    <a:pt x="49" y="3"/>
                  </a:lnTo>
                  <a:lnTo>
                    <a:pt x="43" y="5"/>
                  </a:lnTo>
                  <a:lnTo>
                    <a:pt x="32" y="12"/>
                  </a:lnTo>
                  <a:lnTo>
                    <a:pt x="20" y="20"/>
                  </a:lnTo>
                  <a:lnTo>
                    <a:pt x="12" y="29"/>
                  </a:lnTo>
                  <a:lnTo>
                    <a:pt x="6" y="41"/>
                  </a:lnTo>
                  <a:lnTo>
                    <a:pt x="3" y="48"/>
                  </a:lnTo>
                  <a:lnTo>
                    <a:pt x="1" y="54"/>
                  </a:lnTo>
                  <a:lnTo>
                    <a:pt x="0" y="61"/>
                  </a:lnTo>
                  <a:lnTo>
                    <a:pt x="0" y="67"/>
                  </a:lnTo>
                  <a:lnTo>
                    <a:pt x="0" y="67"/>
                  </a:lnTo>
                  <a:lnTo>
                    <a:pt x="0" y="74"/>
                  </a:lnTo>
                  <a:lnTo>
                    <a:pt x="1" y="81"/>
                  </a:lnTo>
                  <a:lnTo>
                    <a:pt x="3" y="88"/>
                  </a:lnTo>
                  <a:lnTo>
                    <a:pt x="6" y="93"/>
                  </a:lnTo>
                  <a:lnTo>
                    <a:pt x="12" y="105"/>
                  </a:lnTo>
                  <a:lnTo>
                    <a:pt x="20" y="115"/>
                  </a:lnTo>
                  <a:lnTo>
                    <a:pt x="32" y="123"/>
                  </a:lnTo>
                  <a:lnTo>
                    <a:pt x="43" y="129"/>
                  </a:lnTo>
                  <a:lnTo>
                    <a:pt x="49" y="131"/>
                  </a:lnTo>
                  <a:lnTo>
                    <a:pt x="56" y="133"/>
                  </a:lnTo>
                  <a:lnTo>
                    <a:pt x="63" y="134"/>
                  </a:lnTo>
                  <a:lnTo>
                    <a:pt x="70" y="134"/>
                  </a:lnTo>
                  <a:lnTo>
                    <a:pt x="70" y="134"/>
                  </a:lnTo>
                  <a:close/>
                </a:path>
              </a:pathLst>
            </a:custGeom>
            <a:solidFill>
              <a:srgbClr val="C3202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5" name="Freeform 305">
              <a:extLst>
                <a:ext uri="{FF2B5EF4-FFF2-40B4-BE49-F238E27FC236}">
                  <a16:creationId xmlns:a16="http://schemas.microsoft.com/office/drawing/2014/main" xmlns="" id="{A0773378-253F-D349-955C-021C093EE9D0}"/>
                </a:ext>
              </a:extLst>
            </p:cNvPr>
            <p:cNvSpPr>
              <a:spLocks/>
            </p:cNvSpPr>
            <p:nvPr/>
          </p:nvSpPr>
          <p:spPr bwMode="auto">
            <a:xfrm flipH="1">
              <a:off x="8143611" y="1502504"/>
              <a:ext cx="152255" cy="197775"/>
            </a:xfrm>
            <a:custGeom>
              <a:avLst/>
              <a:gdLst>
                <a:gd name="T0" fmla="*/ 0 w 168"/>
                <a:gd name="T1" fmla="*/ 185 h 218"/>
                <a:gd name="T2" fmla="*/ 110 w 168"/>
                <a:gd name="T3" fmla="*/ 0 h 218"/>
                <a:gd name="T4" fmla="*/ 168 w 168"/>
                <a:gd name="T5" fmla="*/ 32 h 218"/>
                <a:gd name="T6" fmla="*/ 58 w 168"/>
                <a:gd name="T7" fmla="*/ 218 h 218"/>
                <a:gd name="T8" fmla="*/ 58 w 168"/>
                <a:gd name="T9" fmla="*/ 218 h 218"/>
                <a:gd name="T10" fmla="*/ 0 w 168"/>
                <a:gd name="T11" fmla="*/ 185 h 218"/>
                <a:gd name="T12" fmla="*/ 0 w 168"/>
                <a:gd name="T13" fmla="*/ 185 h 218"/>
              </a:gdLst>
              <a:ahLst/>
              <a:cxnLst>
                <a:cxn ang="0">
                  <a:pos x="T0" y="T1"/>
                </a:cxn>
                <a:cxn ang="0">
                  <a:pos x="T2" y="T3"/>
                </a:cxn>
                <a:cxn ang="0">
                  <a:pos x="T4" y="T5"/>
                </a:cxn>
                <a:cxn ang="0">
                  <a:pos x="T6" y="T7"/>
                </a:cxn>
                <a:cxn ang="0">
                  <a:pos x="T8" y="T9"/>
                </a:cxn>
                <a:cxn ang="0">
                  <a:pos x="T10" y="T11"/>
                </a:cxn>
                <a:cxn ang="0">
                  <a:pos x="T12" y="T13"/>
                </a:cxn>
              </a:cxnLst>
              <a:rect l="0" t="0" r="r" b="b"/>
              <a:pathLst>
                <a:path w="168" h="218">
                  <a:moveTo>
                    <a:pt x="0" y="185"/>
                  </a:moveTo>
                  <a:lnTo>
                    <a:pt x="110" y="0"/>
                  </a:lnTo>
                  <a:lnTo>
                    <a:pt x="168" y="32"/>
                  </a:lnTo>
                  <a:lnTo>
                    <a:pt x="58" y="218"/>
                  </a:lnTo>
                  <a:lnTo>
                    <a:pt x="58" y="218"/>
                  </a:lnTo>
                  <a:lnTo>
                    <a:pt x="0" y="185"/>
                  </a:lnTo>
                  <a:lnTo>
                    <a:pt x="0" y="185"/>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6" name="Freeform 306">
              <a:extLst>
                <a:ext uri="{FF2B5EF4-FFF2-40B4-BE49-F238E27FC236}">
                  <a16:creationId xmlns:a16="http://schemas.microsoft.com/office/drawing/2014/main" xmlns="" id="{6A00CCE7-1083-4643-BC71-4C1FA484386F}"/>
                </a:ext>
              </a:extLst>
            </p:cNvPr>
            <p:cNvSpPr>
              <a:spLocks/>
            </p:cNvSpPr>
            <p:nvPr/>
          </p:nvSpPr>
          <p:spPr bwMode="auto">
            <a:xfrm flipH="1">
              <a:off x="10091431" y="4909363"/>
              <a:ext cx="152255" cy="197775"/>
            </a:xfrm>
            <a:custGeom>
              <a:avLst/>
              <a:gdLst>
                <a:gd name="T0" fmla="*/ 169 w 169"/>
                <a:gd name="T1" fmla="*/ 31 h 217"/>
                <a:gd name="T2" fmla="*/ 59 w 169"/>
                <a:gd name="T3" fmla="*/ 217 h 217"/>
                <a:gd name="T4" fmla="*/ 0 w 169"/>
                <a:gd name="T5" fmla="*/ 185 h 217"/>
                <a:gd name="T6" fmla="*/ 111 w 169"/>
                <a:gd name="T7" fmla="*/ 0 h 217"/>
                <a:gd name="T8" fmla="*/ 111 w 169"/>
                <a:gd name="T9" fmla="*/ 0 h 217"/>
                <a:gd name="T10" fmla="*/ 169 w 169"/>
                <a:gd name="T11" fmla="*/ 31 h 217"/>
                <a:gd name="T12" fmla="*/ 169 w 169"/>
                <a:gd name="T13" fmla="*/ 31 h 217"/>
              </a:gdLst>
              <a:ahLst/>
              <a:cxnLst>
                <a:cxn ang="0">
                  <a:pos x="T0" y="T1"/>
                </a:cxn>
                <a:cxn ang="0">
                  <a:pos x="T2" y="T3"/>
                </a:cxn>
                <a:cxn ang="0">
                  <a:pos x="T4" y="T5"/>
                </a:cxn>
                <a:cxn ang="0">
                  <a:pos x="T6" y="T7"/>
                </a:cxn>
                <a:cxn ang="0">
                  <a:pos x="T8" y="T9"/>
                </a:cxn>
                <a:cxn ang="0">
                  <a:pos x="T10" y="T11"/>
                </a:cxn>
                <a:cxn ang="0">
                  <a:pos x="T12" y="T13"/>
                </a:cxn>
              </a:cxnLst>
              <a:rect l="0" t="0" r="r" b="b"/>
              <a:pathLst>
                <a:path w="169" h="217">
                  <a:moveTo>
                    <a:pt x="169" y="31"/>
                  </a:moveTo>
                  <a:lnTo>
                    <a:pt x="59" y="217"/>
                  </a:lnTo>
                  <a:lnTo>
                    <a:pt x="0" y="185"/>
                  </a:lnTo>
                  <a:lnTo>
                    <a:pt x="111" y="0"/>
                  </a:lnTo>
                  <a:lnTo>
                    <a:pt x="111" y="0"/>
                  </a:lnTo>
                  <a:lnTo>
                    <a:pt x="169" y="31"/>
                  </a:lnTo>
                  <a:lnTo>
                    <a:pt x="169" y="31"/>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7" name="Freeform 307">
              <a:extLst>
                <a:ext uri="{FF2B5EF4-FFF2-40B4-BE49-F238E27FC236}">
                  <a16:creationId xmlns:a16="http://schemas.microsoft.com/office/drawing/2014/main" xmlns="" id="{9BE8BC48-C344-B74D-A77F-CBF55BF814D9}"/>
                </a:ext>
              </a:extLst>
            </p:cNvPr>
            <p:cNvSpPr>
              <a:spLocks/>
            </p:cNvSpPr>
            <p:nvPr/>
          </p:nvSpPr>
          <p:spPr bwMode="auto">
            <a:xfrm flipH="1">
              <a:off x="7398085" y="2255331"/>
              <a:ext cx="194257" cy="146738"/>
            </a:xfrm>
            <a:custGeom>
              <a:avLst/>
              <a:gdLst>
                <a:gd name="T0" fmla="*/ 0 w 225"/>
                <a:gd name="T1" fmla="*/ 106 h 162"/>
                <a:gd name="T2" fmla="*/ 191 w 225"/>
                <a:gd name="T3" fmla="*/ 0 h 162"/>
                <a:gd name="T4" fmla="*/ 225 w 225"/>
                <a:gd name="T5" fmla="*/ 56 h 162"/>
                <a:gd name="T6" fmla="*/ 33 w 225"/>
                <a:gd name="T7" fmla="*/ 162 h 162"/>
                <a:gd name="T8" fmla="*/ 33 w 225"/>
                <a:gd name="T9" fmla="*/ 162 h 162"/>
                <a:gd name="T10" fmla="*/ 0 w 225"/>
                <a:gd name="T11" fmla="*/ 106 h 162"/>
                <a:gd name="T12" fmla="*/ 0 w 225"/>
                <a:gd name="T13" fmla="*/ 106 h 162"/>
              </a:gdLst>
              <a:ahLst/>
              <a:cxnLst>
                <a:cxn ang="0">
                  <a:pos x="T0" y="T1"/>
                </a:cxn>
                <a:cxn ang="0">
                  <a:pos x="T2" y="T3"/>
                </a:cxn>
                <a:cxn ang="0">
                  <a:pos x="T4" y="T5"/>
                </a:cxn>
                <a:cxn ang="0">
                  <a:pos x="T6" y="T7"/>
                </a:cxn>
                <a:cxn ang="0">
                  <a:pos x="T8" y="T9"/>
                </a:cxn>
                <a:cxn ang="0">
                  <a:pos x="T10" y="T11"/>
                </a:cxn>
                <a:cxn ang="0">
                  <a:pos x="T12" y="T13"/>
                </a:cxn>
              </a:cxnLst>
              <a:rect l="0" t="0" r="r" b="b"/>
              <a:pathLst>
                <a:path w="225" h="162">
                  <a:moveTo>
                    <a:pt x="0" y="106"/>
                  </a:moveTo>
                  <a:lnTo>
                    <a:pt x="191" y="0"/>
                  </a:lnTo>
                  <a:lnTo>
                    <a:pt x="225" y="56"/>
                  </a:lnTo>
                  <a:lnTo>
                    <a:pt x="33" y="162"/>
                  </a:lnTo>
                  <a:lnTo>
                    <a:pt x="33" y="162"/>
                  </a:lnTo>
                  <a:lnTo>
                    <a:pt x="0" y="106"/>
                  </a:lnTo>
                  <a:lnTo>
                    <a:pt x="0" y="106"/>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8" name="Freeform 308">
              <a:extLst>
                <a:ext uri="{FF2B5EF4-FFF2-40B4-BE49-F238E27FC236}">
                  <a16:creationId xmlns:a16="http://schemas.microsoft.com/office/drawing/2014/main" xmlns="" id="{6A5D4960-E04A-7F48-95CA-6C618CAD6943}"/>
                </a:ext>
              </a:extLst>
            </p:cNvPr>
            <p:cNvSpPr>
              <a:spLocks/>
            </p:cNvSpPr>
            <p:nvPr/>
          </p:nvSpPr>
          <p:spPr bwMode="auto">
            <a:xfrm flipH="1">
              <a:off x="10794956" y="4207577"/>
              <a:ext cx="199507" cy="146738"/>
            </a:xfrm>
            <a:custGeom>
              <a:avLst/>
              <a:gdLst>
                <a:gd name="T0" fmla="*/ 227 w 227"/>
                <a:gd name="T1" fmla="*/ 56 h 162"/>
                <a:gd name="T2" fmla="*/ 34 w 227"/>
                <a:gd name="T3" fmla="*/ 162 h 162"/>
                <a:gd name="T4" fmla="*/ 0 w 227"/>
                <a:gd name="T5" fmla="*/ 106 h 162"/>
                <a:gd name="T6" fmla="*/ 193 w 227"/>
                <a:gd name="T7" fmla="*/ 0 h 162"/>
                <a:gd name="T8" fmla="*/ 193 w 227"/>
                <a:gd name="T9" fmla="*/ 0 h 162"/>
                <a:gd name="T10" fmla="*/ 227 w 227"/>
                <a:gd name="T11" fmla="*/ 56 h 162"/>
                <a:gd name="T12" fmla="*/ 227 w 227"/>
                <a:gd name="T13" fmla="*/ 56 h 162"/>
              </a:gdLst>
              <a:ahLst/>
              <a:cxnLst>
                <a:cxn ang="0">
                  <a:pos x="T0" y="T1"/>
                </a:cxn>
                <a:cxn ang="0">
                  <a:pos x="T2" y="T3"/>
                </a:cxn>
                <a:cxn ang="0">
                  <a:pos x="T4" y="T5"/>
                </a:cxn>
                <a:cxn ang="0">
                  <a:pos x="T6" y="T7"/>
                </a:cxn>
                <a:cxn ang="0">
                  <a:pos x="T8" y="T9"/>
                </a:cxn>
                <a:cxn ang="0">
                  <a:pos x="T10" y="T11"/>
                </a:cxn>
                <a:cxn ang="0">
                  <a:pos x="T12" y="T13"/>
                </a:cxn>
              </a:cxnLst>
              <a:rect l="0" t="0" r="r" b="b"/>
              <a:pathLst>
                <a:path w="227" h="162">
                  <a:moveTo>
                    <a:pt x="227" y="56"/>
                  </a:moveTo>
                  <a:lnTo>
                    <a:pt x="34" y="162"/>
                  </a:lnTo>
                  <a:lnTo>
                    <a:pt x="0" y="106"/>
                  </a:lnTo>
                  <a:lnTo>
                    <a:pt x="193" y="0"/>
                  </a:lnTo>
                  <a:lnTo>
                    <a:pt x="193" y="0"/>
                  </a:lnTo>
                  <a:lnTo>
                    <a:pt x="227" y="56"/>
                  </a:lnTo>
                  <a:lnTo>
                    <a:pt x="227" y="56"/>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29" name="Freeform 309">
              <a:extLst>
                <a:ext uri="{FF2B5EF4-FFF2-40B4-BE49-F238E27FC236}">
                  <a16:creationId xmlns:a16="http://schemas.microsoft.com/office/drawing/2014/main" xmlns="" id="{44FCF898-0458-6741-9A90-FE4E8AA1502E}"/>
                </a:ext>
              </a:extLst>
            </p:cNvPr>
            <p:cNvSpPr>
              <a:spLocks/>
            </p:cNvSpPr>
            <p:nvPr/>
          </p:nvSpPr>
          <p:spPr bwMode="auto">
            <a:xfrm flipH="1">
              <a:off x="10794956" y="2255331"/>
              <a:ext cx="194257" cy="146738"/>
            </a:xfrm>
            <a:custGeom>
              <a:avLst/>
              <a:gdLst>
                <a:gd name="T0" fmla="*/ 192 w 226"/>
                <a:gd name="T1" fmla="*/ 162 h 162"/>
                <a:gd name="T2" fmla="*/ 0 w 226"/>
                <a:gd name="T3" fmla="*/ 56 h 162"/>
                <a:gd name="T4" fmla="*/ 34 w 226"/>
                <a:gd name="T5" fmla="*/ 0 h 162"/>
                <a:gd name="T6" fmla="*/ 226 w 226"/>
                <a:gd name="T7" fmla="*/ 106 h 162"/>
                <a:gd name="T8" fmla="*/ 226 w 226"/>
                <a:gd name="T9" fmla="*/ 106 h 162"/>
                <a:gd name="T10" fmla="*/ 192 w 226"/>
                <a:gd name="T11" fmla="*/ 162 h 162"/>
                <a:gd name="T12" fmla="*/ 192 w 226"/>
                <a:gd name="T13" fmla="*/ 162 h 162"/>
              </a:gdLst>
              <a:ahLst/>
              <a:cxnLst>
                <a:cxn ang="0">
                  <a:pos x="T0" y="T1"/>
                </a:cxn>
                <a:cxn ang="0">
                  <a:pos x="T2" y="T3"/>
                </a:cxn>
                <a:cxn ang="0">
                  <a:pos x="T4" y="T5"/>
                </a:cxn>
                <a:cxn ang="0">
                  <a:pos x="T6" y="T7"/>
                </a:cxn>
                <a:cxn ang="0">
                  <a:pos x="T8" y="T9"/>
                </a:cxn>
                <a:cxn ang="0">
                  <a:pos x="T10" y="T11"/>
                </a:cxn>
                <a:cxn ang="0">
                  <a:pos x="T12" y="T13"/>
                </a:cxn>
              </a:cxnLst>
              <a:rect l="0" t="0" r="r" b="b"/>
              <a:pathLst>
                <a:path w="226" h="162">
                  <a:moveTo>
                    <a:pt x="192" y="162"/>
                  </a:moveTo>
                  <a:lnTo>
                    <a:pt x="0" y="56"/>
                  </a:lnTo>
                  <a:lnTo>
                    <a:pt x="34" y="0"/>
                  </a:lnTo>
                  <a:lnTo>
                    <a:pt x="226" y="106"/>
                  </a:lnTo>
                  <a:lnTo>
                    <a:pt x="226" y="106"/>
                  </a:lnTo>
                  <a:lnTo>
                    <a:pt x="192" y="162"/>
                  </a:lnTo>
                  <a:lnTo>
                    <a:pt x="192" y="162"/>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0" name="Freeform 310">
              <a:extLst>
                <a:ext uri="{FF2B5EF4-FFF2-40B4-BE49-F238E27FC236}">
                  <a16:creationId xmlns:a16="http://schemas.microsoft.com/office/drawing/2014/main" xmlns="" id="{5379A646-4260-984B-9AB5-891F882882ED}"/>
                </a:ext>
              </a:extLst>
            </p:cNvPr>
            <p:cNvSpPr>
              <a:spLocks/>
            </p:cNvSpPr>
            <p:nvPr/>
          </p:nvSpPr>
          <p:spPr bwMode="auto">
            <a:xfrm flipH="1">
              <a:off x="7398085" y="4207577"/>
              <a:ext cx="194257" cy="146738"/>
            </a:xfrm>
            <a:custGeom>
              <a:avLst/>
              <a:gdLst>
                <a:gd name="T0" fmla="*/ 33 w 226"/>
                <a:gd name="T1" fmla="*/ 0 h 162"/>
                <a:gd name="T2" fmla="*/ 226 w 226"/>
                <a:gd name="T3" fmla="*/ 106 h 162"/>
                <a:gd name="T4" fmla="*/ 192 w 226"/>
                <a:gd name="T5" fmla="*/ 162 h 162"/>
                <a:gd name="T6" fmla="*/ 0 w 226"/>
                <a:gd name="T7" fmla="*/ 56 h 162"/>
                <a:gd name="T8" fmla="*/ 0 w 226"/>
                <a:gd name="T9" fmla="*/ 56 h 162"/>
                <a:gd name="T10" fmla="*/ 33 w 226"/>
                <a:gd name="T11" fmla="*/ 0 h 162"/>
                <a:gd name="T12" fmla="*/ 33 w 226"/>
                <a:gd name="T13" fmla="*/ 0 h 162"/>
              </a:gdLst>
              <a:ahLst/>
              <a:cxnLst>
                <a:cxn ang="0">
                  <a:pos x="T0" y="T1"/>
                </a:cxn>
                <a:cxn ang="0">
                  <a:pos x="T2" y="T3"/>
                </a:cxn>
                <a:cxn ang="0">
                  <a:pos x="T4" y="T5"/>
                </a:cxn>
                <a:cxn ang="0">
                  <a:pos x="T6" y="T7"/>
                </a:cxn>
                <a:cxn ang="0">
                  <a:pos x="T8" y="T9"/>
                </a:cxn>
                <a:cxn ang="0">
                  <a:pos x="T10" y="T11"/>
                </a:cxn>
                <a:cxn ang="0">
                  <a:pos x="T12" y="T13"/>
                </a:cxn>
              </a:cxnLst>
              <a:rect l="0" t="0" r="r" b="b"/>
              <a:pathLst>
                <a:path w="226" h="162">
                  <a:moveTo>
                    <a:pt x="33" y="0"/>
                  </a:moveTo>
                  <a:lnTo>
                    <a:pt x="226" y="106"/>
                  </a:lnTo>
                  <a:lnTo>
                    <a:pt x="192" y="162"/>
                  </a:lnTo>
                  <a:lnTo>
                    <a:pt x="0" y="56"/>
                  </a:lnTo>
                  <a:lnTo>
                    <a:pt x="0" y="56"/>
                  </a:lnTo>
                  <a:lnTo>
                    <a:pt x="33" y="0"/>
                  </a:lnTo>
                  <a:lnTo>
                    <a:pt x="33"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1" name="Freeform 311">
              <a:extLst>
                <a:ext uri="{FF2B5EF4-FFF2-40B4-BE49-F238E27FC236}">
                  <a16:creationId xmlns:a16="http://schemas.microsoft.com/office/drawing/2014/main" xmlns="" id="{0F0AB30A-CF54-014A-9068-C0C477D87997}"/>
                </a:ext>
              </a:extLst>
            </p:cNvPr>
            <p:cNvSpPr>
              <a:spLocks/>
            </p:cNvSpPr>
            <p:nvPr/>
          </p:nvSpPr>
          <p:spPr bwMode="auto">
            <a:xfrm flipH="1">
              <a:off x="10096681" y="1502504"/>
              <a:ext cx="147005" cy="197775"/>
            </a:xfrm>
            <a:custGeom>
              <a:avLst/>
              <a:gdLst>
                <a:gd name="T0" fmla="*/ 109 w 168"/>
                <a:gd name="T1" fmla="*/ 217 h 217"/>
                <a:gd name="T2" fmla="*/ 0 w 168"/>
                <a:gd name="T3" fmla="*/ 32 h 217"/>
                <a:gd name="T4" fmla="*/ 58 w 168"/>
                <a:gd name="T5" fmla="*/ 0 h 217"/>
                <a:gd name="T6" fmla="*/ 168 w 168"/>
                <a:gd name="T7" fmla="*/ 185 h 217"/>
                <a:gd name="T8" fmla="*/ 168 w 168"/>
                <a:gd name="T9" fmla="*/ 185 h 217"/>
                <a:gd name="T10" fmla="*/ 109 w 168"/>
                <a:gd name="T11" fmla="*/ 217 h 217"/>
                <a:gd name="T12" fmla="*/ 109 w 168"/>
                <a:gd name="T13" fmla="*/ 217 h 217"/>
              </a:gdLst>
              <a:ahLst/>
              <a:cxnLst>
                <a:cxn ang="0">
                  <a:pos x="T0" y="T1"/>
                </a:cxn>
                <a:cxn ang="0">
                  <a:pos x="T2" y="T3"/>
                </a:cxn>
                <a:cxn ang="0">
                  <a:pos x="T4" y="T5"/>
                </a:cxn>
                <a:cxn ang="0">
                  <a:pos x="T6" y="T7"/>
                </a:cxn>
                <a:cxn ang="0">
                  <a:pos x="T8" y="T9"/>
                </a:cxn>
                <a:cxn ang="0">
                  <a:pos x="T10" y="T11"/>
                </a:cxn>
                <a:cxn ang="0">
                  <a:pos x="T12" y="T13"/>
                </a:cxn>
              </a:cxnLst>
              <a:rect l="0" t="0" r="r" b="b"/>
              <a:pathLst>
                <a:path w="168" h="217">
                  <a:moveTo>
                    <a:pt x="109" y="217"/>
                  </a:moveTo>
                  <a:lnTo>
                    <a:pt x="0" y="32"/>
                  </a:lnTo>
                  <a:lnTo>
                    <a:pt x="58" y="0"/>
                  </a:lnTo>
                  <a:lnTo>
                    <a:pt x="168" y="185"/>
                  </a:lnTo>
                  <a:lnTo>
                    <a:pt x="168" y="185"/>
                  </a:lnTo>
                  <a:lnTo>
                    <a:pt x="109" y="217"/>
                  </a:lnTo>
                  <a:lnTo>
                    <a:pt x="109" y="217"/>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2" name="Freeform 312">
              <a:extLst>
                <a:ext uri="{FF2B5EF4-FFF2-40B4-BE49-F238E27FC236}">
                  <a16:creationId xmlns:a16="http://schemas.microsoft.com/office/drawing/2014/main" xmlns="" id="{A8B26D93-B106-8147-8965-9B743B48E2E9}"/>
                </a:ext>
              </a:extLst>
            </p:cNvPr>
            <p:cNvSpPr>
              <a:spLocks/>
            </p:cNvSpPr>
            <p:nvPr/>
          </p:nvSpPr>
          <p:spPr bwMode="auto">
            <a:xfrm flipH="1">
              <a:off x="8143611" y="4902985"/>
              <a:ext cx="147005" cy="197775"/>
            </a:xfrm>
            <a:custGeom>
              <a:avLst/>
              <a:gdLst>
                <a:gd name="T0" fmla="*/ 59 w 170"/>
                <a:gd name="T1" fmla="*/ 0 h 217"/>
                <a:gd name="T2" fmla="*/ 170 w 170"/>
                <a:gd name="T3" fmla="*/ 185 h 217"/>
                <a:gd name="T4" fmla="*/ 111 w 170"/>
                <a:gd name="T5" fmla="*/ 217 h 217"/>
                <a:gd name="T6" fmla="*/ 0 w 170"/>
                <a:gd name="T7" fmla="*/ 32 h 217"/>
                <a:gd name="T8" fmla="*/ 0 w 170"/>
                <a:gd name="T9" fmla="*/ 32 h 217"/>
                <a:gd name="T10" fmla="*/ 59 w 170"/>
                <a:gd name="T11" fmla="*/ 0 h 217"/>
                <a:gd name="T12" fmla="*/ 59 w 170"/>
                <a:gd name="T13" fmla="*/ 0 h 217"/>
              </a:gdLst>
              <a:ahLst/>
              <a:cxnLst>
                <a:cxn ang="0">
                  <a:pos x="T0" y="T1"/>
                </a:cxn>
                <a:cxn ang="0">
                  <a:pos x="T2" y="T3"/>
                </a:cxn>
                <a:cxn ang="0">
                  <a:pos x="T4" y="T5"/>
                </a:cxn>
                <a:cxn ang="0">
                  <a:pos x="T6" y="T7"/>
                </a:cxn>
                <a:cxn ang="0">
                  <a:pos x="T8" y="T9"/>
                </a:cxn>
                <a:cxn ang="0">
                  <a:pos x="T10" y="T11"/>
                </a:cxn>
                <a:cxn ang="0">
                  <a:pos x="T12" y="T13"/>
                </a:cxn>
              </a:cxnLst>
              <a:rect l="0" t="0" r="r" b="b"/>
              <a:pathLst>
                <a:path w="170" h="217">
                  <a:moveTo>
                    <a:pt x="59" y="0"/>
                  </a:moveTo>
                  <a:lnTo>
                    <a:pt x="170" y="185"/>
                  </a:lnTo>
                  <a:lnTo>
                    <a:pt x="111" y="217"/>
                  </a:lnTo>
                  <a:lnTo>
                    <a:pt x="0" y="32"/>
                  </a:lnTo>
                  <a:lnTo>
                    <a:pt x="0" y="32"/>
                  </a:lnTo>
                  <a:lnTo>
                    <a:pt x="59" y="0"/>
                  </a:lnTo>
                  <a:lnTo>
                    <a:pt x="59"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3" name="Freeform 313">
              <a:extLst>
                <a:ext uri="{FF2B5EF4-FFF2-40B4-BE49-F238E27FC236}">
                  <a16:creationId xmlns:a16="http://schemas.microsoft.com/office/drawing/2014/main" xmlns="" id="{C8ADE7B3-F784-8A40-8AD3-D664E6777B6C}"/>
                </a:ext>
              </a:extLst>
            </p:cNvPr>
            <p:cNvSpPr>
              <a:spLocks/>
            </p:cNvSpPr>
            <p:nvPr/>
          </p:nvSpPr>
          <p:spPr bwMode="auto">
            <a:xfrm flipH="1">
              <a:off x="7104074" y="3263353"/>
              <a:ext cx="336012" cy="57419"/>
            </a:xfrm>
            <a:custGeom>
              <a:avLst/>
              <a:gdLst>
                <a:gd name="T0" fmla="*/ 0 w 382"/>
                <a:gd name="T1" fmla="*/ 44 h 64"/>
                <a:gd name="T2" fmla="*/ 0 w 382"/>
                <a:gd name="T3" fmla="*/ 44 h 64"/>
                <a:gd name="T4" fmla="*/ 0 w 382"/>
                <a:gd name="T5" fmla="*/ 0 h 64"/>
                <a:gd name="T6" fmla="*/ 382 w 382"/>
                <a:gd name="T7" fmla="*/ 0 h 64"/>
                <a:gd name="T8" fmla="*/ 382 w 382"/>
                <a:gd name="T9" fmla="*/ 64 h 64"/>
                <a:gd name="T10" fmla="*/ 0 w 382"/>
                <a:gd name="T11" fmla="*/ 64 h 64"/>
                <a:gd name="T12" fmla="*/ 0 w 382"/>
                <a:gd name="T13" fmla="*/ 64 h 64"/>
                <a:gd name="T14" fmla="*/ 0 w 382"/>
                <a:gd name="T15" fmla="*/ 44 h 64"/>
                <a:gd name="T16" fmla="*/ 0 w 382"/>
                <a:gd name="T17" fmla="*/ 44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82" h="64">
                  <a:moveTo>
                    <a:pt x="0" y="44"/>
                  </a:moveTo>
                  <a:lnTo>
                    <a:pt x="0" y="44"/>
                  </a:lnTo>
                  <a:lnTo>
                    <a:pt x="0" y="0"/>
                  </a:lnTo>
                  <a:lnTo>
                    <a:pt x="382" y="0"/>
                  </a:lnTo>
                  <a:lnTo>
                    <a:pt x="382" y="64"/>
                  </a:lnTo>
                  <a:lnTo>
                    <a:pt x="0" y="64"/>
                  </a:lnTo>
                  <a:lnTo>
                    <a:pt x="0" y="64"/>
                  </a:lnTo>
                  <a:lnTo>
                    <a:pt x="0" y="44"/>
                  </a:lnTo>
                  <a:lnTo>
                    <a:pt x="0" y="44"/>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4" name="Freeform 314">
              <a:extLst>
                <a:ext uri="{FF2B5EF4-FFF2-40B4-BE49-F238E27FC236}">
                  <a16:creationId xmlns:a16="http://schemas.microsoft.com/office/drawing/2014/main" xmlns="" id="{2E0B78CA-5501-5041-8A04-164CD4B0CE5A}"/>
                </a:ext>
              </a:extLst>
            </p:cNvPr>
            <p:cNvSpPr>
              <a:spLocks/>
            </p:cNvSpPr>
            <p:nvPr/>
          </p:nvSpPr>
          <p:spPr bwMode="auto">
            <a:xfrm flipH="1">
              <a:off x="10947212" y="3263353"/>
              <a:ext cx="341262" cy="57419"/>
            </a:xfrm>
            <a:custGeom>
              <a:avLst/>
              <a:gdLst>
                <a:gd name="T0" fmla="*/ 391 w 391"/>
                <a:gd name="T1" fmla="*/ 0 h 64"/>
                <a:gd name="T2" fmla="*/ 391 w 391"/>
                <a:gd name="T3" fmla="*/ 0 h 64"/>
                <a:gd name="T4" fmla="*/ 390 w 391"/>
                <a:gd name="T5" fmla="*/ 44 h 64"/>
                <a:gd name="T6" fmla="*/ 390 w 391"/>
                <a:gd name="T7" fmla="*/ 44 h 64"/>
                <a:gd name="T8" fmla="*/ 390 w 391"/>
                <a:gd name="T9" fmla="*/ 64 h 64"/>
                <a:gd name="T10" fmla="*/ 0 w 391"/>
                <a:gd name="T11" fmla="*/ 64 h 64"/>
                <a:gd name="T12" fmla="*/ 0 w 391"/>
                <a:gd name="T13" fmla="*/ 0 h 64"/>
                <a:gd name="T14" fmla="*/ 391 w 391"/>
                <a:gd name="T15" fmla="*/ 0 h 6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391" h="64">
                  <a:moveTo>
                    <a:pt x="391" y="0"/>
                  </a:moveTo>
                  <a:lnTo>
                    <a:pt x="391" y="0"/>
                  </a:lnTo>
                  <a:lnTo>
                    <a:pt x="390" y="44"/>
                  </a:lnTo>
                  <a:lnTo>
                    <a:pt x="390" y="44"/>
                  </a:lnTo>
                  <a:lnTo>
                    <a:pt x="390" y="64"/>
                  </a:lnTo>
                  <a:lnTo>
                    <a:pt x="0" y="64"/>
                  </a:lnTo>
                  <a:lnTo>
                    <a:pt x="0" y="0"/>
                  </a:lnTo>
                  <a:lnTo>
                    <a:pt x="391" y="0"/>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5" name="Freeform 315">
              <a:extLst>
                <a:ext uri="{FF2B5EF4-FFF2-40B4-BE49-F238E27FC236}">
                  <a16:creationId xmlns:a16="http://schemas.microsoft.com/office/drawing/2014/main" xmlns="" id="{B27CA150-1169-124C-8035-D99CBD054D18}"/>
                </a:ext>
              </a:extLst>
            </p:cNvPr>
            <p:cNvSpPr>
              <a:spLocks/>
            </p:cNvSpPr>
            <p:nvPr/>
          </p:nvSpPr>
          <p:spPr bwMode="auto">
            <a:xfrm flipH="1">
              <a:off x="9167398" y="5062483"/>
              <a:ext cx="57752" cy="331753"/>
            </a:xfrm>
            <a:custGeom>
              <a:avLst/>
              <a:gdLst>
                <a:gd name="T0" fmla="*/ 38 w 67"/>
                <a:gd name="T1" fmla="*/ 1 h 361"/>
                <a:gd name="T2" fmla="*/ 38 w 67"/>
                <a:gd name="T3" fmla="*/ 1 h 361"/>
                <a:gd name="T4" fmla="*/ 67 w 67"/>
                <a:gd name="T5" fmla="*/ 0 h 361"/>
                <a:gd name="T6" fmla="*/ 67 w 67"/>
                <a:gd name="T7" fmla="*/ 361 h 361"/>
                <a:gd name="T8" fmla="*/ 0 w 67"/>
                <a:gd name="T9" fmla="*/ 361 h 361"/>
                <a:gd name="T10" fmla="*/ 0 w 67"/>
                <a:gd name="T11" fmla="*/ 0 h 361"/>
                <a:gd name="T12" fmla="*/ 0 w 67"/>
                <a:gd name="T13" fmla="*/ 0 h 361"/>
                <a:gd name="T14" fmla="*/ 38 w 67"/>
                <a:gd name="T15" fmla="*/ 1 h 361"/>
                <a:gd name="T16" fmla="*/ 38 w 67"/>
                <a:gd name="T17" fmla="*/ 1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7" h="361">
                  <a:moveTo>
                    <a:pt x="38" y="1"/>
                  </a:moveTo>
                  <a:lnTo>
                    <a:pt x="38" y="1"/>
                  </a:lnTo>
                  <a:lnTo>
                    <a:pt x="67" y="0"/>
                  </a:lnTo>
                  <a:lnTo>
                    <a:pt x="67" y="361"/>
                  </a:lnTo>
                  <a:lnTo>
                    <a:pt x="0" y="361"/>
                  </a:lnTo>
                  <a:lnTo>
                    <a:pt x="0" y="0"/>
                  </a:lnTo>
                  <a:lnTo>
                    <a:pt x="0" y="0"/>
                  </a:lnTo>
                  <a:lnTo>
                    <a:pt x="38" y="1"/>
                  </a:lnTo>
                  <a:lnTo>
                    <a:pt x="38" y="1"/>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sp>
          <p:nvSpPr>
            <p:cNvPr id="36" name="Freeform 316">
              <a:extLst>
                <a:ext uri="{FF2B5EF4-FFF2-40B4-BE49-F238E27FC236}">
                  <a16:creationId xmlns:a16="http://schemas.microsoft.com/office/drawing/2014/main" xmlns="" id="{7250DBD0-C6C0-DB4A-B430-C82811CF3C87}"/>
                </a:ext>
              </a:extLst>
            </p:cNvPr>
            <p:cNvSpPr>
              <a:spLocks/>
            </p:cNvSpPr>
            <p:nvPr/>
          </p:nvSpPr>
          <p:spPr bwMode="auto">
            <a:xfrm flipH="1">
              <a:off x="9167398" y="1196272"/>
              <a:ext cx="57752" cy="350895"/>
            </a:xfrm>
            <a:custGeom>
              <a:avLst/>
              <a:gdLst>
                <a:gd name="T0" fmla="*/ 38 w 67"/>
                <a:gd name="T1" fmla="*/ 383 h 384"/>
                <a:gd name="T2" fmla="*/ 38 w 67"/>
                <a:gd name="T3" fmla="*/ 383 h 384"/>
                <a:gd name="T4" fmla="*/ 0 w 67"/>
                <a:gd name="T5" fmla="*/ 384 h 384"/>
                <a:gd name="T6" fmla="*/ 0 w 67"/>
                <a:gd name="T7" fmla="*/ 0 h 384"/>
                <a:gd name="T8" fmla="*/ 67 w 67"/>
                <a:gd name="T9" fmla="*/ 0 h 384"/>
                <a:gd name="T10" fmla="*/ 67 w 67"/>
                <a:gd name="T11" fmla="*/ 384 h 384"/>
                <a:gd name="T12" fmla="*/ 67 w 67"/>
                <a:gd name="T13" fmla="*/ 384 h 384"/>
                <a:gd name="T14" fmla="*/ 38 w 67"/>
                <a:gd name="T15" fmla="*/ 383 h 384"/>
                <a:gd name="T16" fmla="*/ 38 w 67"/>
                <a:gd name="T17" fmla="*/ 383 h 3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67" h="384">
                  <a:moveTo>
                    <a:pt x="38" y="383"/>
                  </a:moveTo>
                  <a:lnTo>
                    <a:pt x="38" y="383"/>
                  </a:lnTo>
                  <a:lnTo>
                    <a:pt x="0" y="384"/>
                  </a:lnTo>
                  <a:lnTo>
                    <a:pt x="0" y="0"/>
                  </a:lnTo>
                  <a:lnTo>
                    <a:pt x="67" y="0"/>
                  </a:lnTo>
                  <a:lnTo>
                    <a:pt x="67" y="384"/>
                  </a:lnTo>
                  <a:lnTo>
                    <a:pt x="67" y="384"/>
                  </a:lnTo>
                  <a:lnTo>
                    <a:pt x="38" y="383"/>
                  </a:lnTo>
                  <a:lnTo>
                    <a:pt x="38" y="383"/>
                  </a:lnTo>
                  <a:close/>
                </a:path>
              </a:pathLst>
            </a:custGeom>
            <a:solidFill>
              <a:srgbClr val="01010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66"/>
              <a:endParaRPr lang="en-US" sz="1350" dirty="0">
                <a:solidFill>
                  <a:prstClr val="black"/>
                </a:solidFill>
              </a:endParaRPr>
            </a:p>
          </p:txBody>
        </p:sp>
      </p:grpSp>
      <p:sp>
        <p:nvSpPr>
          <p:cNvPr id="37" name="Right Arrow 36">
            <a:extLst>
              <a:ext uri="{FF2B5EF4-FFF2-40B4-BE49-F238E27FC236}">
                <a16:creationId xmlns:a16="http://schemas.microsoft.com/office/drawing/2014/main" xmlns="" id="{B5A9A7CB-6FD9-FD48-8611-D01794B03736}"/>
              </a:ext>
            </a:extLst>
          </p:cNvPr>
          <p:cNvSpPr/>
          <p:nvPr/>
        </p:nvSpPr>
        <p:spPr>
          <a:xfrm>
            <a:off x="2621387" y="222514"/>
            <a:ext cx="527643" cy="385186"/>
          </a:xfrm>
          <a:prstGeom prst="rightArrow">
            <a:avLst/>
          </a:prstGeom>
          <a:solidFill>
            <a:srgbClr val="7BA21A">
              <a:alpha val="53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66700267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ubtitle 3">
            <a:extLst>
              <a:ext uri="{FF2B5EF4-FFF2-40B4-BE49-F238E27FC236}">
                <a16:creationId xmlns:a16="http://schemas.microsoft.com/office/drawing/2014/main" xmlns="" id="{6D950087-388C-44B7-A630-B35A6042E7B6}"/>
              </a:ext>
            </a:extLst>
          </p:cNvPr>
          <p:cNvSpPr>
            <a:spLocks noGrp="1"/>
          </p:cNvSpPr>
          <p:nvPr>
            <p:ph type="subTitle" idx="1"/>
          </p:nvPr>
        </p:nvSpPr>
        <p:spPr>
          <a:xfrm>
            <a:off x="1626742" y="687032"/>
            <a:ext cx="9144000" cy="1100671"/>
          </a:xfrm>
          <a:solidFill>
            <a:schemeClr val="accent2"/>
          </a:solidFill>
          <a:ln>
            <a:noFill/>
          </a:ln>
        </p:spPr>
        <p:txBody>
          <a:bodyPr anchor="ctr"/>
          <a:lstStyle/>
          <a:p>
            <a:pPr>
              <a:lnSpc>
                <a:spcPct val="100000"/>
              </a:lnSpc>
              <a:spcBef>
                <a:spcPts val="0"/>
              </a:spcBef>
              <a:defRPr/>
            </a:pPr>
            <a:r>
              <a:rPr lang="en-US" b="1" dirty="0">
                <a:solidFill>
                  <a:schemeClr val="bg1"/>
                </a:solidFill>
                <a:latin typeface="Arial" panose="020B0604020202020204" pitchFamily="34" charset="0"/>
                <a:cs typeface="Arial" panose="020B0604020202020204" pitchFamily="34" charset="0"/>
              </a:rPr>
              <a:t>01h50–02h00  (10 </a:t>
            </a:r>
            <a:r>
              <a:rPr lang="en-US" b="1" dirty="0" smtClean="0">
                <a:solidFill>
                  <a:schemeClr val="bg1"/>
                </a:solidFill>
                <a:latin typeface="Arial" panose="020B0604020202020204" pitchFamily="34" charset="0"/>
                <a:cs typeface="Arial" panose="020B0604020202020204" pitchFamily="34" charset="0"/>
              </a:rPr>
              <a:t>minutos</a:t>
            </a:r>
            <a:r>
              <a:rPr lang="en-US" b="1" dirty="0">
                <a:solidFill>
                  <a:schemeClr val="bg1"/>
                </a:solidFill>
                <a:latin typeface="Arial" panose="020B0604020202020204" pitchFamily="34" charset="0"/>
                <a:cs typeface="Arial" panose="020B0604020202020204" pitchFamily="34" charset="0"/>
              </a:rPr>
              <a:t>) - </a:t>
            </a:r>
            <a:r>
              <a:rPr lang="en-US" b="1" dirty="0" smtClean="0">
                <a:solidFill>
                  <a:schemeClr val="bg1"/>
                </a:solidFill>
                <a:latin typeface="Arial" panose="020B0604020202020204" pitchFamily="34" charset="0"/>
                <a:cs typeface="Arial" panose="020B0604020202020204" pitchFamily="34" charset="0"/>
              </a:rPr>
              <a:t>Pausa</a:t>
            </a:r>
            <a:endParaRPr lang="en-US" b="1" dirty="0">
              <a:solidFill>
                <a:schemeClr val="bg1"/>
              </a:solidFill>
              <a:latin typeface="Arial" panose="020B0604020202020204" pitchFamily="34" charset="0"/>
              <a:cs typeface="Arial" panose="020B0604020202020204" pitchFamily="34" charset="0"/>
            </a:endParaRPr>
          </a:p>
        </p:txBody>
      </p:sp>
      <p:sp>
        <p:nvSpPr>
          <p:cNvPr id="5" name="Title 4">
            <a:extLst>
              <a:ext uri="{FF2B5EF4-FFF2-40B4-BE49-F238E27FC236}">
                <a16:creationId xmlns:a16="http://schemas.microsoft.com/office/drawing/2014/main" xmlns="" id="{1192C255-D960-4D90-A73F-48D931B31895}"/>
              </a:ext>
            </a:extLst>
          </p:cNvPr>
          <p:cNvSpPr>
            <a:spLocks noGrp="1"/>
          </p:cNvSpPr>
          <p:nvPr>
            <p:ph type="ctrTitle"/>
          </p:nvPr>
        </p:nvSpPr>
        <p:spPr>
          <a:xfrm>
            <a:off x="1627188" y="1970793"/>
            <a:ext cx="9144000" cy="3236207"/>
          </a:xfrm>
          <a:prstGeom prst="rect">
            <a:avLst/>
          </a:prstGeom>
        </p:spPr>
        <p:txBody>
          <a:bodyPr wrap="square">
            <a:spAutoFit/>
          </a:bodyPr>
          <a:lstStyle/>
          <a:p>
            <a:pPr>
              <a:lnSpc>
                <a:spcPct val="107000"/>
              </a:lnSpc>
              <a:spcAft>
                <a:spcPts val="600"/>
              </a:spcAft>
            </a:pPr>
            <a:r>
              <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t>¿Tienes alguna pregunta? </a:t>
            </a:r>
            <a:br>
              <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br>
            <a:r>
              <a:rPr lang="en-ZA" sz="2400" b="1" dirty="0" smtClean="0">
                <a:solidFill>
                  <a:schemeClr val="accent2"/>
                </a:solidFill>
                <a:latin typeface="Arial" panose="020B0604020202020204" pitchFamily="34" charset="0"/>
                <a:ea typeface="Times New Roman" panose="02020603050405020304" pitchFamily="18" charset="0"/>
                <a:cs typeface="Times New Roman" panose="02020603050405020304" pitchFamily="18" charset="0"/>
              </a:rPr>
              <a:t>¿</a:t>
            </a:r>
            <a:r>
              <a:rPr lang="en-ZA" sz="2400" b="1" dirty="0" smtClean="0">
                <a:solidFill>
                  <a:schemeClr val="accent2"/>
                </a:solidFill>
                <a:latin typeface="Arial" panose="020B0604020202020204" pitchFamily="34" charset="0"/>
                <a:ea typeface="Times New Roman" panose="02020603050405020304" pitchFamily="18" charset="0"/>
                <a:cs typeface="Times New Roman" panose="02020603050405020304" pitchFamily="18" charset="0"/>
              </a:rPr>
              <a:t>Necesitas</a:t>
            </a:r>
            <a:r>
              <a:rPr lang="en-ZA" sz="2400" b="1" dirty="0" smtClean="0">
                <a:solidFill>
                  <a:schemeClr val="accent2"/>
                </a:solidFill>
                <a:latin typeface="Arial" panose="020B0604020202020204" pitchFamily="34" charset="0"/>
                <a:ea typeface="Times New Roman" panose="02020603050405020304" pitchFamily="18" charset="0"/>
                <a:cs typeface="Times New Roman" panose="02020603050405020304" pitchFamily="18" charset="0"/>
              </a:rPr>
              <a:t> </a:t>
            </a:r>
            <a:r>
              <a:rPr lang="en-ZA" sz="2400" b="1" dirty="0" smtClean="0">
                <a:solidFill>
                  <a:schemeClr val="accent2"/>
                </a:solidFill>
                <a:latin typeface="Arial" panose="020B0604020202020204" pitchFamily="34" charset="0"/>
                <a:ea typeface="Times New Roman" panose="02020603050405020304" pitchFamily="18" charset="0"/>
                <a:cs typeface="Times New Roman" panose="02020603050405020304" pitchFamily="18" charset="0"/>
              </a:rPr>
              <a:t>aclarar algo?</a:t>
            </a:r>
            <a:r>
              <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t/>
            </a:r>
            <a:br>
              <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br>
            <a:r>
              <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t>¿Quieres </a:t>
            </a:r>
            <a:r>
              <a:rPr lang="en-ZA" sz="2400" b="1" dirty="0" smtClean="0">
                <a:solidFill>
                  <a:schemeClr val="accent2"/>
                </a:solidFill>
                <a:latin typeface="Arial" panose="020B0604020202020204" pitchFamily="34" charset="0"/>
                <a:ea typeface="Times New Roman" panose="02020603050405020304" pitchFamily="18" charset="0"/>
                <a:cs typeface="Times New Roman" panose="02020603050405020304" pitchFamily="18" charset="0"/>
              </a:rPr>
              <a:t>hacer una sugerencia?</a:t>
            </a:r>
            <a:r>
              <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t/>
            </a:r>
            <a:br>
              <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br>
            <a:r>
              <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t/>
            </a:r>
            <a:br>
              <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br>
            <a:r>
              <a:rPr lang="es-VE" sz="2400" b="1" dirty="0">
                <a:solidFill>
                  <a:schemeClr val="accent2"/>
                </a:solidFill>
                <a:ea typeface="Calibri" panose="020F0502020204030204" pitchFamily="34" charset="0"/>
                <a:cs typeface="Times New Roman" panose="02020603050405020304" pitchFamily="18" charset="0"/>
              </a:rPr>
              <a:t>Contáctanos a través de strategyteam@unaids.org</a:t>
            </a:r>
            <a:br>
              <a:rPr lang="es-VE" sz="2400" b="1" dirty="0">
                <a:solidFill>
                  <a:schemeClr val="accent2"/>
                </a:solidFill>
                <a:ea typeface="Calibri" panose="020F0502020204030204" pitchFamily="34" charset="0"/>
                <a:cs typeface="Times New Roman" panose="02020603050405020304" pitchFamily="18" charset="0"/>
              </a:rPr>
            </a:br>
            <a:r>
              <a:rPr lang="es-VE" sz="2400" b="1" dirty="0">
                <a:solidFill>
                  <a:schemeClr val="accent2"/>
                </a:solidFill>
                <a:ea typeface="Calibri" panose="020F0502020204030204" pitchFamily="34" charset="0"/>
                <a:cs typeface="Times New Roman" panose="02020603050405020304" pitchFamily="18" charset="0"/>
              </a:rPr>
              <a:t> para poder darte orientaciones y apoyo </a:t>
            </a:r>
            <a:br>
              <a:rPr lang="es-VE" sz="2400" b="1" dirty="0">
                <a:solidFill>
                  <a:schemeClr val="accent2"/>
                </a:solidFill>
                <a:ea typeface="Calibri" panose="020F0502020204030204" pitchFamily="34" charset="0"/>
                <a:cs typeface="Times New Roman" panose="02020603050405020304" pitchFamily="18" charset="0"/>
              </a:rPr>
            </a:br>
            <a:r>
              <a:rPr lang="es-VE" sz="2400" b="1" dirty="0">
                <a:solidFill>
                  <a:schemeClr val="accent2"/>
                </a:solidFill>
                <a:ea typeface="Calibri" panose="020F0502020204030204" pitchFamily="34" charset="0"/>
                <a:cs typeface="Times New Roman" panose="02020603050405020304" pitchFamily="18" charset="0"/>
              </a:rPr>
              <a:t>durante tu preparación.</a:t>
            </a:r>
            <a:r>
              <a:rPr lang="en-ZA" sz="2400" b="1" dirty="0">
                <a:solidFill>
                  <a:schemeClr val="accent2"/>
                </a:solidFill>
                <a:ea typeface="Calibri" panose="020F0502020204030204" pitchFamily="34" charset="0"/>
                <a:cs typeface="Times New Roman" panose="02020603050405020304" pitchFamily="18" charset="0"/>
              </a:rPr>
              <a:t/>
            </a:r>
            <a:br>
              <a:rPr lang="en-ZA" sz="2400" b="1" dirty="0">
                <a:solidFill>
                  <a:schemeClr val="accent2"/>
                </a:solidFill>
                <a:ea typeface="Calibri" panose="020F0502020204030204" pitchFamily="34" charset="0"/>
                <a:cs typeface="Times New Roman" panose="02020603050405020304" pitchFamily="18" charset="0"/>
              </a:rPr>
            </a:br>
            <a:endParaRPr lang="en-ZA" sz="2400" dirty="0">
              <a:solidFill>
                <a:schemeClr val="accent2"/>
              </a:solidFill>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5655806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xmlns="" id="{ACCCF7FC-3E96-47D0-BFF8-F05C68498519}"/>
              </a:ext>
            </a:extLst>
          </p:cNvPr>
          <p:cNvGraphicFramePr>
            <a:graphicFrameLocks noGrp="1"/>
          </p:cNvGraphicFramePr>
          <p:nvPr>
            <p:extLst>
              <p:ext uri="{D42A27DB-BD31-4B8C-83A1-F6EECF244321}">
                <p14:modId xmlns:p14="http://schemas.microsoft.com/office/powerpoint/2010/main" val="3612645309"/>
              </p:ext>
            </p:extLst>
          </p:nvPr>
        </p:nvGraphicFramePr>
        <p:xfrm>
          <a:off x="1" y="1"/>
          <a:ext cx="12192000" cy="7216146"/>
        </p:xfrm>
        <a:graphic>
          <a:graphicData uri="http://schemas.openxmlformats.org/drawingml/2006/table">
            <a:tbl>
              <a:tblPr firstRow="1" bandRow="1">
                <a:effectLst>
                  <a:outerShdw dist="38100" sx="1000" sy="1000" algn="l" rotWithShape="0">
                    <a:prstClr val="black">
                      <a:alpha val="65000"/>
                    </a:prstClr>
                  </a:outerShdw>
                </a:effectLst>
                <a:tableStyleId>{5C22544A-7EE6-4342-B048-85BDC9FD1C3A}</a:tableStyleId>
              </a:tblPr>
              <a:tblGrid>
                <a:gridCol w="2446240">
                  <a:extLst>
                    <a:ext uri="{9D8B030D-6E8A-4147-A177-3AD203B41FA5}">
                      <a16:colId xmlns:a16="http://schemas.microsoft.com/office/drawing/2014/main" xmlns="" val="1560926920"/>
                    </a:ext>
                  </a:extLst>
                </a:gridCol>
                <a:gridCol w="4318444">
                  <a:extLst>
                    <a:ext uri="{9D8B030D-6E8A-4147-A177-3AD203B41FA5}">
                      <a16:colId xmlns:a16="http://schemas.microsoft.com/office/drawing/2014/main" xmlns="" val="1975310804"/>
                    </a:ext>
                  </a:extLst>
                </a:gridCol>
                <a:gridCol w="5427316">
                  <a:extLst>
                    <a:ext uri="{9D8B030D-6E8A-4147-A177-3AD203B41FA5}">
                      <a16:colId xmlns:a16="http://schemas.microsoft.com/office/drawing/2014/main" xmlns="" val="3935886225"/>
                    </a:ext>
                  </a:extLst>
                </a:gridCol>
              </a:tblGrid>
              <a:tr h="743187">
                <a:tc>
                  <a:txBody>
                    <a:bodyPr/>
                    <a:lstStyle/>
                    <a:p>
                      <a:pPr>
                        <a:spcAft>
                          <a:spcPts val="0"/>
                        </a:spcAft>
                      </a:pPr>
                      <a:r>
                        <a:rPr lang="en-US" sz="2200" b="1" kern="1200" dirty="0" smtClean="0">
                          <a:solidFill>
                            <a:schemeClr val="accent2"/>
                          </a:solidFill>
                          <a:latin typeface="+mn-lt"/>
                          <a:ea typeface="+mn-ea"/>
                          <a:cs typeface="+mn-cs"/>
                        </a:rPr>
                        <a:t>Café</a:t>
                      </a:r>
                      <a:r>
                        <a:rPr lang="en-US" sz="2200" b="1" kern="1200" baseline="0" dirty="0" smtClean="0">
                          <a:solidFill>
                            <a:schemeClr val="accent2"/>
                          </a:solidFill>
                          <a:latin typeface="+mn-lt"/>
                          <a:ea typeface="+mn-ea"/>
                          <a:cs typeface="+mn-cs"/>
                        </a:rPr>
                        <a:t> </a:t>
                      </a:r>
                      <a:r>
                        <a:rPr lang="en-US" sz="2200" b="1" kern="1200" baseline="0" dirty="0" smtClean="0">
                          <a:solidFill>
                            <a:schemeClr val="accent2"/>
                          </a:solidFill>
                          <a:latin typeface="+mn-lt"/>
                          <a:ea typeface="+mn-ea"/>
                          <a:cs typeface="+mn-cs"/>
                        </a:rPr>
                        <a:t>mundial</a:t>
                      </a:r>
                      <a:endParaRPr lang="en-US" sz="2200" b="1" kern="1200" dirty="0">
                        <a:solidFill>
                          <a:schemeClr val="accent2"/>
                        </a:solidFill>
                        <a:latin typeface="+mn-lt"/>
                        <a:ea typeface="+mn-ea"/>
                        <a:cs typeface="+mn-cs"/>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2200" b="1" kern="1200" dirty="0">
                          <a:solidFill>
                            <a:schemeClr val="tx2"/>
                          </a:solidFill>
                          <a:latin typeface="Arial" panose="020B0604020202020204" pitchFamily="34" charset="0"/>
                          <a:ea typeface="+mn-ea"/>
                          <a:cs typeface="Arial" panose="020B0604020202020204" pitchFamily="34" charset="0"/>
                        </a:rPr>
                        <a:t>2h00 </a:t>
                      </a:r>
                      <a:r>
                        <a:rPr lang="en-US" sz="2200" b="1" kern="1200" dirty="0" smtClean="0">
                          <a:solidFill>
                            <a:schemeClr val="tx2"/>
                          </a:solidFill>
                          <a:latin typeface="Arial" panose="020B0604020202020204" pitchFamily="34" charset="0"/>
                          <a:ea typeface="+mn-ea"/>
                          <a:cs typeface="Arial" panose="020B0604020202020204" pitchFamily="34" charset="0"/>
                        </a:rPr>
                        <a:t>a </a:t>
                      </a:r>
                      <a:r>
                        <a:rPr lang="en-US" sz="2200" b="1" kern="1200" dirty="0">
                          <a:solidFill>
                            <a:schemeClr val="tx2"/>
                          </a:solidFill>
                          <a:latin typeface="Arial" panose="020B0604020202020204" pitchFamily="34" charset="0"/>
                          <a:ea typeface="+mn-ea"/>
                          <a:cs typeface="Arial" panose="020B0604020202020204" pitchFamily="34" charset="0"/>
                        </a:rPr>
                        <a:t>2h10 </a:t>
                      </a:r>
                      <a:r>
                        <a:rPr lang="en-US" sz="2200" b="1" kern="1200" dirty="0" smtClean="0">
                          <a:solidFill>
                            <a:schemeClr val="tx2"/>
                          </a:solidFill>
                          <a:latin typeface="Arial" panose="020B0604020202020204" pitchFamily="34" charset="0"/>
                          <a:ea typeface="+mn-ea"/>
                          <a:cs typeface="Arial" panose="020B0604020202020204" pitchFamily="34" charset="0"/>
                        </a:rPr>
                        <a:t>minutos</a:t>
                      </a:r>
                      <a:endParaRPr lang="en-US" sz="2200" dirty="0">
                        <a:solidFill>
                          <a:schemeClr val="tx2"/>
                        </a:solidFill>
                        <a:latin typeface="Arial" panose="020B0604020202020204" pitchFamily="34" charset="0"/>
                        <a:cs typeface="Arial" panose="020B0604020202020204" pitchFamily="34" charset="0"/>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2200" b="1" kern="1200" dirty="0">
                          <a:solidFill>
                            <a:schemeClr val="tx2"/>
                          </a:solidFill>
                          <a:latin typeface="Arial" panose="020B0604020202020204" pitchFamily="34" charset="0"/>
                          <a:ea typeface="+mn-ea"/>
                          <a:cs typeface="Arial" panose="020B0604020202020204" pitchFamily="34" charset="0"/>
                        </a:rPr>
                        <a:t>2h10 </a:t>
                      </a:r>
                      <a:r>
                        <a:rPr lang="en-US" sz="2200" b="1" kern="1200" dirty="0" smtClean="0">
                          <a:solidFill>
                            <a:schemeClr val="tx2"/>
                          </a:solidFill>
                          <a:latin typeface="Arial" panose="020B0604020202020204" pitchFamily="34" charset="0"/>
                          <a:ea typeface="+mn-ea"/>
                          <a:cs typeface="Arial" panose="020B0604020202020204" pitchFamily="34" charset="0"/>
                        </a:rPr>
                        <a:t>a </a:t>
                      </a:r>
                      <a:r>
                        <a:rPr lang="en-US" sz="2200" b="1" kern="1200" dirty="0">
                          <a:solidFill>
                            <a:schemeClr val="tx2"/>
                          </a:solidFill>
                          <a:latin typeface="Arial" panose="020B0604020202020204" pitchFamily="34" charset="0"/>
                          <a:ea typeface="+mn-ea"/>
                          <a:cs typeface="Arial" panose="020B0604020202020204" pitchFamily="34" charset="0"/>
                        </a:rPr>
                        <a:t>2h45 </a:t>
                      </a:r>
                      <a:r>
                        <a:rPr lang="en-US" sz="2200" b="1" kern="1200" dirty="0" smtClean="0">
                          <a:solidFill>
                            <a:schemeClr val="tx2"/>
                          </a:solidFill>
                          <a:latin typeface="Arial" panose="020B0604020202020204" pitchFamily="34" charset="0"/>
                          <a:ea typeface="+mn-ea"/>
                          <a:cs typeface="Arial" panose="020B0604020202020204" pitchFamily="34" charset="0"/>
                        </a:rPr>
                        <a:t>minutos</a:t>
                      </a:r>
                      <a:endParaRPr lang="en-US" sz="2200" dirty="0">
                        <a:solidFill>
                          <a:schemeClr val="tx2"/>
                        </a:solidFill>
                        <a:latin typeface="Arial" panose="020B0604020202020204" pitchFamily="34" charset="0"/>
                        <a:cs typeface="Arial" panose="020B0604020202020204" pitchFamily="34" charset="0"/>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extLst>
                  <a:ext uri="{0D108BD9-81ED-4DB2-BD59-A6C34878D82A}">
                    <a16:rowId xmlns:a16="http://schemas.microsoft.com/office/drawing/2014/main" xmlns="" val="423117710"/>
                  </a:ext>
                </a:extLst>
              </a:tr>
              <a:tr h="2901757">
                <a:tc>
                  <a:txBody>
                    <a:bodyPr/>
                    <a:lstStyle/>
                    <a:p>
                      <a:pPr algn="ctr">
                        <a:lnSpc>
                          <a:spcPct val="107000"/>
                        </a:lnSpc>
                        <a:spcAft>
                          <a:spcPts val="0"/>
                        </a:spcAft>
                      </a:pPr>
                      <a:endParaRPr lang="en-US" sz="1800" b="1" dirty="0" smtClean="0">
                        <a:solidFill>
                          <a:schemeClr val="bg1"/>
                        </a:solidFill>
                        <a:effectLst/>
                        <a:latin typeface="Arial" panose="020B0604020202020204" pitchFamily="34" charset="0"/>
                        <a:ea typeface="+mn-ea"/>
                        <a:cs typeface="Arial" panose="020B0604020202020204" pitchFamily="34" charset="0"/>
                      </a:endParaRPr>
                    </a:p>
                    <a:p>
                      <a:pPr algn="ctr">
                        <a:lnSpc>
                          <a:spcPct val="107000"/>
                        </a:lnSpc>
                        <a:spcAft>
                          <a:spcPts val="0"/>
                        </a:spcAft>
                      </a:pPr>
                      <a:endParaRPr lang="en-US" sz="1800" b="1" dirty="0" smtClean="0">
                        <a:solidFill>
                          <a:schemeClr val="bg1"/>
                        </a:solidFill>
                        <a:effectLst/>
                        <a:latin typeface="Arial" panose="020B0604020202020204" pitchFamily="34" charset="0"/>
                        <a:ea typeface="+mn-ea"/>
                        <a:cs typeface="Arial" panose="020B0604020202020204" pitchFamily="34" charset="0"/>
                      </a:endParaRPr>
                    </a:p>
                    <a:p>
                      <a:pPr algn="ctr">
                        <a:lnSpc>
                          <a:spcPct val="107000"/>
                        </a:lnSpc>
                        <a:spcAft>
                          <a:spcPts val="0"/>
                        </a:spcAft>
                      </a:pPr>
                      <a:endParaRPr lang="en-US" sz="1800" b="1" dirty="0" smtClean="0">
                        <a:solidFill>
                          <a:schemeClr val="bg1"/>
                        </a:solidFill>
                        <a:effectLst/>
                        <a:latin typeface="Arial" panose="020B0604020202020204" pitchFamily="34" charset="0"/>
                        <a:ea typeface="+mn-ea"/>
                        <a:cs typeface="Arial" panose="020B0604020202020204" pitchFamily="34" charset="0"/>
                      </a:endParaRPr>
                    </a:p>
                    <a:p>
                      <a:pPr algn="ctr">
                        <a:lnSpc>
                          <a:spcPct val="107000"/>
                        </a:lnSpc>
                        <a:spcAft>
                          <a:spcPts val="0"/>
                        </a:spcAft>
                      </a:pPr>
                      <a:endParaRPr lang="en-US" sz="1800" b="1" dirty="0" smtClean="0">
                        <a:solidFill>
                          <a:schemeClr val="bg1"/>
                        </a:solidFill>
                        <a:effectLst/>
                        <a:latin typeface="Arial" panose="020B0604020202020204" pitchFamily="34" charset="0"/>
                        <a:ea typeface="+mn-ea"/>
                        <a:cs typeface="Arial" panose="020B0604020202020204" pitchFamily="34" charset="0"/>
                      </a:endParaRPr>
                    </a:p>
                    <a:p>
                      <a:pPr algn="ctr">
                        <a:lnSpc>
                          <a:spcPct val="107000"/>
                        </a:lnSpc>
                        <a:spcAft>
                          <a:spcPts val="0"/>
                        </a:spcAft>
                      </a:pPr>
                      <a:r>
                        <a:rPr lang="en-US" sz="1800" b="1" dirty="0" smtClean="0">
                          <a:solidFill>
                            <a:schemeClr val="bg1"/>
                          </a:solidFill>
                          <a:effectLst/>
                          <a:latin typeface="Arial" panose="020B0604020202020204" pitchFamily="34" charset="0"/>
                          <a:ea typeface="+mn-ea"/>
                          <a:cs typeface="Arial" panose="020B0604020202020204" pitchFamily="34" charset="0"/>
                        </a:rPr>
                        <a:t>Moderador</a:t>
                      </a:r>
                      <a:endParaRPr lang="en-ZA" sz="1800" b="1" dirty="0">
                        <a:solidFill>
                          <a:schemeClr val="bg1"/>
                        </a:solidFill>
                        <a:effectLst/>
                        <a:latin typeface="Arial" panose="020B0604020202020204" pitchFamily="34" charset="0"/>
                        <a:ea typeface="Calibri" panose="020F0502020204030204" pitchFamily="34" charset="0"/>
                        <a:cs typeface="Arial" panose="020B0604020202020204" pitchFamily="34" charset="0"/>
                      </a:endParaRPr>
                    </a:p>
                  </a:txBody>
                  <a:tcPr>
                    <a:lnT w="12700" cmpd="sng">
                      <a:noFill/>
                    </a:lnT>
                    <a:solidFill>
                      <a:schemeClr val="accent1"/>
                    </a:solidFill>
                  </a:tcPr>
                </a:tc>
                <a:tc>
                  <a:txBody>
                    <a:bodyPr/>
                    <a:lstStyle/>
                    <a:p>
                      <a:endParaRPr lang="en-US" sz="1800" b="0" kern="1200" dirty="0">
                        <a:solidFill>
                          <a:schemeClr val="dk1"/>
                        </a:solidFill>
                        <a:effectLst/>
                        <a:latin typeface="+mn-lt"/>
                        <a:ea typeface="+mn-ea"/>
                        <a:cs typeface="+mn-cs"/>
                      </a:endParaRPr>
                    </a:p>
                    <a:p>
                      <a:r>
                        <a:rPr lang="en-US" sz="1800" b="0" kern="1200" dirty="0" smtClean="0">
                          <a:solidFill>
                            <a:schemeClr val="dk1"/>
                          </a:solidFill>
                          <a:effectLst/>
                          <a:latin typeface="+mn-lt"/>
                          <a:ea typeface="+mn-ea"/>
                          <a:cs typeface="+mn-cs"/>
                        </a:rPr>
                        <a:t>Toma de notas personal (5 minutos)</a:t>
                      </a:r>
                    </a:p>
                    <a:p>
                      <a:endParaRPr lang="en-US" sz="1800" b="0" kern="1200" dirty="0" smtClean="0">
                        <a:solidFill>
                          <a:schemeClr val="dk1"/>
                        </a:solidFill>
                        <a:effectLst/>
                        <a:latin typeface="+mn-lt"/>
                        <a:ea typeface="+mn-ea"/>
                        <a:cs typeface="+mn-cs"/>
                      </a:endParaRPr>
                    </a:p>
                    <a:p>
                      <a:r>
                        <a:rPr lang="es-VE" sz="1800" b="0" kern="1200" dirty="0" smtClean="0">
                          <a:solidFill>
                            <a:schemeClr val="dk1"/>
                          </a:solidFill>
                          <a:effectLst/>
                          <a:latin typeface="+mn-lt"/>
                          <a:ea typeface="+mn-ea"/>
                          <a:cs typeface="+mn-cs"/>
                        </a:rPr>
                        <a:t>En la sesión plenaria: ¿qué patrones están surgiendo en las conversaciones que tuvimos? (5 minutos).</a:t>
                      </a:r>
                    </a:p>
                    <a:p>
                      <a:endParaRPr lang="es-VE" sz="1800" b="0" kern="1200" dirty="0" smtClean="0">
                        <a:solidFill>
                          <a:schemeClr val="dk1"/>
                        </a:solidFill>
                        <a:effectLst/>
                        <a:latin typeface="+mn-lt"/>
                        <a:ea typeface="+mn-ea"/>
                        <a:cs typeface="+mn-cs"/>
                      </a:endParaRPr>
                    </a:p>
                    <a:p>
                      <a:endParaRPr lang="en-US" sz="1800" b="0" kern="1200" dirty="0">
                        <a:solidFill>
                          <a:schemeClr val="dk1"/>
                        </a:solidFill>
                        <a:effectLst/>
                        <a:latin typeface="+mn-lt"/>
                        <a:ea typeface="+mn-ea"/>
                        <a:cs typeface="+mn-cs"/>
                      </a:endParaRPr>
                    </a:p>
                  </a:txBody>
                  <a:tcPr>
                    <a:lnT w="12700" cmpd="sng">
                      <a:noFill/>
                    </a:lnT>
                    <a:solidFill>
                      <a:schemeClr val="bg1"/>
                    </a:solidFill>
                  </a:tcPr>
                </a:tc>
                <a:tc>
                  <a:txBody>
                    <a:bodyPr/>
                    <a:lstStyle/>
                    <a:p>
                      <a:pPr>
                        <a:spcAft>
                          <a:spcPts val="0"/>
                        </a:spcAft>
                      </a:pPr>
                      <a:r>
                        <a:rPr lang="es-VE" dirty="0" smtClean="0"/>
                        <a:t>Café </a:t>
                      </a:r>
                      <a:r>
                        <a:rPr lang="es-VE" dirty="0" smtClean="0"/>
                        <a:t>mundial</a:t>
                      </a:r>
                    </a:p>
                    <a:p>
                      <a:pPr>
                        <a:spcAft>
                          <a:spcPts val="0"/>
                        </a:spcAft>
                      </a:pPr>
                      <a:r>
                        <a:rPr lang="es-VE" dirty="0" smtClean="0"/>
                        <a:t>¿Cuáles </a:t>
                      </a:r>
                      <a:r>
                        <a:rPr lang="es-VE" dirty="0" smtClean="0"/>
                        <a:t>son las recomendaciones claves para ONUSIDA en términos de la estrategia específicamente (detallado)?</a:t>
                      </a:r>
                    </a:p>
                    <a:p>
                      <a:pPr>
                        <a:spcAft>
                          <a:spcPts val="0"/>
                        </a:spcAft>
                      </a:pPr>
                      <a:r>
                        <a:rPr lang="en-US" dirty="0"/>
                        <a:t/>
                      </a:r>
                      <a:br>
                        <a:rPr lang="en-US" dirty="0"/>
                      </a:br>
                      <a:r>
                        <a:rPr lang="en-US" b="1" dirty="0" smtClean="0">
                          <a:solidFill>
                            <a:schemeClr val="accent2"/>
                          </a:solidFill>
                        </a:rPr>
                        <a:t>CONTINUAR: </a:t>
                      </a:r>
                      <a:r>
                        <a:rPr lang="es-VE" b="0" dirty="0" smtClean="0">
                          <a:solidFill>
                            <a:schemeClr val="tx1"/>
                          </a:solidFill>
                        </a:rPr>
                        <a:t>¿Qué está funcionando que debemos continuar haciendo?</a:t>
                      </a:r>
                      <a:r>
                        <a:rPr lang="en-US" dirty="0">
                          <a:solidFill>
                            <a:schemeClr val="tx1"/>
                          </a:solidFill>
                        </a:rPr>
                        <a:t/>
                      </a:r>
                      <a:br>
                        <a:rPr lang="en-US" dirty="0">
                          <a:solidFill>
                            <a:schemeClr val="tx1"/>
                          </a:solidFill>
                        </a:rPr>
                      </a:br>
                      <a:r>
                        <a:rPr lang="en-US" sz="1800" b="1" kern="1200" dirty="0" smtClean="0">
                          <a:solidFill>
                            <a:schemeClr val="accent2"/>
                          </a:solidFill>
                          <a:latin typeface="+mn-lt"/>
                          <a:ea typeface="+mn-ea"/>
                          <a:cs typeface="+mn-cs"/>
                        </a:rPr>
                        <a:t>ELIMINAR</a:t>
                      </a:r>
                      <a:r>
                        <a:rPr lang="en-US" b="1" dirty="0" smtClean="0">
                          <a:solidFill>
                            <a:schemeClr val="accent2"/>
                          </a:solidFill>
                        </a:rPr>
                        <a:t>:</a:t>
                      </a:r>
                      <a:r>
                        <a:rPr lang="en-US" dirty="0" smtClean="0"/>
                        <a:t> </a:t>
                      </a:r>
                      <a:r>
                        <a:rPr lang="es-VE" dirty="0" smtClean="0"/>
                        <a:t>¿Qué debemos dejar de hacer o fracasaremos?</a:t>
                      </a:r>
                      <a:r>
                        <a:rPr lang="en-US" dirty="0"/>
                        <a:t/>
                      </a:r>
                      <a:br>
                        <a:rPr lang="en-US" dirty="0"/>
                      </a:br>
                      <a:r>
                        <a:rPr lang="en-US" sz="1800" b="1" kern="1200" dirty="0" smtClean="0">
                          <a:solidFill>
                            <a:schemeClr val="accent2"/>
                          </a:solidFill>
                          <a:latin typeface="+mn-lt"/>
                          <a:ea typeface="+mn-ea"/>
                          <a:cs typeface="+mn-cs"/>
                        </a:rPr>
                        <a:t>COMENZAR:</a:t>
                      </a:r>
                      <a:r>
                        <a:rPr lang="en-US" sz="1800" b="1" kern="1200" baseline="0" dirty="0" smtClean="0">
                          <a:solidFill>
                            <a:schemeClr val="accent2"/>
                          </a:solidFill>
                          <a:latin typeface="+mn-lt"/>
                          <a:ea typeface="+mn-ea"/>
                          <a:cs typeface="+mn-cs"/>
                        </a:rPr>
                        <a:t> </a:t>
                      </a:r>
                      <a:r>
                        <a:rPr lang="es-VE" sz="1800" b="0" kern="1200" baseline="0" dirty="0" smtClean="0">
                          <a:solidFill>
                            <a:schemeClr val="tx1"/>
                          </a:solidFill>
                          <a:latin typeface="+mn-lt"/>
                          <a:ea typeface="+mn-ea"/>
                          <a:cs typeface="+mn-cs"/>
                        </a:rPr>
                        <a:t>¿Qué nos falta que deberíamos empezar a hacer?</a:t>
                      </a:r>
                      <a:endParaRPr lang="en-US" b="0" dirty="0">
                        <a:solidFill>
                          <a:schemeClr val="tx1"/>
                        </a:solidFill>
                      </a:endParaRPr>
                    </a:p>
                  </a:txBody>
                  <a:tcPr>
                    <a:lnT w="12700" cmpd="sng">
                      <a:noFill/>
                    </a:lnT>
                    <a:solidFill>
                      <a:schemeClr val="bg1"/>
                    </a:solidFill>
                  </a:tcPr>
                </a:tc>
                <a:extLst>
                  <a:ext uri="{0D108BD9-81ED-4DB2-BD59-A6C34878D82A}">
                    <a16:rowId xmlns:a16="http://schemas.microsoft.com/office/drawing/2014/main" xmlns="" val="2826885672"/>
                  </a:ext>
                </a:extLst>
              </a:tr>
              <a:tr h="1805074">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endParaRPr lang="en-US" sz="18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r>
                        <a:rPr lang="en-US" sz="1800" b="1" kern="1200" dirty="0" smtClean="0">
                          <a:solidFill>
                            <a:schemeClr val="bg1"/>
                          </a:solidFill>
                          <a:effectLst/>
                          <a:latin typeface="Arial" panose="020B0604020202020204" pitchFamily="34" charset="0"/>
                          <a:ea typeface="+mn-ea"/>
                          <a:cs typeface="Arial" panose="020B0604020202020204" pitchFamily="34" charset="0"/>
                        </a:rPr>
                        <a:t>Notas</a:t>
                      </a:r>
                      <a:r>
                        <a:rPr lang="en-US" sz="1800" b="1" kern="1200" baseline="0" dirty="0" smtClean="0">
                          <a:solidFill>
                            <a:schemeClr val="bg1"/>
                          </a:solidFill>
                          <a:effectLst/>
                          <a:latin typeface="Arial" panose="020B0604020202020204" pitchFamily="34" charset="0"/>
                          <a:ea typeface="+mn-ea"/>
                          <a:cs typeface="Arial" panose="020B0604020202020204" pitchFamily="34" charset="0"/>
                        </a:rPr>
                        <a:t> </a:t>
                      </a:r>
                      <a:r>
                        <a:rPr lang="en-US" sz="1800" b="1" kern="1200" baseline="0" dirty="0" smtClean="0">
                          <a:solidFill>
                            <a:schemeClr val="bg1"/>
                          </a:solidFill>
                          <a:effectLst/>
                          <a:latin typeface="Arial" panose="020B0604020202020204" pitchFamily="34" charset="0"/>
                          <a:ea typeface="+mn-ea"/>
                          <a:cs typeface="Arial" panose="020B0604020202020204" pitchFamily="34" charset="0"/>
                        </a:rPr>
                        <a:t>para el moderador</a:t>
                      </a:r>
                      <a:endParaRPr lang="en-US" sz="18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endParaRPr lang="en-US" sz="1800" b="1" kern="1200" dirty="0">
                        <a:solidFill>
                          <a:schemeClr val="bg1"/>
                        </a:solidFill>
                        <a:effectLst/>
                        <a:latin typeface="Arial" panose="020B0604020202020204" pitchFamily="34" charset="0"/>
                        <a:ea typeface="+mn-ea"/>
                        <a:cs typeface="Arial" panose="020B0604020202020204" pitchFamily="34" charset="0"/>
                      </a:endParaRPr>
                    </a:p>
                  </a:txBody>
                  <a:tcPr>
                    <a:solidFill>
                      <a:schemeClr val="accent3"/>
                    </a:solidFill>
                  </a:tcPr>
                </a:tc>
                <a:tc>
                  <a:txBody>
                    <a:bodyPr/>
                    <a:lstStyle/>
                    <a:p>
                      <a:r>
                        <a:rPr lang="es-VE" sz="1800" kern="1200" dirty="0" smtClean="0">
                          <a:solidFill>
                            <a:schemeClr val="dk1"/>
                          </a:solidFill>
                          <a:effectLst/>
                          <a:latin typeface="+mn-lt"/>
                          <a:ea typeface="+mn-ea"/>
                          <a:cs typeface="+mn-cs"/>
                        </a:rPr>
                        <a:t>Pídeles a 2 o 3 personas que compartan sus comentarios con los demás y, si hay observaciones, que estas se hagan en el chat.</a:t>
                      </a:r>
                      <a:endParaRPr lang="en-US" sz="1800" kern="1200" dirty="0">
                        <a:solidFill>
                          <a:schemeClr val="dk1"/>
                        </a:solidFill>
                        <a:effectLst/>
                        <a:latin typeface="+mn-lt"/>
                        <a:ea typeface="+mn-ea"/>
                        <a:cs typeface="+mn-cs"/>
                      </a:endParaRPr>
                    </a:p>
                  </a:txBody>
                  <a:tcPr>
                    <a:solidFill>
                      <a:schemeClr val="bg1">
                        <a:lumMod val="85000"/>
                      </a:schemeClr>
                    </a:solidFill>
                  </a:tcPr>
                </a:tc>
                <a:tc>
                  <a:txBody>
                    <a:bodyPr/>
                    <a:lstStyle/>
                    <a:p>
                      <a:pPr marL="0" marR="0" lvl="0" indent="0" algn="l" defTabSz="914400" rtl="0" eaLnBrk="1" fontAlgn="auto" latinLnBrk="0" hangingPunct="1">
                        <a:lnSpc>
                          <a:spcPct val="107000"/>
                        </a:lnSpc>
                        <a:spcBef>
                          <a:spcPts val="0"/>
                        </a:spcBef>
                        <a:spcAft>
                          <a:spcPts val="0"/>
                        </a:spcAft>
                        <a:buClrTx/>
                        <a:buSzTx/>
                        <a:buFontTx/>
                        <a:buNone/>
                        <a:tabLst/>
                        <a:defRPr/>
                      </a:pPr>
                      <a:r>
                        <a:rPr lang="es-VE" sz="1800" dirty="0" smtClean="0">
                          <a:effectLst/>
                        </a:rPr>
                        <a:t>Estar atento a participantes que podrían necesitar ayuda.</a:t>
                      </a:r>
                      <a:endParaRPr lang="en-ZA" sz="1800" dirty="0">
                        <a:effectLst/>
                      </a:endParaRPr>
                    </a:p>
                  </a:txBody>
                  <a:tcPr>
                    <a:solidFill>
                      <a:schemeClr val="bg1">
                        <a:lumMod val="85000"/>
                      </a:schemeClr>
                    </a:solidFill>
                  </a:tcPr>
                </a:tc>
                <a:extLst>
                  <a:ext uri="{0D108BD9-81ED-4DB2-BD59-A6C34878D82A}">
                    <a16:rowId xmlns:a16="http://schemas.microsoft.com/office/drawing/2014/main" xmlns="" val="1172992013"/>
                  </a:ext>
                </a:extLst>
              </a:tr>
              <a:tr h="1407982">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endParaRPr lang="en-US" sz="18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r>
                        <a:rPr lang="en-US" sz="1800" b="1" kern="1200" dirty="0" smtClean="0">
                          <a:solidFill>
                            <a:schemeClr val="bg1"/>
                          </a:solidFill>
                          <a:effectLst/>
                          <a:latin typeface="Arial" panose="020B0604020202020204" pitchFamily="34" charset="0"/>
                          <a:ea typeface="+mn-ea"/>
                          <a:cs typeface="Arial" panose="020B0604020202020204" pitchFamily="34" charset="0"/>
                        </a:rPr>
                        <a:t>Técnicos/</a:t>
                      </a:r>
                    </a:p>
                    <a:p>
                      <a:pPr marL="0" marR="0" indent="0" algn="ctr" defTabSz="914400" rtl="0" eaLnBrk="1" fontAlgn="auto" latinLnBrk="0" hangingPunct="1">
                        <a:lnSpc>
                          <a:spcPct val="107000"/>
                        </a:lnSpc>
                        <a:spcBef>
                          <a:spcPts val="0"/>
                        </a:spcBef>
                        <a:spcAft>
                          <a:spcPts val="0"/>
                        </a:spcAft>
                        <a:buClrTx/>
                        <a:buSzTx/>
                        <a:buFontTx/>
                        <a:buNone/>
                        <a:tabLst/>
                        <a:defRPr/>
                      </a:pPr>
                      <a:r>
                        <a:rPr lang="en-US" sz="1800" b="1" kern="1200" dirty="0" smtClean="0">
                          <a:solidFill>
                            <a:schemeClr val="bg1"/>
                          </a:solidFill>
                          <a:effectLst/>
                          <a:latin typeface="Arial" panose="020B0604020202020204" pitchFamily="34" charset="0"/>
                          <a:ea typeface="+mn-ea"/>
                          <a:cs typeface="Arial" panose="020B0604020202020204" pitchFamily="34" charset="0"/>
                        </a:rPr>
                        <a:t>Encargados</a:t>
                      </a:r>
                      <a:r>
                        <a:rPr lang="en-US" sz="1800" b="1" kern="1200" baseline="0" dirty="0" smtClean="0">
                          <a:solidFill>
                            <a:schemeClr val="bg1"/>
                          </a:solidFill>
                          <a:effectLst/>
                          <a:latin typeface="Arial" panose="020B0604020202020204" pitchFamily="34" charset="0"/>
                          <a:ea typeface="+mn-ea"/>
                          <a:cs typeface="Arial" panose="020B0604020202020204" pitchFamily="34" charset="0"/>
                        </a:rPr>
                        <a:t> de la toma de notas</a:t>
                      </a:r>
                      <a:endParaRPr lang="en-US" sz="18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endParaRPr lang="en-US" sz="1800" b="1" kern="1200" dirty="0">
                        <a:solidFill>
                          <a:schemeClr val="bg1"/>
                        </a:solidFill>
                        <a:effectLst/>
                        <a:latin typeface="Arial" panose="020B0604020202020204" pitchFamily="34" charset="0"/>
                        <a:ea typeface="+mn-ea"/>
                        <a:cs typeface="Arial" panose="020B0604020202020204" pitchFamily="34" charset="0"/>
                      </a:endParaRPr>
                    </a:p>
                  </a:txBody>
                  <a:tcPr>
                    <a:solidFill>
                      <a:schemeClr val="accent4"/>
                    </a:solidFill>
                  </a:tcPr>
                </a:tc>
                <a:tc>
                  <a:txBody>
                    <a:bodyPr/>
                    <a:lstStyle/>
                    <a:p>
                      <a:pPr>
                        <a:lnSpc>
                          <a:spcPct val="100000"/>
                        </a:lnSpc>
                        <a:spcAft>
                          <a:spcPts val="0"/>
                        </a:spcAft>
                      </a:pPr>
                      <a:r>
                        <a:rPr lang="es-VE" sz="1800" kern="1200" dirty="0" smtClean="0">
                          <a:solidFill>
                            <a:schemeClr val="dk1"/>
                          </a:solidFill>
                          <a:effectLst/>
                          <a:latin typeface="+mn-lt"/>
                          <a:ea typeface="+mn-ea"/>
                          <a:cs typeface="+mn-cs"/>
                        </a:rPr>
                        <a:t>Configura las salas para grupos pequeños, aleatoria o automáticamente, y crea 6 grupos</a:t>
                      </a:r>
                      <a:r>
                        <a:rPr lang="es-VE" sz="1800" kern="1200" dirty="0" smtClean="0">
                          <a:solidFill>
                            <a:schemeClr val="dk1"/>
                          </a:solidFill>
                          <a:effectLst/>
                          <a:latin typeface="+mn-lt"/>
                          <a:ea typeface="+mn-ea"/>
                          <a:cs typeface="+mn-cs"/>
                        </a:rPr>
                        <a:t>. Comparte </a:t>
                      </a:r>
                      <a:r>
                        <a:rPr lang="es-VE" sz="1800" kern="1200" dirty="0" smtClean="0">
                          <a:solidFill>
                            <a:schemeClr val="dk1"/>
                          </a:solidFill>
                          <a:effectLst/>
                          <a:latin typeface="+mn-lt"/>
                          <a:ea typeface="+mn-ea"/>
                          <a:cs typeface="+mn-cs"/>
                        </a:rPr>
                        <a:t>el mismo link de Google Doc con la plantilla.</a:t>
                      </a:r>
                      <a:endParaRPr lang="en-US" sz="1800" kern="1200" dirty="0">
                        <a:solidFill>
                          <a:schemeClr val="dk1"/>
                        </a:solidFill>
                        <a:effectLst/>
                        <a:latin typeface="+mn-lt"/>
                        <a:ea typeface="+mn-ea"/>
                        <a:cs typeface="+mn-cs"/>
                      </a:endParaRPr>
                    </a:p>
                  </a:txBody>
                  <a:tcPr>
                    <a:solidFill>
                      <a:schemeClr val="bg1"/>
                    </a:solidFill>
                  </a:tcPr>
                </a:tc>
                <a:tc>
                  <a:txBody>
                    <a:bodyPr/>
                    <a:lstStyle/>
                    <a:p>
                      <a:pPr>
                        <a:lnSpc>
                          <a:spcPct val="107000"/>
                        </a:lnSpc>
                        <a:spcAft>
                          <a:spcPts val="600"/>
                        </a:spcAft>
                      </a:pPr>
                      <a:endParaRPr lang="en-US" sz="1800" kern="1000" dirty="0" smtClean="0">
                        <a:effectLst/>
                      </a:endParaRPr>
                    </a:p>
                    <a:p>
                      <a:pPr>
                        <a:lnSpc>
                          <a:spcPct val="107000"/>
                        </a:lnSpc>
                        <a:spcAft>
                          <a:spcPts val="600"/>
                        </a:spcAft>
                      </a:pPr>
                      <a:r>
                        <a:rPr lang="en-US" sz="1800" kern="1000" dirty="0" smtClean="0">
                          <a:effectLst/>
                        </a:rPr>
                        <a:t>Divide a los participantes en 4 grupos mixtos.</a:t>
                      </a:r>
                    </a:p>
                    <a:p>
                      <a:pPr>
                        <a:lnSpc>
                          <a:spcPct val="107000"/>
                        </a:lnSpc>
                        <a:spcAft>
                          <a:spcPts val="600"/>
                        </a:spcAft>
                      </a:pPr>
                      <a:r>
                        <a:rPr lang="en-US" sz="1800" kern="1000" dirty="0" smtClean="0">
                          <a:effectLst/>
                        </a:rPr>
                        <a:t>3 rondas de 10 minutos cada uno.</a:t>
                      </a:r>
                      <a:endParaRPr lang="en-US" sz="1800" kern="1000" dirty="0">
                        <a:effectLst/>
                      </a:endParaRPr>
                    </a:p>
                  </a:txBody>
                  <a:tcPr>
                    <a:solidFill>
                      <a:schemeClr val="bg1"/>
                    </a:solidFill>
                  </a:tcPr>
                </a:tc>
                <a:extLst>
                  <a:ext uri="{0D108BD9-81ED-4DB2-BD59-A6C34878D82A}">
                    <a16:rowId xmlns:a16="http://schemas.microsoft.com/office/drawing/2014/main" xmlns="" val="899445866"/>
                  </a:ext>
                </a:extLst>
              </a:tr>
            </a:tbl>
          </a:graphicData>
        </a:graphic>
      </p:graphicFrame>
    </p:spTree>
    <p:extLst>
      <p:ext uri="{BB962C8B-B14F-4D97-AF65-F5344CB8AC3E}">
        <p14:creationId xmlns:p14="http://schemas.microsoft.com/office/powerpoint/2010/main" val="3215895175"/>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a:extLst>
              <a:ext uri="{FF2B5EF4-FFF2-40B4-BE49-F238E27FC236}">
                <a16:creationId xmlns:a16="http://schemas.microsoft.com/office/drawing/2014/main" xmlns="" id="{ACCCF7FC-3E96-47D0-BFF8-F05C68498519}"/>
              </a:ext>
            </a:extLst>
          </p:cNvPr>
          <p:cNvGraphicFramePr>
            <a:graphicFrameLocks noGrp="1"/>
          </p:cNvGraphicFramePr>
          <p:nvPr>
            <p:extLst>
              <p:ext uri="{D42A27DB-BD31-4B8C-83A1-F6EECF244321}">
                <p14:modId xmlns:p14="http://schemas.microsoft.com/office/powerpoint/2010/main" val="2464725884"/>
              </p:ext>
            </p:extLst>
          </p:nvPr>
        </p:nvGraphicFramePr>
        <p:xfrm>
          <a:off x="20548" y="0"/>
          <a:ext cx="12171451" cy="7136996"/>
        </p:xfrm>
        <a:graphic>
          <a:graphicData uri="http://schemas.openxmlformats.org/drawingml/2006/table">
            <a:tbl>
              <a:tblPr firstRow="1" bandRow="1">
                <a:effectLst>
                  <a:outerShdw dist="38100" sx="1000" sy="1000" algn="l" rotWithShape="0">
                    <a:prstClr val="black">
                      <a:alpha val="65000"/>
                    </a:prstClr>
                  </a:outerShdw>
                </a:effectLst>
                <a:tableStyleId>{5C22544A-7EE6-4342-B048-85BDC9FD1C3A}</a:tableStyleId>
              </a:tblPr>
              <a:tblGrid>
                <a:gridCol w="2442117">
                  <a:extLst>
                    <a:ext uri="{9D8B030D-6E8A-4147-A177-3AD203B41FA5}">
                      <a16:colId xmlns:a16="http://schemas.microsoft.com/office/drawing/2014/main" xmlns="" val="1560926920"/>
                    </a:ext>
                  </a:extLst>
                </a:gridCol>
                <a:gridCol w="4311165">
                  <a:extLst>
                    <a:ext uri="{9D8B030D-6E8A-4147-A177-3AD203B41FA5}">
                      <a16:colId xmlns:a16="http://schemas.microsoft.com/office/drawing/2014/main" xmlns="" val="1975310804"/>
                    </a:ext>
                  </a:extLst>
                </a:gridCol>
                <a:gridCol w="5418169">
                  <a:extLst>
                    <a:ext uri="{9D8B030D-6E8A-4147-A177-3AD203B41FA5}">
                      <a16:colId xmlns:a16="http://schemas.microsoft.com/office/drawing/2014/main" xmlns="" val="3935886225"/>
                    </a:ext>
                  </a:extLst>
                </a:gridCol>
              </a:tblGrid>
              <a:tr h="1040075">
                <a:tc>
                  <a:txBody>
                    <a:bodyPr/>
                    <a:lstStyle/>
                    <a:p>
                      <a:pPr>
                        <a:spcAft>
                          <a:spcPts val="0"/>
                        </a:spcAft>
                      </a:pPr>
                      <a:r>
                        <a:rPr lang="en-US" sz="2200" b="1" kern="1200" dirty="0" smtClean="0">
                          <a:solidFill>
                            <a:schemeClr val="accent2"/>
                          </a:solidFill>
                          <a:latin typeface="+mn-lt"/>
                          <a:ea typeface="+mn-ea"/>
                          <a:cs typeface="+mn-cs"/>
                        </a:rPr>
                        <a:t>Cierre</a:t>
                      </a:r>
                      <a:endParaRPr lang="en-US" sz="2200" b="1" kern="1200" dirty="0">
                        <a:solidFill>
                          <a:schemeClr val="accent2"/>
                        </a:solidFill>
                        <a:latin typeface="+mn-lt"/>
                        <a:ea typeface="+mn-ea"/>
                        <a:cs typeface="+mn-cs"/>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2200" dirty="0">
                          <a:solidFill>
                            <a:schemeClr val="tx2"/>
                          </a:solidFill>
                          <a:latin typeface="Arial" panose="020B0604020202020204" pitchFamily="34" charset="0"/>
                          <a:cs typeface="Arial" panose="020B0604020202020204" pitchFamily="34" charset="0"/>
                        </a:rPr>
                        <a:t>2h45 </a:t>
                      </a:r>
                      <a:r>
                        <a:rPr lang="en-US" sz="2200" dirty="0" smtClean="0">
                          <a:solidFill>
                            <a:schemeClr val="tx2"/>
                          </a:solidFill>
                          <a:latin typeface="Arial" panose="020B0604020202020204" pitchFamily="34" charset="0"/>
                          <a:cs typeface="Arial" panose="020B0604020202020204" pitchFamily="34" charset="0"/>
                        </a:rPr>
                        <a:t>a </a:t>
                      </a:r>
                      <a:r>
                        <a:rPr lang="en-US" sz="2200" dirty="0">
                          <a:solidFill>
                            <a:schemeClr val="tx2"/>
                          </a:solidFill>
                          <a:latin typeface="Arial" panose="020B0604020202020204" pitchFamily="34" charset="0"/>
                          <a:cs typeface="Arial" panose="020B0604020202020204" pitchFamily="34" charset="0"/>
                        </a:rPr>
                        <a:t>2h55 </a:t>
                      </a:r>
                      <a:r>
                        <a:rPr lang="en-US" sz="2200" dirty="0" smtClean="0">
                          <a:solidFill>
                            <a:schemeClr val="tx2"/>
                          </a:solidFill>
                          <a:latin typeface="Arial" panose="020B0604020202020204" pitchFamily="34" charset="0"/>
                          <a:cs typeface="Arial" panose="020B0604020202020204" pitchFamily="34" charset="0"/>
                        </a:rPr>
                        <a:t>minutos</a:t>
                      </a:r>
                      <a:endParaRPr lang="en-US" sz="2200" dirty="0">
                        <a:solidFill>
                          <a:schemeClr val="tx2"/>
                        </a:solidFill>
                        <a:latin typeface="Arial" panose="020B0604020202020204" pitchFamily="34" charset="0"/>
                        <a:cs typeface="Arial" panose="020B0604020202020204" pitchFamily="34" charset="0"/>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tc>
                  <a:txBody>
                    <a:bodyPr/>
                    <a:lstStyle/>
                    <a:p>
                      <a:pPr marL="0" marR="0" lvl="0" indent="0" algn="l" defTabSz="914400" rtl="0" eaLnBrk="1" fontAlgn="auto" latinLnBrk="0" hangingPunct="1">
                        <a:lnSpc>
                          <a:spcPct val="107000"/>
                        </a:lnSpc>
                        <a:spcBef>
                          <a:spcPts val="0"/>
                        </a:spcBef>
                        <a:spcAft>
                          <a:spcPts val="0"/>
                        </a:spcAft>
                        <a:buClrTx/>
                        <a:buSzTx/>
                        <a:buFontTx/>
                        <a:buNone/>
                        <a:tabLst/>
                        <a:defRPr/>
                      </a:pPr>
                      <a:r>
                        <a:rPr lang="en-ZA" sz="2200" b="1" kern="1200" dirty="0">
                          <a:solidFill>
                            <a:schemeClr val="tx2"/>
                          </a:solidFill>
                          <a:latin typeface="Arial" panose="020B0604020202020204" pitchFamily="34" charset="0"/>
                          <a:ea typeface="+mn-ea"/>
                          <a:cs typeface="Arial" panose="020B0604020202020204" pitchFamily="34" charset="0"/>
                        </a:rPr>
                        <a:t>2h55 </a:t>
                      </a:r>
                      <a:r>
                        <a:rPr lang="en-ZA" sz="2200" b="1" kern="1200" dirty="0" smtClean="0">
                          <a:solidFill>
                            <a:schemeClr val="tx2"/>
                          </a:solidFill>
                          <a:latin typeface="Arial" panose="020B0604020202020204" pitchFamily="34" charset="0"/>
                          <a:ea typeface="+mn-ea"/>
                          <a:cs typeface="Arial" panose="020B0604020202020204" pitchFamily="34" charset="0"/>
                        </a:rPr>
                        <a:t>minutos a </a:t>
                      </a:r>
                      <a:r>
                        <a:rPr lang="en-ZA" sz="2200" b="1" kern="1200" dirty="0">
                          <a:solidFill>
                            <a:schemeClr val="tx2"/>
                          </a:solidFill>
                          <a:latin typeface="Arial" panose="020B0604020202020204" pitchFamily="34" charset="0"/>
                          <a:ea typeface="+mn-ea"/>
                          <a:cs typeface="Arial" panose="020B0604020202020204" pitchFamily="34" charset="0"/>
                        </a:rPr>
                        <a:t>3h00</a:t>
                      </a: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bg1">
                        <a:lumMod val="85000"/>
                      </a:schemeClr>
                    </a:solidFill>
                  </a:tcPr>
                </a:tc>
                <a:extLst>
                  <a:ext uri="{0D108BD9-81ED-4DB2-BD59-A6C34878D82A}">
                    <a16:rowId xmlns:a16="http://schemas.microsoft.com/office/drawing/2014/main" xmlns="" val="423117710"/>
                  </a:ext>
                </a:extLst>
              </a:tr>
              <a:tr h="2237963">
                <a:tc>
                  <a:txBody>
                    <a:bodyPr/>
                    <a:lstStyle/>
                    <a:p>
                      <a:pPr algn="ctr">
                        <a:lnSpc>
                          <a:spcPct val="107000"/>
                        </a:lnSpc>
                        <a:spcAft>
                          <a:spcPts val="0"/>
                        </a:spcAft>
                      </a:pPr>
                      <a:endParaRPr lang="en-US" sz="1800" b="1" dirty="0" smtClean="0">
                        <a:solidFill>
                          <a:schemeClr val="bg1"/>
                        </a:solidFill>
                        <a:effectLst/>
                        <a:latin typeface="Arial" panose="020B0604020202020204" pitchFamily="34" charset="0"/>
                        <a:ea typeface="+mn-ea"/>
                        <a:cs typeface="Arial" panose="020B0604020202020204" pitchFamily="34" charset="0"/>
                      </a:endParaRPr>
                    </a:p>
                    <a:p>
                      <a:pPr algn="ctr">
                        <a:lnSpc>
                          <a:spcPct val="107000"/>
                        </a:lnSpc>
                        <a:spcAft>
                          <a:spcPts val="0"/>
                        </a:spcAft>
                      </a:pPr>
                      <a:endParaRPr lang="en-US" sz="1800" b="1" dirty="0" smtClean="0">
                        <a:solidFill>
                          <a:schemeClr val="bg1"/>
                        </a:solidFill>
                        <a:effectLst/>
                        <a:latin typeface="Arial" panose="020B0604020202020204" pitchFamily="34" charset="0"/>
                        <a:ea typeface="+mn-ea"/>
                        <a:cs typeface="Arial" panose="020B0604020202020204" pitchFamily="34" charset="0"/>
                      </a:endParaRPr>
                    </a:p>
                    <a:p>
                      <a:pPr algn="ctr">
                        <a:lnSpc>
                          <a:spcPct val="107000"/>
                        </a:lnSpc>
                        <a:spcAft>
                          <a:spcPts val="0"/>
                        </a:spcAft>
                      </a:pPr>
                      <a:r>
                        <a:rPr lang="en-US" sz="1800" b="1" dirty="0" smtClean="0">
                          <a:solidFill>
                            <a:schemeClr val="bg1"/>
                          </a:solidFill>
                          <a:effectLst/>
                          <a:latin typeface="Arial" panose="020B0604020202020204" pitchFamily="34" charset="0"/>
                          <a:ea typeface="+mn-ea"/>
                          <a:cs typeface="Arial" panose="020B0604020202020204" pitchFamily="34" charset="0"/>
                        </a:rPr>
                        <a:t>Moderador</a:t>
                      </a:r>
                      <a:endParaRPr lang="en-ZA" sz="1800" b="1" dirty="0">
                        <a:solidFill>
                          <a:schemeClr val="bg1"/>
                        </a:solidFill>
                        <a:effectLst/>
                        <a:latin typeface="Arial" panose="020B0604020202020204" pitchFamily="34" charset="0"/>
                        <a:ea typeface="Calibri" panose="020F0502020204030204" pitchFamily="34" charset="0"/>
                        <a:cs typeface="Arial" panose="020B0604020202020204" pitchFamily="34" charset="0"/>
                      </a:endParaRPr>
                    </a:p>
                  </a:txBody>
                  <a:tcPr>
                    <a:lnT w="12700" cmpd="sng">
                      <a:noFill/>
                    </a:lnT>
                    <a:solidFill>
                      <a:schemeClr val="accent1"/>
                    </a:solidFill>
                  </a:tcPr>
                </a:tc>
                <a:tc>
                  <a:txBody>
                    <a:bodyPr/>
                    <a:lstStyle/>
                    <a:p>
                      <a:pPr>
                        <a:spcAft>
                          <a:spcPts val="0"/>
                        </a:spcAft>
                      </a:pPr>
                      <a:r>
                        <a:rPr lang="es-VE" dirty="0" smtClean="0"/>
                        <a:t>Reporte a la sesión plenaria:</a:t>
                      </a:r>
                    </a:p>
                    <a:p>
                      <a:pPr>
                        <a:spcAft>
                          <a:spcPts val="0"/>
                        </a:spcAft>
                      </a:pPr>
                      <a:endParaRPr lang="en-US" dirty="0"/>
                    </a:p>
                    <a:p>
                      <a:pPr marL="285750" indent="-285750">
                        <a:spcAft>
                          <a:spcPts val="0"/>
                        </a:spcAft>
                        <a:buFont typeface="Wingdings" pitchFamily="2" charset="2"/>
                        <a:buChar char="Ø"/>
                      </a:pPr>
                      <a:r>
                        <a:rPr lang="es-VE" dirty="0" smtClean="0"/>
                        <a:t>¿Cuál es la principal recomendación que se debe someter a consideración?</a:t>
                      </a:r>
                      <a:endParaRPr lang="en-US" dirty="0"/>
                    </a:p>
                  </a:txBody>
                  <a:tcPr>
                    <a:lnT w="12700" cmpd="sng">
                      <a:noFill/>
                    </a:lnT>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s-VE" sz="1800" b="1" i="0" kern="1200" dirty="0" smtClean="0">
                          <a:solidFill>
                            <a:schemeClr val="dk1"/>
                          </a:solidFill>
                          <a:effectLst/>
                          <a:latin typeface="+mn-lt"/>
                          <a:ea typeface="+mn-ea"/>
                          <a:cs typeface="+mn-cs"/>
                        </a:rPr>
                        <a:t>Despedida, cierre de la reunión</a:t>
                      </a:r>
                      <a:endParaRPr lang="en-ZA" sz="1800" b="1" i="0" kern="1200" dirty="0">
                        <a:solidFill>
                          <a:schemeClr val="dk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s-VE" sz="1800" b="1" i="0" kern="1200" dirty="0" smtClean="0">
                        <a:solidFill>
                          <a:schemeClr val="dk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s-VE" sz="1800" b="0" i="1" kern="1200" dirty="0" smtClean="0">
                          <a:solidFill>
                            <a:schemeClr val="dk1"/>
                          </a:solidFill>
                          <a:effectLst/>
                          <a:latin typeface="+mn-lt"/>
                          <a:ea typeface="+mn-ea"/>
                          <a:cs typeface="+mn-cs"/>
                        </a:rPr>
                        <a:t>Chat: ¿Qué no puedo irme sin decir en este grupo de enfoque?</a:t>
                      </a:r>
                      <a:endParaRPr lang="en-ZA" sz="1800" b="0" i="1" kern="1200" dirty="0">
                        <a:solidFill>
                          <a:schemeClr val="dk1"/>
                        </a:solidFill>
                        <a:effectLst/>
                        <a:latin typeface="+mn-lt"/>
                        <a:ea typeface="+mn-ea"/>
                        <a:cs typeface="+mn-cs"/>
                      </a:endParaRPr>
                    </a:p>
                  </a:txBody>
                  <a:tcPr>
                    <a:lnT w="12700" cmpd="sng">
                      <a:noFill/>
                    </a:lnT>
                    <a:solidFill>
                      <a:schemeClr val="bg1"/>
                    </a:solidFill>
                  </a:tcPr>
                </a:tc>
                <a:extLst>
                  <a:ext uri="{0D108BD9-81ED-4DB2-BD59-A6C34878D82A}">
                    <a16:rowId xmlns:a16="http://schemas.microsoft.com/office/drawing/2014/main" xmlns="" val="2826885672"/>
                  </a:ext>
                </a:extLst>
              </a:tr>
              <a:tr h="2007004">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endParaRPr lang="en-US" sz="18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endParaRPr lang="en-US" sz="18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r>
                        <a:rPr lang="en-US" sz="1800" b="1" kern="1200" dirty="0" smtClean="0">
                          <a:solidFill>
                            <a:schemeClr val="bg1"/>
                          </a:solidFill>
                          <a:effectLst/>
                          <a:latin typeface="Arial" panose="020B0604020202020204" pitchFamily="34" charset="0"/>
                          <a:ea typeface="+mn-ea"/>
                          <a:cs typeface="Arial" panose="020B0604020202020204" pitchFamily="34" charset="0"/>
                        </a:rPr>
                        <a:t>Notas</a:t>
                      </a:r>
                      <a:r>
                        <a:rPr lang="en-US" sz="1800" b="1" kern="1200" baseline="0" dirty="0" smtClean="0">
                          <a:solidFill>
                            <a:schemeClr val="bg1"/>
                          </a:solidFill>
                          <a:effectLst/>
                          <a:latin typeface="Arial" panose="020B0604020202020204" pitchFamily="34" charset="0"/>
                          <a:ea typeface="+mn-ea"/>
                          <a:cs typeface="Arial" panose="020B0604020202020204" pitchFamily="34" charset="0"/>
                        </a:rPr>
                        <a:t> </a:t>
                      </a:r>
                      <a:r>
                        <a:rPr lang="en-US" sz="1800" b="1" kern="1200" baseline="0" dirty="0" smtClean="0">
                          <a:solidFill>
                            <a:schemeClr val="bg1"/>
                          </a:solidFill>
                          <a:effectLst/>
                          <a:latin typeface="Arial" panose="020B0604020202020204" pitchFamily="34" charset="0"/>
                          <a:ea typeface="+mn-ea"/>
                          <a:cs typeface="Arial" panose="020B0604020202020204" pitchFamily="34" charset="0"/>
                        </a:rPr>
                        <a:t>para el moderador</a:t>
                      </a:r>
                      <a:endParaRPr lang="en-US" sz="18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endParaRPr lang="en-US" sz="1800" b="1" kern="1200" dirty="0">
                        <a:solidFill>
                          <a:schemeClr val="bg1"/>
                        </a:solidFill>
                        <a:effectLst/>
                        <a:latin typeface="Arial" panose="020B0604020202020204" pitchFamily="34" charset="0"/>
                        <a:ea typeface="+mn-ea"/>
                        <a:cs typeface="Arial" panose="020B0604020202020204" pitchFamily="34" charset="0"/>
                      </a:endParaRPr>
                    </a:p>
                  </a:txBody>
                  <a:tcPr>
                    <a:solidFill>
                      <a:schemeClr val="accent3"/>
                    </a:solidFill>
                  </a:tcPr>
                </a:tc>
                <a:tc>
                  <a:txBody>
                    <a:bodyPr/>
                    <a:lstStyle/>
                    <a:p>
                      <a:r>
                        <a:rPr lang="es-VE" sz="1800" kern="1200" dirty="0" smtClean="0">
                          <a:solidFill>
                            <a:schemeClr val="dk1"/>
                          </a:solidFill>
                          <a:effectLst/>
                          <a:latin typeface="+mn-lt"/>
                          <a:ea typeface="+mn-ea"/>
                          <a:cs typeface="+mn-cs"/>
                        </a:rPr>
                        <a:t>De los datos de las plantillas, determinar puntos en común.</a:t>
                      </a:r>
                    </a:p>
                    <a:p>
                      <a:endParaRPr lang="en-US" sz="1800" kern="1200" dirty="0">
                        <a:solidFill>
                          <a:schemeClr val="dk1"/>
                        </a:solidFill>
                        <a:effectLst/>
                        <a:latin typeface="+mn-lt"/>
                        <a:ea typeface="+mn-ea"/>
                        <a:cs typeface="+mn-cs"/>
                      </a:endParaRPr>
                    </a:p>
                    <a:p>
                      <a:pPr marL="0" marR="0" indent="0" algn="l" defTabSz="914400" rtl="0" eaLnBrk="1" fontAlgn="auto" latinLnBrk="0" hangingPunct="1">
                        <a:lnSpc>
                          <a:spcPct val="100000"/>
                        </a:lnSpc>
                        <a:spcBef>
                          <a:spcPts val="0"/>
                        </a:spcBef>
                        <a:spcAft>
                          <a:spcPts val="0"/>
                        </a:spcAft>
                        <a:buClrTx/>
                        <a:buSzTx/>
                        <a:buFontTx/>
                        <a:buNone/>
                        <a:tabLst/>
                        <a:defRPr/>
                      </a:pPr>
                      <a:r>
                        <a:rPr lang="es-VE" sz="1800" kern="1200" dirty="0" smtClean="0">
                          <a:solidFill>
                            <a:schemeClr val="dk1"/>
                          </a:solidFill>
                          <a:effectLst/>
                          <a:latin typeface="+mn-lt"/>
                          <a:ea typeface="+mn-ea"/>
                          <a:cs typeface="+mn-cs"/>
                        </a:rPr>
                        <a:t>Pídeles a 2 o 3 personas que compartan sus comentarios con los demás y, si hay observaciones, que estas se hagan en el chat.</a:t>
                      </a:r>
                      <a:endParaRPr lang="en-US" sz="1800" kern="1200" dirty="0" smtClean="0">
                        <a:solidFill>
                          <a:schemeClr val="dk1"/>
                        </a:solidFill>
                        <a:effectLst/>
                        <a:latin typeface="+mn-lt"/>
                        <a:ea typeface="+mn-ea"/>
                        <a:cs typeface="+mn-cs"/>
                      </a:endParaRPr>
                    </a:p>
                    <a:p>
                      <a:endParaRPr lang="en-US" sz="1800" kern="1200" dirty="0">
                        <a:solidFill>
                          <a:schemeClr val="dk1"/>
                        </a:solidFill>
                        <a:effectLst/>
                        <a:latin typeface="+mn-lt"/>
                        <a:ea typeface="+mn-ea"/>
                        <a:cs typeface="+mn-cs"/>
                      </a:endParaRPr>
                    </a:p>
                  </a:txBody>
                  <a:tcPr>
                    <a:solidFill>
                      <a:schemeClr val="bg1">
                        <a:lumMod val="85000"/>
                      </a:schemeClr>
                    </a:solidFill>
                  </a:tcPr>
                </a:tc>
                <a:tc>
                  <a:txBody>
                    <a:bodyPr/>
                    <a:lstStyle/>
                    <a:p>
                      <a:pPr marL="0" marR="0" lvl="0" indent="0" algn="l" defTabSz="914400" rtl="0" eaLnBrk="1" fontAlgn="auto" latinLnBrk="0" hangingPunct="1">
                        <a:lnSpc>
                          <a:spcPct val="107000"/>
                        </a:lnSpc>
                        <a:spcBef>
                          <a:spcPts val="0"/>
                        </a:spcBef>
                        <a:spcAft>
                          <a:spcPts val="0"/>
                        </a:spcAft>
                        <a:buClrTx/>
                        <a:buSzTx/>
                        <a:buFontTx/>
                        <a:buNone/>
                        <a:tabLst/>
                        <a:defRPr/>
                      </a:pPr>
                      <a:endParaRPr lang="en-ZA" sz="2000" dirty="0">
                        <a:effectLst/>
                      </a:endParaRPr>
                    </a:p>
                  </a:txBody>
                  <a:tcPr>
                    <a:solidFill>
                      <a:schemeClr val="bg1">
                        <a:lumMod val="85000"/>
                      </a:schemeClr>
                    </a:solidFill>
                  </a:tcPr>
                </a:tc>
                <a:extLst>
                  <a:ext uri="{0D108BD9-81ED-4DB2-BD59-A6C34878D82A}">
                    <a16:rowId xmlns:a16="http://schemas.microsoft.com/office/drawing/2014/main" xmlns="" val="1172992013"/>
                  </a:ext>
                </a:extLst>
              </a:tr>
              <a:tr h="1572958">
                <a:tc>
                  <a:txBody>
                    <a:bodyPr/>
                    <a:lstStyle/>
                    <a:p>
                      <a:pPr marL="0" marR="0" indent="0" algn="ctr" defTabSz="914400" rtl="0" eaLnBrk="1" fontAlgn="auto" latinLnBrk="0" hangingPunct="1">
                        <a:lnSpc>
                          <a:spcPct val="107000"/>
                        </a:lnSpc>
                        <a:spcBef>
                          <a:spcPts val="0"/>
                        </a:spcBef>
                        <a:spcAft>
                          <a:spcPts val="0"/>
                        </a:spcAft>
                        <a:buClrTx/>
                        <a:buSzTx/>
                        <a:buFontTx/>
                        <a:buNone/>
                        <a:tabLst/>
                        <a:defRPr/>
                      </a:pPr>
                      <a:endParaRPr lang="en-US" sz="18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r>
                        <a:rPr lang="en-US" sz="1800" b="1" kern="1200" dirty="0" smtClean="0">
                          <a:solidFill>
                            <a:schemeClr val="bg1"/>
                          </a:solidFill>
                          <a:effectLst/>
                          <a:latin typeface="Arial" panose="020B0604020202020204" pitchFamily="34" charset="0"/>
                          <a:ea typeface="+mn-ea"/>
                          <a:cs typeface="Arial" panose="020B0604020202020204" pitchFamily="34" charset="0"/>
                        </a:rPr>
                        <a:t>Técnicos/</a:t>
                      </a:r>
                    </a:p>
                    <a:p>
                      <a:pPr marL="0" marR="0" indent="0" algn="ctr" defTabSz="914400" rtl="0" eaLnBrk="1" fontAlgn="auto" latinLnBrk="0" hangingPunct="1">
                        <a:lnSpc>
                          <a:spcPct val="107000"/>
                        </a:lnSpc>
                        <a:spcBef>
                          <a:spcPts val="0"/>
                        </a:spcBef>
                        <a:spcAft>
                          <a:spcPts val="0"/>
                        </a:spcAft>
                        <a:buClrTx/>
                        <a:buSzTx/>
                        <a:buFontTx/>
                        <a:buNone/>
                        <a:tabLst/>
                        <a:defRPr/>
                      </a:pPr>
                      <a:r>
                        <a:rPr lang="en-US" sz="1800" b="1" kern="1200" dirty="0" smtClean="0">
                          <a:solidFill>
                            <a:schemeClr val="bg1"/>
                          </a:solidFill>
                          <a:effectLst/>
                          <a:latin typeface="Arial" panose="020B0604020202020204" pitchFamily="34" charset="0"/>
                          <a:ea typeface="+mn-ea"/>
                          <a:cs typeface="Arial" panose="020B0604020202020204" pitchFamily="34" charset="0"/>
                        </a:rPr>
                        <a:t>Encargados</a:t>
                      </a:r>
                      <a:r>
                        <a:rPr lang="en-US" sz="1800" b="1" kern="1200" baseline="0" dirty="0" smtClean="0">
                          <a:solidFill>
                            <a:schemeClr val="bg1"/>
                          </a:solidFill>
                          <a:effectLst/>
                          <a:latin typeface="Arial" panose="020B0604020202020204" pitchFamily="34" charset="0"/>
                          <a:ea typeface="+mn-ea"/>
                          <a:cs typeface="Arial" panose="020B0604020202020204" pitchFamily="34" charset="0"/>
                        </a:rPr>
                        <a:t> de la toma de notas</a:t>
                      </a:r>
                      <a:endParaRPr lang="en-US" sz="1800" b="1" kern="1200" dirty="0" smtClean="0">
                        <a:solidFill>
                          <a:schemeClr val="bg1"/>
                        </a:solidFill>
                        <a:effectLst/>
                        <a:latin typeface="Arial" panose="020B0604020202020204" pitchFamily="34" charset="0"/>
                        <a:ea typeface="+mn-ea"/>
                        <a:cs typeface="Arial" panose="020B0604020202020204" pitchFamily="34" charset="0"/>
                      </a:endParaRPr>
                    </a:p>
                    <a:p>
                      <a:pPr marL="0" marR="0" indent="0" algn="ctr" defTabSz="914400" rtl="0" eaLnBrk="1" fontAlgn="auto" latinLnBrk="0" hangingPunct="1">
                        <a:lnSpc>
                          <a:spcPct val="107000"/>
                        </a:lnSpc>
                        <a:spcBef>
                          <a:spcPts val="0"/>
                        </a:spcBef>
                        <a:spcAft>
                          <a:spcPts val="0"/>
                        </a:spcAft>
                        <a:buClrTx/>
                        <a:buSzTx/>
                        <a:buFontTx/>
                        <a:buNone/>
                        <a:tabLst/>
                        <a:defRPr/>
                      </a:pPr>
                      <a:endParaRPr lang="en-US" sz="1800" b="1" kern="1200" dirty="0">
                        <a:solidFill>
                          <a:schemeClr val="bg1"/>
                        </a:solidFill>
                        <a:effectLst/>
                        <a:latin typeface="Arial" panose="020B0604020202020204" pitchFamily="34" charset="0"/>
                        <a:ea typeface="+mn-ea"/>
                        <a:cs typeface="Arial" panose="020B0604020202020204" pitchFamily="34" charset="0"/>
                      </a:endParaRPr>
                    </a:p>
                  </a:txBody>
                  <a:tcPr>
                    <a:solidFill>
                      <a:schemeClr val="accent4"/>
                    </a:solidFill>
                  </a:tcPr>
                </a:tc>
                <a:tc>
                  <a:txBody>
                    <a:bodyPr/>
                    <a:lstStyle/>
                    <a:p>
                      <a:pPr>
                        <a:lnSpc>
                          <a:spcPct val="100000"/>
                        </a:lnSpc>
                        <a:spcAft>
                          <a:spcPts val="0"/>
                        </a:spcAft>
                      </a:pPr>
                      <a:endParaRPr lang="es-VE" sz="1800" kern="1200" dirty="0" smtClean="0">
                        <a:solidFill>
                          <a:schemeClr val="dk1"/>
                        </a:solidFill>
                        <a:effectLst/>
                        <a:latin typeface="+mn-lt"/>
                        <a:ea typeface="+mn-ea"/>
                        <a:cs typeface="+mn-cs"/>
                      </a:endParaRPr>
                    </a:p>
                    <a:p>
                      <a:pPr>
                        <a:lnSpc>
                          <a:spcPct val="100000"/>
                        </a:lnSpc>
                        <a:spcAft>
                          <a:spcPts val="0"/>
                        </a:spcAft>
                      </a:pPr>
                      <a:r>
                        <a:rPr lang="es-VE" sz="1800" kern="1200" dirty="0" smtClean="0">
                          <a:solidFill>
                            <a:schemeClr val="dk1"/>
                          </a:solidFill>
                          <a:effectLst/>
                          <a:latin typeface="+mn-lt"/>
                          <a:ea typeface="+mn-ea"/>
                          <a:cs typeface="+mn-cs"/>
                        </a:rPr>
                        <a:t>Registrar las notas de los participantes en el chat.</a:t>
                      </a:r>
                      <a:endParaRPr lang="en-US" sz="1800" kern="1200" dirty="0">
                        <a:solidFill>
                          <a:schemeClr val="dk1"/>
                        </a:solidFill>
                        <a:effectLst/>
                        <a:latin typeface="+mn-lt"/>
                        <a:ea typeface="+mn-ea"/>
                        <a:cs typeface="+mn-cs"/>
                      </a:endParaRPr>
                    </a:p>
                  </a:txBody>
                  <a:tcPr>
                    <a:solidFill>
                      <a:schemeClr val="bg1"/>
                    </a:solidFill>
                  </a:tcPr>
                </a:tc>
                <a:tc>
                  <a:txBody>
                    <a:bodyPr/>
                    <a:lstStyle/>
                    <a:p>
                      <a:pPr>
                        <a:lnSpc>
                          <a:spcPct val="107000"/>
                        </a:lnSpc>
                        <a:spcAft>
                          <a:spcPts val="600"/>
                        </a:spcAft>
                      </a:pPr>
                      <a:endParaRPr lang="en-US" sz="1800" kern="1000" dirty="0">
                        <a:effectLst/>
                      </a:endParaRPr>
                    </a:p>
                  </a:txBody>
                  <a:tcPr>
                    <a:solidFill>
                      <a:schemeClr val="bg1"/>
                    </a:solidFill>
                  </a:tcPr>
                </a:tc>
                <a:extLst>
                  <a:ext uri="{0D108BD9-81ED-4DB2-BD59-A6C34878D82A}">
                    <a16:rowId xmlns:a16="http://schemas.microsoft.com/office/drawing/2014/main" xmlns="" val="899445866"/>
                  </a:ext>
                </a:extLst>
              </a:tr>
            </a:tbl>
          </a:graphicData>
        </a:graphic>
      </p:graphicFrame>
    </p:spTree>
    <p:extLst>
      <p:ext uri="{BB962C8B-B14F-4D97-AF65-F5344CB8AC3E}">
        <p14:creationId xmlns:p14="http://schemas.microsoft.com/office/powerpoint/2010/main" val="2170599195"/>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roup 6"/>
          <p:cNvGrpSpPr/>
          <p:nvPr/>
        </p:nvGrpSpPr>
        <p:grpSpPr>
          <a:xfrm>
            <a:off x="3497940" y="994954"/>
            <a:ext cx="4885509" cy="4868092"/>
            <a:chOff x="3497940" y="1425302"/>
            <a:chExt cx="4885509" cy="4868092"/>
          </a:xfrm>
        </p:grpSpPr>
        <p:sp>
          <p:nvSpPr>
            <p:cNvPr id="2" name="Pie 1"/>
            <p:cNvSpPr/>
            <p:nvPr/>
          </p:nvSpPr>
          <p:spPr>
            <a:xfrm>
              <a:off x="3628569" y="1538514"/>
              <a:ext cx="4754880" cy="4754880"/>
            </a:xfrm>
            <a:prstGeom prst="pie">
              <a:avLst>
                <a:gd name="adj1" fmla="val 0"/>
                <a:gd name="adj2" fmla="val 5416976"/>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3" name="Pie 2"/>
            <p:cNvSpPr/>
            <p:nvPr/>
          </p:nvSpPr>
          <p:spPr>
            <a:xfrm flipH="1">
              <a:off x="3497940" y="1538514"/>
              <a:ext cx="4754880" cy="4754880"/>
            </a:xfrm>
            <a:prstGeom prst="pie">
              <a:avLst>
                <a:gd name="adj1" fmla="val 0"/>
                <a:gd name="adj2" fmla="val 5416976"/>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4" name="Pie 3"/>
            <p:cNvSpPr/>
            <p:nvPr/>
          </p:nvSpPr>
          <p:spPr>
            <a:xfrm flipH="1" flipV="1">
              <a:off x="3497940" y="1425302"/>
              <a:ext cx="4754880" cy="4754880"/>
            </a:xfrm>
            <a:prstGeom prst="pie">
              <a:avLst>
                <a:gd name="adj1" fmla="val 0"/>
                <a:gd name="adj2" fmla="val 5416976"/>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5" name="Pie 4"/>
            <p:cNvSpPr/>
            <p:nvPr/>
          </p:nvSpPr>
          <p:spPr>
            <a:xfrm flipV="1">
              <a:off x="3628569" y="1425302"/>
              <a:ext cx="4754880" cy="4754880"/>
            </a:xfrm>
            <a:prstGeom prst="pie">
              <a:avLst>
                <a:gd name="adj1" fmla="val 0"/>
                <a:gd name="adj2" fmla="val 5416976"/>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10" name="TextBox 9"/>
          <p:cNvSpPr txBox="1"/>
          <p:nvPr/>
        </p:nvSpPr>
        <p:spPr>
          <a:xfrm>
            <a:off x="-186545" y="252830"/>
            <a:ext cx="12378545" cy="1215846"/>
          </a:xfrm>
          <a:prstGeom prst="rect">
            <a:avLst/>
          </a:prstGeom>
          <a:noFill/>
        </p:spPr>
        <p:txBody>
          <a:bodyPr wrap="square" rtlCol="0">
            <a:spAutoFit/>
          </a:bodyPr>
          <a:lstStyle/>
          <a:p>
            <a:pPr algn="r">
              <a:lnSpc>
                <a:spcPct val="107000"/>
              </a:lnSpc>
              <a:spcAft>
                <a:spcPts val="800"/>
              </a:spcAft>
            </a:pPr>
            <a:r>
              <a:rPr lang="en-ZA" sz="3200" b="1" dirty="0">
                <a:solidFill>
                  <a:schemeClr val="accent2"/>
                </a:solidFill>
                <a:latin typeface="Arial" panose="020B0604020202020204" pitchFamily="34" charset="0"/>
                <a:ea typeface="Calibri" panose="020F0502020204030204" pitchFamily="34" charset="0"/>
                <a:cs typeface="Times New Roman" panose="02020603050405020304" pitchFamily="18" charset="0"/>
              </a:rPr>
              <a:t>Tips </a:t>
            </a:r>
            <a:r>
              <a:rPr lang="en-ZA" sz="3200" b="1" dirty="0" smtClean="0">
                <a:solidFill>
                  <a:schemeClr val="accent2"/>
                </a:solidFill>
                <a:latin typeface="Arial" panose="020B0604020202020204" pitchFamily="34" charset="0"/>
                <a:ea typeface="Calibri" panose="020F0502020204030204" pitchFamily="34" charset="0"/>
                <a:cs typeface="Times New Roman" panose="02020603050405020304" pitchFamily="18" charset="0"/>
              </a:rPr>
              <a:t>para moderadores </a:t>
            </a:r>
            <a:r>
              <a:rPr lang="en-ZA" sz="3200" b="1" dirty="0">
                <a:solidFill>
                  <a:schemeClr val="accent2"/>
                </a:solidFill>
                <a:latin typeface="Arial" panose="020B0604020202020204" pitchFamily="34" charset="0"/>
                <a:ea typeface="Calibri" panose="020F0502020204030204" pitchFamily="34" charset="0"/>
                <a:cs typeface="Times New Roman" panose="02020603050405020304" pitchFamily="18" charset="0"/>
              </a:rPr>
              <a:t>y detalles sobre ejercicios específicos</a:t>
            </a:r>
            <a:endParaRPr lang="en-ZA" sz="2800" b="1" dirty="0">
              <a:solidFill>
                <a:schemeClr val="accent2"/>
              </a:solidFill>
              <a:latin typeface="Calibri" panose="020F0502020204030204" pitchFamily="34" charset="0"/>
              <a:ea typeface="Calibri" panose="020F0502020204030204" pitchFamily="34" charset="0"/>
              <a:cs typeface="Times New Roman" panose="02020603050405020304" pitchFamily="18" charset="0"/>
            </a:endParaRPr>
          </a:p>
          <a:p>
            <a:pPr algn="r">
              <a:lnSpc>
                <a:spcPct val="107000"/>
              </a:lnSpc>
              <a:spcAft>
                <a:spcPts val="800"/>
              </a:spcAft>
            </a:pPr>
            <a:endParaRPr lang="en-ZA" sz="3000" b="1" dirty="0">
              <a:solidFill>
                <a:schemeClr val="accent2"/>
              </a:solidFill>
              <a:latin typeface="Arial" panose="020B0604020202020204" pitchFamily="34" charset="0"/>
              <a:cs typeface="Arial" panose="020B0604020202020204" pitchFamily="34" charset="0"/>
            </a:endParaRPr>
          </a:p>
        </p:txBody>
      </p:sp>
      <p:sp>
        <p:nvSpPr>
          <p:cNvPr id="14" name="TextBox 13"/>
          <p:cNvSpPr txBox="1"/>
          <p:nvPr/>
        </p:nvSpPr>
        <p:spPr>
          <a:xfrm>
            <a:off x="8800699" y="1432194"/>
            <a:ext cx="2393214" cy="132343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8000" b="1" i="0" u="none" strike="noStrike" kern="1200" cap="none" spc="0" normalizeH="0" baseline="0" noProof="0" dirty="0">
                <a:ln>
                  <a:noFill/>
                </a:ln>
                <a:solidFill>
                  <a:schemeClr val="accent4"/>
                </a:solidFill>
                <a:effectLst/>
                <a:uLnTx/>
                <a:uFillTx/>
                <a:latin typeface="Arial" panose="020B0604020202020204" pitchFamily="34" charset="0"/>
                <a:ea typeface="+mn-ea"/>
                <a:cs typeface="Arial" panose="020B0604020202020204" pitchFamily="34" charset="0"/>
              </a:rPr>
              <a:t>02</a:t>
            </a:r>
          </a:p>
        </p:txBody>
      </p:sp>
      <p:grpSp>
        <p:nvGrpSpPr>
          <p:cNvPr id="17" name="Group 4"/>
          <p:cNvGrpSpPr>
            <a:grpSpLocks noChangeAspect="1"/>
          </p:cNvGrpSpPr>
          <p:nvPr/>
        </p:nvGrpSpPr>
        <p:grpSpPr bwMode="auto">
          <a:xfrm>
            <a:off x="4230742" y="2190416"/>
            <a:ext cx="1400347" cy="766468"/>
            <a:chOff x="1807" y="350"/>
            <a:chExt cx="771" cy="422"/>
          </a:xfrm>
          <a:solidFill>
            <a:schemeClr val="bg1"/>
          </a:solidFill>
        </p:grpSpPr>
        <p:sp>
          <p:nvSpPr>
            <p:cNvPr id="20" name="Freeform 6"/>
            <p:cNvSpPr>
              <a:spLocks noEditPoints="1"/>
            </p:cNvSpPr>
            <p:nvPr/>
          </p:nvSpPr>
          <p:spPr bwMode="auto">
            <a:xfrm>
              <a:off x="1807" y="353"/>
              <a:ext cx="477" cy="416"/>
            </a:xfrm>
            <a:custGeom>
              <a:avLst/>
              <a:gdLst>
                <a:gd name="T0" fmla="*/ 352 w 2385"/>
                <a:gd name="T1" fmla="*/ 246 h 2077"/>
                <a:gd name="T2" fmla="*/ 297 w 2385"/>
                <a:gd name="T3" fmla="*/ 270 h 2077"/>
                <a:gd name="T4" fmla="*/ 255 w 2385"/>
                <a:gd name="T5" fmla="*/ 312 h 2077"/>
                <a:gd name="T6" fmla="*/ 232 w 2385"/>
                <a:gd name="T7" fmla="*/ 365 h 2077"/>
                <a:gd name="T8" fmla="*/ 228 w 2385"/>
                <a:gd name="T9" fmla="*/ 1290 h 2077"/>
                <a:gd name="T10" fmla="*/ 240 w 2385"/>
                <a:gd name="T11" fmla="*/ 1351 h 2077"/>
                <a:gd name="T12" fmla="*/ 274 w 2385"/>
                <a:gd name="T13" fmla="*/ 1399 h 2077"/>
                <a:gd name="T14" fmla="*/ 323 w 2385"/>
                <a:gd name="T15" fmla="*/ 1432 h 2077"/>
                <a:gd name="T16" fmla="*/ 383 w 2385"/>
                <a:gd name="T17" fmla="*/ 1444 h 2077"/>
                <a:gd name="T18" fmla="*/ 2017 w 2385"/>
                <a:gd name="T19" fmla="*/ 1441 h 2077"/>
                <a:gd name="T20" fmla="*/ 2073 w 2385"/>
                <a:gd name="T21" fmla="*/ 1417 h 2077"/>
                <a:gd name="T22" fmla="*/ 2113 w 2385"/>
                <a:gd name="T23" fmla="*/ 1376 h 2077"/>
                <a:gd name="T24" fmla="*/ 2137 w 2385"/>
                <a:gd name="T25" fmla="*/ 1321 h 2077"/>
                <a:gd name="T26" fmla="*/ 2140 w 2385"/>
                <a:gd name="T27" fmla="*/ 396 h 2077"/>
                <a:gd name="T28" fmla="*/ 2128 w 2385"/>
                <a:gd name="T29" fmla="*/ 337 h 2077"/>
                <a:gd name="T30" fmla="*/ 2095 w 2385"/>
                <a:gd name="T31" fmla="*/ 289 h 2077"/>
                <a:gd name="T32" fmla="*/ 2046 w 2385"/>
                <a:gd name="T33" fmla="*/ 256 h 2077"/>
                <a:gd name="T34" fmla="*/ 1986 w 2385"/>
                <a:gd name="T35" fmla="*/ 244 h 2077"/>
                <a:gd name="T36" fmla="*/ 107 w 2385"/>
                <a:gd name="T37" fmla="*/ 0 h 2077"/>
                <a:gd name="T38" fmla="*/ 2298 w 2385"/>
                <a:gd name="T39" fmla="*/ 3 h 2077"/>
                <a:gd name="T40" fmla="*/ 2344 w 2385"/>
                <a:gd name="T41" fmla="*/ 24 h 2077"/>
                <a:gd name="T42" fmla="*/ 2374 w 2385"/>
                <a:gd name="T43" fmla="*/ 63 h 2077"/>
                <a:gd name="T44" fmla="*/ 2385 w 2385"/>
                <a:gd name="T45" fmla="*/ 116 h 2077"/>
                <a:gd name="T46" fmla="*/ 2383 w 2385"/>
                <a:gd name="T47" fmla="*/ 1576 h 2077"/>
                <a:gd name="T48" fmla="*/ 2361 w 2385"/>
                <a:gd name="T49" fmla="*/ 1625 h 2077"/>
                <a:gd name="T50" fmla="*/ 2323 w 2385"/>
                <a:gd name="T51" fmla="*/ 1658 h 2077"/>
                <a:gd name="T52" fmla="*/ 2272 w 2385"/>
                <a:gd name="T53" fmla="*/ 1671 h 2077"/>
                <a:gd name="T54" fmla="*/ 1290 w 2385"/>
                <a:gd name="T55" fmla="*/ 1849 h 2077"/>
                <a:gd name="T56" fmla="*/ 1657 w 2385"/>
                <a:gd name="T57" fmla="*/ 1853 h 2077"/>
                <a:gd name="T58" fmla="*/ 1719 w 2385"/>
                <a:gd name="T59" fmla="*/ 1875 h 2077"/>
                <a:gd name="T60" fmla="*/ 1769 w 2385"/>
                <a:gd name="T61" fmla="*/ 1917 h 2077"/>
                <a:gd name="T62" fmla="*/ 1802 w 2385"/>
                <a:gd name="T63" fmla="*/ 1973 h 2077"/>
                <a:gd name="T64" fmla="*/ 1814 w 2385"/>
                <a:gd name="T65" fmla="*/ 2039 h 2077"/>
                <a:gd name="T66" fmla="*/ 523 w 2385"/>
                <a:gd name="T67" fmla="*/ 2077 h 2077"/>
                <a:gd name="T68" fmla="*/ 526 w 2385"/>
                <a:gd name="T69" fmla="*/ 2005 h 2077"/>
                <a:gd name="T70" fmla="*/ 549 w 2385"/>
                <a:gd name="T71" fmla="*/ 1943 h 2077"/>
                <a:gd name="T72" fmla="*/ 591 w 2385"/>
                <a:gd name="T73" fmla="*/ 1894 h 2077"/>
                <a:gd name="T74" fmla="*/ 648 w 2385"/>
                <a:gd name="T75" fmla="*/ 1861 h 2077"/>
                <a:gd name="T76" fmla="*/ 714 w 2385"/>
                <a:gd name="T77" fmla="*/ 1849 h 2077"/>
                <a:gd name="T78" fmla="*/ 1045 w 2385"/>
                <a:gd name="T79" fmla="*/ 1671 h 2077"/>
                <a:gd name="T80" fmla="*/ 83 w 2385"/>
                <a:gd name="T81" fmla="*/ 1669 h 2077"/>
                <a:gd name="T82" fmla="*/ 43 w 2385"/>
                <a:gd name="T83" fmla="*/ 1650 h 2077"/>
                <a:gd name="T84" fmla="*/ 17 w 2385"/>
                <a:gd name="T85" fmla="*/ 1617 h 2077"/>
                <a:gd name="T86" fmla="*/ 2 w 2385"/>
                <a:gd name="T87" fmla="*/ 1572 h 2077"/>
                <a:gd name="T88" fmla="*/ 0 w 2385"/>
                <a:gd name="T89" fmla="*/ 116 h 2077"/>
                <a:gd name="T90" fmla="*/ 10 w 2385"/>
                <a:gd name="T91" fmla="*/ 63 h 2077"/>
                <a:gd name="T92" fmla="*/ 37 w 2385"/>
                <a:gd name="T93" fmla="*/ 24 h 2077"/>
                <a:gd name="T94" fmla="*/ 81 w 2385"/>
                <a:gd name="T95" fmla="*/ 3 h 20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385" h="2077">
                  <a:moveTo>
                    <a:pt x="383" y="244"/>
                  </a:moveTo>
                  <a:lnTo>
                    <a:pt x="352" y="246"/>
                  </a:lnTo>
                  <a:lnTo>
                    <a:pt x="323" y="256"/>
                  </a:lnTo>
                  <a:lnTo>
                    <a:pt x="297" y="270"/>
                  </a:lnTo>
                  <a:lnTo>
                    <a:pt x="274" y="289"/>
                  </a:lnTo>
                  <a:lnTo>
                    <a:pt x="255" y="312"/>
                  </a:lnTo>
                  <a:lnTo>
                    <a:pt x="240" y="337"/>
                  </a:lnTo>
                  <a:lnTo>
                    <a:pt x="232" y="365"/>
                  </a:lnTo>
                  <a:lnTo>
                    <a:pt x="228" y="396"/>
                  </a:lnTo>
                  <a:lnTo>
                    <a:pt x="228" y="1290"/>
                  </a:lnTo>
                  <a:lnTo>
                    <a:pt x="232" y="1321"/>
                  </a:lnTo>
                  <a:lnTo>
                    <a:pt x="240" y="1351"/>
                  </a:lnTo>
                  <a:lnTo>
                    <a:pt x="255" y="1377"/>
                  </a:lnTo>
                  <a:lnTo>
                    <a:pt x="274" y="1399"/>
                  </a:lnTo>
                  <a:lnTo>
                    <a:pt x="297" y="1417"/>
                  </a:lnTo>
                  <a:lnTo>
                    <a:pt x="323" y="1432"/>
                  </a:lnTo>
                  <a:lnTo>
                    <a:pt x="352" y="1441"/>
                  </a:lnTo>
                  <a:lnTo>
                    <a:pt x="383" y="1444"/>
                  </a:lnTo>
                  <a:lnTo>
                    <a:pt x="1986" y="1444"/>
                  </a:lnTo>
                  <a:lnTo>
                    <a:pt x="2017" y="1441"/>
                  </a:lnTo>
                  <a:lnTo>
                    <a:pt x="2046" y="1432"/>
                  </a:lnTo>
                  <a:lnTo>
                    <a:pt x="2073" y="1417"/>
                  </a:lnTo>
                  <a:lnTo>
                    <a:pt x="2095" y="1398"/>
                  </a:lnTo>
                  <a:lnTo>
                    <a:pt x="2113" y="1376"/>
                  </a:lnTo>
                  <a:lnTo>
                    <a:pt x="2128" y="1349"/>
                  </a:lnTo>
                  <a:lnTo>
                    <a:pt x="2137" y="1321"/>
                  </a:lnTo>
                  <a:lnTo>
                    <a:pt x="2140" y="1290"/>
                  </a:lnTo>
                  <a:lnTo>
                    <a:pt x="2140" y="396"/>
                  </a:lnTo>
                  <a:lnTo>
                    <a:pt x="2137" y="365"/>
                  </a:lnTo>
                  <a:lnTo>
                    <a:pt x="2128" y="337"/>
                  </a:lnTo>
                  <a:lnTo>
                    <a:pt x="2113" y="312"/>
                  </a:lnTo>
                  <a:lnTo>
                    <a:pt x="2095" y="289"/>
                  </a:lnTo>
                  <a:lnTo>
                    <a:pt x="2073" y="270"/>
                  </a:lnTo>
                  <a:lnTo>
                    <a:pt x="2046" y="256"/>
                  </a:lnTo>
                  <a:lnTo>
                    <a:pt x="2017" y="246"/>
                  </a:lnTo>
                  <a:lnTo>
                    <a:pt x="1986" y="244"/>
                  </a:lnTo>
                  <a:lnTo>
                    <a:pt x="383" y="244"/>
                  </a:lnTo>
                  <a:close/>
                  <a:moveTo>
                    <a:pt x="107" y="0"/>
                  </a:moveTo>
                  <a:lnTo>
                    <a:pt x="2272" y="0"/>
                  </a:lnTo>
                  <a:lnTo>
                    <a:pt x="2298" y="3"/>
                  </a:lnTo>
                  <a:lnTo>
                    <a:pt x="2323" y="11"/>
                  </a:lnTo>
                  <a:lnTo>
                    <a:pt x="2344" y="24"/>
                  </a:lnTo>
                  <a:lnTo>
                    <a:pt x="2361" y="42"/>
                  </a:lnTo>
                  <a:lnTo>
                    <a:pt x="2374" y="63"/>
                  </a:lnTo>
                  <a:lnTo>
                    <a:pt x="2383" y="89"/>
                  </a:lnTo>
                  <a:lnTo>
                    <a:pt x="2385" y="116"/>
                  </a:lnTo>
                  <a:lnTo>
                    <a:pt x="2385" y="1549"/>
                  </a:lnTo>
                  <a:lnTo>
                    <a:pt x="2383" y="1576"/>
                  </a:lnTo>
                  <a:lnTo>
                    <a:pt x="2374" y="1601"/>
                  </a:lnTo>
                  <a:lnTo>
                    <a:pt x="2361" y="1625"/>
                  </a:lnTo>
                  <a:lnTo>
                    <a:pt x="2344" y="1644"/>
                  </a:lnTo>
                  <a:lnTo>
                    <a:pt x="2323" y="1658"/>
                  </a:lnTo>
                  <a:lnTo>
                    <a:pt x="2298" y="1668"/>
                  </a:lnTo>
                  <a:lnTo>
                    <a:pt x="2272" y="1671"/>
                  </a:lnTo>
                  <a:lnTo>
                    <a:pt x="1290" y="1671"/>
                  </a:lnTo>
                  <a:lnTo>
                    <a:pt x="1290" y="1849"/>
                  </a:lnTo>
                  <a:lnTo>
                    <a:pt x="1623" y="1849"/>
                  </a:lnTo>
                  <a:lnTo>
                    <a:pt x="1657" y="1853"/>
                  </a:lnTo>
                  <a:lnTo>
                    <a:pt x="1689" y="1861"/>
                  </a:lnTo>
                  <a:lnTo>
                    <a:pt x="1719" y="1875"/>
                  </a:lnTo>
                  <a:lnTo>
                    <a:pt x="1746" y="1894"/>
                  </a:lnTo>
                  <a:lnTo>
                    <a:pt x="1769" y="1917"/>
                  </a:lnTo>
                  <a:lnTo>
                    <a:pt x="1788" y="1943"/>
                  </a:lnTo>
                  <a:lnTo>
                    <a:pt x="1802" y="1973"/>
                  </a:lnTo>
                  <a:lnTo>
                    <a:pt x="1811" y="2005"/>
                  </a:lnTo>
                  <a:lnTo>
                    <a:pt x="1814" y="2039"/>
                  </a:lnTo>
                  <a:lnTo>
                    <a:pt x="1814" y="2077"/>
                  </a:lnTo>
                  <a:lnTo>
                    <a:pt x="523" y="2077"/>
                  </a:lnTo>
                  <a:lnTo>
                    <a:pt x="523" y="2039"/>
                  </a:lnTo>
                  <a:lnTo>
                    <a:pt x="526" y="2005"/>
                  </a:lnTo>
                  <a:lnTo>
                    <a:pt x="535" y="1973"/>
                  </a:lnTo>
                  <a:lnTo>
                    <a:pt x="549" y="1943"/>
                  </a:lnTo>
                  <a:lnTo>
                    <a:pt x="568" y="1917"/>
                  </a:lnTo>
                  <a:lnTo>
                    <a:pt x="591" y="1894"/>
                  </a:lnTo>
                  <a:lnTo>
                    <a:pt x="618" y="1875"/>
                  </a:lnTo>
                  <a:lnTo>
                    <a:pt x="648" y="1861"/>
                  </a:lnTo>
                  <a:lnTo>
                    <a:pt x="679" y="1853"/>
                  </a:lnTo>
                  <a:lnTo>
                    <a:pt x="714" y="1849"/>
                  </a:lnTo>
                  <a:lnTo>
                    <a:pt x="1045" y="1849"/>
                  </a:lnTo>
                  <a:lnTo>
                    <a:pt x="1045" y="1671"/>
                  </a:lnTo>
                  <a:lnTo>
                    <a:pt x="107" y="1671"/>
                  </a:lnTo>
                  <a:lnTo>
                    <a:pt x="83" y="1669"/>
                  </a:lnTo>
                  <a:lnTo>
                    <a:pt x="62" y="1661"/>
                  </a:lnTo>
                  <a:lnTo>
                    <a:pt x="43" y="1650"/>
                  </a:lnTo>
                  <a:lnTo>
                    <a:pt x="29" y="1634"/>
                  </a:lnTo>
                  <a:lnTo>
                    <a:pt x="17" y="1617"/>
                  </a:lnTo>
                  <a:lnTo>
                    <a:pt x="7" y="1595"/>
                  </a:lnTo>
                  <a:lnTo>
                    <a:pt x="2" y="1572"/>
                  </a:lnTo>
                  <a:lnTo>
                    <a:pt x="0" y="1549"/>
                  </a:lnTo>
                  <a:lnTo>
                    <a:pt x="0" y="116"/>
                  </a:lnTo>
                  <a:lnTo>
                    <a:pt x="2" y="89"/>
                  </a:lnTo>
                  <a:lnTo>
                    <a:pt x="10" y="63"/>
                  </a:lnTo>
                  <a:lnTo>
                    <a:pt x="22" y="42"/>
                  </a:lnTo>
                  <a:lnTo>
                    <a:pt x="37" y="24"/>
                  </a:lnTo>
                  <a:lnTo>
                    <a:pt x="56" y="11"/>
                  </a:lnTo>
                  <a:lnTo>
                    <a:pt x="81" y="3"/>
                  </a:lnTo>
                  <a:lnTo>
                    <a:pt x="107"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21" name="Freeform 7"/>
            <p:cNvSpPr>
              <a:spLocks noEditPoints="1"/>
            </p:cNvSpPr>
            <p:nvPr/>
          </p:nvSpPr>
          <p:spPr bwMode="auto">
            <a:xfrm>
              <a:off x="2323" y="350"/>
              <a:ext cx="255" cy="422"/>
            </a:xfrm>
            <a:custGeom>
              <a:avLst/>
              <a:gdLst>
                <a:gd name="T0" fmla="*/ 641 w 1275"/>
                <a:gd name="T1" fmla="*/ 1676 h 2109"/>
                <a:gd name="T2" fmla="*/ 614 w 1275"/>
                <a:gd name="T3" fmla="*/ 1679 h 2109"/>
                <a:gd name="T4" fmla="*/ 589 w 1275"/>
                <a:gd name="T5" fmla="*/ 1689 h 2109"/>
                <a:gd name="T6" fmla="*/ 567 w 1275"/>
                <a:gd name="T7" fmla="*/ 1705 h 2109"/>
                <a:gd name="T8" fmla="*/ 550 w 1275"/>
                <a:gd name="T9" fmla="*/ 1726 h 2109"/>
                <a:gd name="T10" fmla="*/ 541 w 1275"/>
                <a:gd name="T11" fmla="*/ 1749 h 2109"/>
                <a:gd name="T12" fmla="*/ 536 w 1275"/>
                <a:gd name="T13" fmla="*/ 1777 h 2109"/>
                <a:gd name="T14" fmla="*/ 539 w 1275"/>
                <a:gd name="T15" fmla="*/ 1800 h 2109"/>
                <a:gd name="T16" fmla="*/ 547 w 1275"/>
                <a:gd name="T17" fmla="*/ 1821 h 2109"/>
                <a:gd name="T18" fmla="*/ 559 w 1275"/>
                <a:gd name="T19" fmla="*/ 1840 h 2109"/>
                <a:gd name="T20" fmla="*/ 575 w 1275"/>
                <a:gd name="T21" fmla="*/ 1856 h 2109"/>
                <a:gd name="T22" fmla="*/ 595 w 1275"/>
                <a:gd name="T23" fmla="*/ 1868 h 2109"/>
                <a:gd name="T24" fmla="*/ 617 w 1275"/>
                <a:gd name="T25" fmla="*/ 1876 h 2109"/>
                <a:gd name="T26" fmla="*/ 641 w 1275"/>
                <a:gd name="T27" fmla="*/ 1878 h 2109"/>
                <a:gd name="T28" fmla="*/ 669 w 1275"/>
                <a:gd name="T29" fmla="*/ 1875 h 2109"/>
                <a:gd name="T30" fmla="*/ 693 w 1275"/>
                <a:gd name="T31" fmla="*/ 1864 h 2109"/>
                <a:gd name="T32" fmla="*/ 715 w 1275"/>
                <a:gd name="T33" fmla="*/ 1848 h 2109"/>
                <a:gd name="T34" fmla="*/ 732 w 1275"/>
                <a:gd name="T35" fmla="*/ 1828 h 2109"/>
                <a:gd name="T36" fmla="*/ 741 w 1275"/>
                <a:gd name="T37" fmla="*/ 1803 h 2109"/>
                <a:gd name="T38" fmla="*/ 745 w 1275"/>
                <a:gd name="T39" fmla="*/ 1777 h 2109"/>
                <a:gd name="T40" fmla="*/ 741 w 1275"/>
                <a:gd name="T41" fmla="*/ 1749 h 2109"/>
                <a:gd name="T42" fmla="*/ 732 w 1275"/>
                <a:gd name="T43" fmla="*/ 1726 h 2109"/>
                <a:gd name="T44" fmla="*/ 715 w 1275"/>
                <a:gd name="T45" fmla="*/ 1705 h 2109"/>
                <a:gd name="T46" fmla="*/ 694 w 1275"/>
                <a:gd name="T47" fmla="*/ 1689 h 2109"/>
                <a:gd name="T48" fmla="*/ 669 w 1275"/>
                <a:gd name="T49" fmla="*/ 1679 h 2109"/>
                <a:gd name="T50" fmla="*/ 641 w 1275"/>
                <a:gd name="T51" fmla="*/ 1676 h 2109"/>
                <a:gd name="T52" fmla="*/ 279 w 1275"/>
                <a:gd name="T53" fmla="*/ 616 h 2109"/>
                <a:gd name="T54" fmla="*/ 279 w 1275"/>
                <a:gd name="T55" fmla="*/ 730 h 2109"/>
                <a:gd name="T56" fmla="*/ 997 w 1275"/>
                <a:gd name="T57" fmla="*/ 730 h 2109"/>
                <a:gd name="T58" fmla="*/ 997 w 1275"/>
                <a:gd name="T59" fmla="*/ 616 h 2109"/>
                <a:gd name="T60" fmla="*/ 279 w 1275"/>
                <a:gd name="T61" fmla="*/ 616 h 2109"/>
                <a:gd name="T62" fmla="*/ 279 w 1275"/>
                <a:gd name="T63" fmla="*/ 373 h 2109"/>
                <a:gd name="T64" fmla="*/ 279 w 1275"/>
                <a:gd name="T65" fmla="*/ 486 h 2109"/>
                <a:gd name="T66" fmla="*/ 997 w 1275"/>
                <a:gd name="T67" fmla="*/ 486 h 2109"/>
                <a:gd name="T68" fmla="*/ 997 w 1275"/>
                <a:gd name="T69" fmla="*/ 373 h 2109"/>
                <a:gd name="T70" fmla="*/ 279 w 1275"/>
                <a:gd name="T71" fmla="*/ 373 h 2109"/>
                <a:gd name="T72" fmla="*/ 246 w 1275"/>
                <a:gd name="T73" fmla="*/ 0 h 2109"/>
                <a:gd name="T74" fmla="*/ 1084 w 1275"/>
                <a:gd name="T75" fmla="*/ 0 h 2109"/>
                <a:gd name="T76" fmla="*/ 1118 w 1275"/>
                <a:gd name="T77" fmla="*/ 3 h 2109"/>
                <a:gd name="T78" fmla="*/ 1151 w 1275"/>
                <a:gd name="T79" fmla="*/ 11 h 2109"/>
                <a:gd name="T80" fmla="*/ 1180 w 1275"/>
                <a:gd name="T81" fmla="*/ 26 h 2109"/>
                <a:gd name="T82" fmla="*/ 1206 w 1275"/>
                <a:gd name="T83" fmla="*/ 45 h 2109"/>
                <a:gd name="T84" fmla="*/ 1229 w 1275"/>
                <a:gd name="T85" fmla="*/ 68 h 2109"/>
                <a:gd name="T86" fmla="*/ 1248 w 1275"/>
                <a:gd name="T87" fmla="*/ 94 h 2109"/>
                <a:gd name="T88" fmla="*/ 1263 w 1275"/>
                <a:gd name="T89" fmla="*/ 124 h 2109"/>
                <a:gd name="T90" fmla="*/ 1271 w 1275"/>
                <a:gd name="T91" fmla="*/ 156 h 2109"/>
                <a:gd name="T92" fmla="*/ 1275 w 1275"/>
                <a:gd name="T93" fmla="*/ 189 h 2109"/>
                <a:gd name="T94" fmla="*/ 1275 w 1275"/>
                <a:gd name="T95" fmla="*/ 2109 h 2109"/>
                <a:gd name="T96" fmla="*/ 0 w 1275"/>
                <a:gd name="T97" fmla="*/ 2109 h 2109"/>
                <a:gd name="T98" fmla="*/ 0 w 1275"/>
                <a:gd name="T99" fmla="*/ 243 h 2109"/>
                <a:gd name="T100" fmla="*/ 3 w 1275"/>
                <a:gd name="T101" fmla="*/ 204 h 2109"/>
                <a:gd name="T102" fmla="*/ 13 w 1275"/>
                <a:gd name="T103" fmla="*/ 167 h 2109"/>
                <a:gd name="T104" fmla="*/ 27 w 1275"/>
                <a:gd name="T105" fmla="*/ 132 h 2109"/>
                <a:gd name="T106" fmla="*/ 48 w 1275"/>
                <a:gd name="T107" fmla="*/ 100 h 2109"/>
                <a:gd name="T108" fmla="*/ 72 w 1275"/>
                <a:gd name="T109" fmla="*/ 71 h 2109"/>
                <a:gd name="T110" fmla="*/ 101 w 1275"/>
                <a:gd name="T111" fmla="*/ 47 h 2109"/>
                <a:gd name="T112" fmla="*/ 133 w 1275"/>
                <a:gd name="T113" fmla="*/ 27 h 2109"/>
                <a:gd name="T114" fmla="*/ 168 w 1275"/>
                <a:gd name="T115" fmla="*/ 13 h 2109"/>
                <a:gd name="T116" fmla="*/ 205 w 1275"/>
                <a:gd name="T117" fmla="*/ 3 h 2109"/>
                <a:gd name="T118" fmla="*/ 246 w 1275"/>
                <a:gd name="T119" fmla="*/ 0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75" h="2109">
                  <a:moveTo>
                    <a:pt x="641" y="1676"/>
                  </a:moveTo>
                  <a:lnTo>
                    <a:pt x="614" y="1679"/>
                  </a:lnTo>
                  <a:lnTo>
                    <a:pt x="589" y="1689"/>
                  </a:lnTo>
                  <a:lnTo>
                    <a:pt x="567" y="1705"/>
                  </a:lnTo>
                  <a:lnTo>
                    <a:pt x="550" y="1726"/>
                  </a:lnTo>
                  <a:lnTo>
                    <a:pt x="541" y="1749"/>
                  </a:lnTo>
                  <a:lnTo>
                    <a:pt x="536" y="1777"/>
                  </a:lnTo>
                  <a:lnTo>
                    <a:pt x="539" y="1800"/>
                  </a:lnTo>
                  <a:lnTo>
                    <a:pt x="547" y="1821"/>
                  </a:lnTo>
                  <a:lnTo>
                    <a:pt x="559" y="1840"/>
                  </a:lnTo>
                  <a:lnTo>
                    <a:pt x="575" y="1856"/>
                  </a:lnTo>
                  <a:lnTo>
                    <a:pt x="595" y="1868"/>
                  </a:lnTo>
                  <a:lnTo>
                    <a:pt x="617" y="1876"/>
                  </a:lnTo>
                  <a:lnTo>
                    <a:pt x="641" y="1878"/>
                  </a:lnTo>
                  <a:lnTo>
                    <a:pt x="669" y="1875"/>
                  </a:lnTo>
                  <a:lnTo>
                    <a:pt x="693" y="1864"/>
                  </a:lnTo>
                  <a:lnTo>
                    <a:pt x="715" y="1848"/>
                  </a:lnTo>
                  <a:lnTo>
                    <a:pt x="732" y="1828"/>
                  </a:lnTo>
                  <a:lnTo>
                    <a:pt x="741" y="1803"/>
                  </a:lnTo>
                  <a:lnTo>
                    <a:pt x="745" y="1777"/>
                  </a:lnTo>
                  <a:lnTo>
                    <a:pt x="741" y="1749"/>
                  </a:lnTo>
                  <a:lnTo>
                    <a:pt x="732" y="1726"/>
                  </a:lnTo>
                  <a:lnTo>
                    <a:pt x="715" y="1705"/>
                  </a:lnTo>
                  <a:lnTo>
                    <a:pt x="694" y="1689"/>
                  </a:lnTo>
                  <a:lnTo>
                    <a:pt x="669" y="1679"/>
                  </a:lnTo>
                  <a:lnTo>
                    <a:pt x="641" y="1676"/>
                  </a:lnTo>
                  <a:close/>
                  <a:moveTo>
                    <a:pt x="279" y="616"/>
                  </a:moveTo>
                  <a:lnTo>
                    <a:pt x="279" y="730"/>
                  </a:lnTo>
                  <a:lnTo>
                    <a:pt x="997" y="730"/>
                  </a:lnTo>
                  <a:lnTo>
                    <a:pt x="997" y="616"/>
                  </a:lnTo>
                  <a:lnTo>
                    <a:pt x="279" y="616"/>
                  </a:lnTo>
                  <a:close/>
                  <a:moveTo>
                    <a:pt x="279" y="373"/>
                  </a:moveTo>
                  <a:lnTo>
                    <a:pt x="279" y="486"/>
                  </a:lnTo>
                  <a:lnTo>
                    <a:pt x="997" y="486"/>
                  </a:lnTo>
                  <a:lnTo>
                    <a:pt x="997" y="373"/>
                  </a:lnTo>
                  <a:lnTo>
                    <a:pt x="279" y="373"/>
                  </a:lnTo>
                  <a:close/>
                  <a:moveTo>
                    <a:pt x="246" y="0"/>
                  </a:moveTo>
                  <a:lnTo>
                    <a:pt x="1084" y="0"/>
                  </a:lnTo>
                  <a:lnTo>
                    <a:pt x="1118" y="3"/>
                  </a:lnTo>
                  <a:lnTo>
                    <a:pt x="1151" y="11"/>
                  </a:lnTo>
                  <a:lnTo>
                    <a:pt x="1180" y="26"/>
                  </a:lnTo>
                  <a:lnTo>
                    <a:pt x="1206" y="45"/>
                  </a:lnTo>
                  <a:lnTo>
                    <a:pt x="1229" y="68"/>
                  </a:lnTo>
                  <a:lnTo>
                    <a:pt x="1248" y="94"/>
                  </a:lnTo>
                  <a:lnTo>
                    <a:pt x="1263" y="124"/>
                  </a:lnTo>
                  <a:lnTo>
                    <a:pt x="1271" y="156"/>
                  </a:lnTo>
                  <a:lnTo>
                    <a:pt x="1275" y="189"/>
                  </a:lnTo>
                  <a:lnTo>
                    <a:pt x="1275" y="2109"/>
                  </a:lnTo>
                  <a:lnTo>
                    <a:pt x="0" y="2109"/>
                  </a:lnTo>
                  <a:lnTo>
                    <a:pt x="0" y="243"/>
                  </a:lnTo>
                  <a:lnTo>
                    <a:pt x="3" y="204"/>
                  </a:lnTo>
                  <a:lnTo>
                    <a:pt x="13" y="167"/>
                  </a:lnTo>
                  <a:lnTo>
                    <a:pt x="27" y="132"/>
                  </a:lnTo>
                  <a:lnTo>
                    <a:pt x="48" y="100"/>
                  </a:lnTo>
                  <a:lnTo>
                    <a:pt x="72" y="71"/>
                  </a:lnTo>
                  <a:lnTo>
                    <a:pt x="101" y="47"/>
                  </a:lnTo>
                  <a:lnTo>
                    <a:pt x="133" y="27"/>
                  </a:lnTo>
                  <a:lnTo>
                    <a:pt x="168" y="13"/>
                  </a:lnTo>
                  <a:lnTo>
                    <a:pt x="205" y="3"/>
                  </a:lnTo>
                  <a:lnTo>
                    <a:pt x="24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26" name="Freeform 12"/>
          <p:cNvSpPr>
            <a:spLocks noEditPoints="1"/>
          </p:cNvSpPr>
          <p:nvPr/>
        </p:nvSpPr>
        <p:spPr bwMode="auto">
          <a:xfrm>
            <a:off x="6471786" y="1813884"/>
            <a:ext cx="1101725" cy="1143000"/>
          </a:xfrm>
          <a:custGeom>
            <a:avLst/>
            <a:gdLst>
              <a:gd name="T0" fmla="*/ 901 w 3472"/>
              <a:gd name="T1" fmla="*/ 2829 h 3599"/>
              <a:gd name="T2" fmla="*/ 1124 w 3472"/>
              <a:gd name="T3" fmla="*/ 846 h 3599"/>
              <a:gd name="T4" fmla="*/ 3116 w 3472"/>
              <a:gd name="T5" fmla="*/ 773 h 3599"/>
              <a:gd name="T6" fmla="*/ 2927 w 3472"/>
              <a:gd name="T7" fmla="*/ 873 h 3599"/>
              <a:gd name="T8" fmla="*/ 2619 w 3472"/>
              <a:gd name="T9" fmla="*/ 1122 h 3599"/>
              <a:gd name="T10" fmla="*/ 2345 w 3472"/>
              <a:gd name="T11" fmla="*/ 1424 h 3599"/>
              <a:gd name="T12" fmla="*/ 2239 w 3472"/>
              <a:gd name="T13" fmla="*/ 1601 h 3599"/>
              <a:gd name="T14" fmla="*/ 2285 w 3472"/>
              <a:gd name="T15" fmla="*/ 1663 h 3599"/>
              <a:gd name="T16" fmla="*/ 2434 w 3472"/>
              <a:gd name="T17" fmla="*/ 1603 h 3599"/>
              <a:gd name="T18" fmla="*/ 2735 w 3472"/>
              <a:gd name="T19" fmla="*/ 1376 h 3599"/>
              <a:gd name="T20" fmla="*/ 3030 w 3472"/>
              <a:gd name="T21" fmla="*/ 1071 h 3599"/>
              <a:gd name="T22" fmla="*/ 3176 w 3472"/>
              <a:gd name="T23" fmla="*/ 856 h 3599"/>
              <a:gd name="T24" fmla="*/ 3147 w 3472"/>
              <a:gd name="T25" fmla="*/ 784 h 3599"/>
              <a:gd name="T26" fmla="*/ 1988 w 3472"/>
              <a:gd name="T27" fmla="*/ 15 h 3599"/>
              <a:gd name="T28" fmla="*/ 2320 w 3472"/>
              <a:gd name="T29" fmla="*/ 249 h 3599"/>
              <a:gd name="T30" fmla="*/ 2665 w 3472"/>
              <a:gd name="T31" fmla="*/ 255 h 3599"/>
              <a:gd name="T32" fmla="*/ 3003 w 3472"/>
              <a:gd name="T33" fmla="*/ 405 h 3599"/>
              <a:gd name="T34" fmla="*/ 3171 w 3472"/>
              <a:gd name="T35" fmla="*/ 491 h 3599"/>
              <a:gd name="T36" fmla="*/ 3293 w 3472"/>
              <a:gd name="T37" fmla="*/ 482 h 3599"/>
              <a:gd name="T38" fmla="*/ 3418 w 3472"/>
              <a:gd name="T39" fmla="*/ 551 h 3599"/>
              <a:gd name="T40" fmla="*/ 3472 w 3472"/>
              <a:gd name="T41" fmla="*/ 716 h 3599"/>
              <a:gd name="T42" fmla="*/ 3402 w 3472"/>
              <a:gd name="T43" fmla="*/ 945 h 3599"/>
              <a:gd name="T44" fmla="*/ 3200 w 3472"/>
              <a:gd name="T45" fmla="*/ 1242 h 3599"/>
              <a:gd name="T46" fmla="*/ 2917 w 3472"/>
              <a:gd name="T47" fmla="*/ 1536 h 3599"/>
              <a:gd name="T48" fmla="*/ 2667 w 3472"/>
              <a:gd name="T49" fmla="*/ 1738 h 3599"/>
              <a:gd name="T50" fmla="*/ 2405 w 3472"/>
              <a:gd name="T51" fmla="*/ 1893 h 3599"/>
              <a:gd name="T52" fmla="*/ 2169 w 3472"/>
              <a:gd name="T53" fmla="*/ 1955 h 3599"/>
              <a:gd name="T54" fmla="*/ 2073 w 3472"/>
              <a:gd name="T55" fmla="*/ 1927 h 3599"/>
              <a:gd name="T56" fmla="*/ 1981 w 3472"/>
              <a:gd name="T57" fmla="*/ 1835 h 3599"/>
              <a:gd name="T58" fmla="*/ 1953 w 3472"/>
              <a:gd name="T59" fmla="*/ 1674 h 3599"/>
              <a:gd name="T60" fmla="*/ 1848 w 3472"/>
              <a:gd name="T61" fmla="*/ 1391 h 3599"/>
              <a:gd name="T62" fmla="*/ 1752 w 3472"/>
              <a:gd name="T63" fmla="*/ 1038 h 3599"/>
              <a:gd name="T64" fmla="*/ 1797 w 3472"/>
              <a:gd name="T65" fmla="*/ 695 h 3599"/>
              <a:gd name="T66" fmla="*/ 1580 w 3472"/>
              <a:gd name="T67" fmla="*/ 1199 h 3599"/>
              <a:gd name="T68" fmla="*/ 1486 w 3472"/>
              <a:gd name="T69" fmla="*/ 1217 h 3599"/>
              <a:gd name="T70" fmla="*/ 944 w 3472"/>
              <a:gd name="T71" fmla="*/ 1739 h 3599"/>
              <a:gd name="T72" fmla="*/ 952 w 3472"/>
              <a:gd name="T73" fmla="*/ 1830 h 3599"/>
              <a:gd name="T74" fmla="*/ 1367 w 3472"/>
              <a:gd name="T75" fmla="*/ 2840 h 3599"/>
              <a:gd name="T76" fmla="*/ 1630 w 3472"/>
              <a:gd name="T77" fmla="*/ 2998 h 3599"/>
              <a:gd name="T78" fmla="*/ 1828 w 3472"/>
              <a:gd name="T79" fmla="*/ 3105 h 3599"/>
              <a:gd name="T80" fmla="*/ 2035 w 3472"/>
              <a:gd name="T81" fmla="*/ 3246 h 3599"/>
              <a:gd name="T82" fmla="*/ 2117 w 3472"/>
              <a:gd name="T83" fmla="*/ 3489 h 3599"/>
              <a:gd name="T84" fmla="*/ 52 w 3472"/>
              <a:gd name="T85" fmla="*/ 3384 h 3599"/>
              <a:gd name="T86" fmla="*/ 192 w 3472"/>
              <a:gd name="T87" fmla="*/ 3174 h 3599"/>
              <a:gd name="T88" fmla="*/ 434 w 3472"/>
              <a:gd name="T89" fmla="*/ 3090 h 3599"/>
              <a:gd name="T90" fmla="*/ 141 w 3472"/>
              <a:gd name="T91" fmla="*/ 2210 h 3599"/>
              <a:gd name="T92" fmla="*/ 35 w 3472"/>
              <a:gd name="T93" fmla="*/ 2178 h 3599"/>
              <a:gd name="T94" fmla="*/ 0 w 3472"/>
              <a:gd name="T95" fmla="*/ 1506 h 3599"/>
              <a:gd name="T96" fmla="*/ 50 w 3472"/>
              <a:gd name="T97" fmla="*/ 1394 h 3599"/>
              <a:gd name="T98" fmla="*/ 186 w 3472"/>
              <a:gd name="T99" fmla="*/ 1361 h 3599"/>
              <a:gd name="T100" fmla="*/ 946 w 3472"/>
              <a:gd name="T101" fmla="*/ 647 h 3599"/>
              <a:gd name="T102" fmla="*/ 976 w 3472"/>
              <a:gd name="T103" fmla="*/ 591 h 3599"/>
              <a:gd name="T104" fmla="*/ 1582 w 3472"/>
              <a:gd name="T105" fmla="*/ 445 h 3599"/>
              <a:gd name="T106" fmla="*/ 1574 w 3472"/>
              <a:gd name="T107" fmla="*/ 260 h 3599"/>
              <a:gd name="T108" fmla="*/ 1772 w 3472"/>
              <a:gd name="T109" fmla="*/ 42 h 3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472" h="3599">
                <a:moveTo>
                  <a:pt x="640" y="1990"/>
                </a:moveTo>
                <a:lnTo>
                  <a:pt x="383" y="2105"/>
                </a:lnTo>
                <a:lnTo>
                  <a:pt x="795" y="2871"/>
                </a:lnTo>
                <a:lnTo>
                  <a:pt x="847" y="2849"/>
                </a:lnTo>
                <a:lnTo>
                  <a:pt x="901" y="2829"/>
                </a:lnTo>
                <a:lnTo>
                  <a:pt x="957" y="2814"/>
                </a:lnTo>
                <a:lnTo>
                  <a:pt x="1015" y="2804"/>
                </a:lnTo>
                <a:lnTo>
                  <a:pt x="1074" y="2798"/>
                </a:lnTo>
                <a:lnTo>
                  <a:pt x="640" y="1990"/>
                </a:lnTo>
                <a:close/>
                <a:moveTo>
                  <a:pt x="1124" y="846"/>
                </a:moveTo>
                <a:lnTo>
                  <a:pt x="457" y="1491"/>
                </a:lnTo>
                <a:lnTo>
                  <a:pt x="686" y="1602"/>
                </a:lnTo>
                <a:lnTo>
                  <a:pt x="1288" y="1019"/>
                </a:lnTo>
                <a:lnTo>
                  <a:pt x="1124" y="846"/>
                </a:lnTo>
                <a:close/>
                <a:moveTo>
                  <a:pt x="3116" y="773"/>
                </a:moveTo>
                <a:lnTo>
                  <a:pt x="3101" y="774"/>
                </a:lnTo>
                <a:lnTo>
                  <a:pt x="3085" y="780"/>
                </a:lnTo>
                <a:lnTo>
                  <a:pt x="3036" y="807"/>
                </a:lnTo>
                <a:lnTo>
                  <a:pt x="2983" y="836"/>
                </a:lnTo>
                <a:lnTo>
                  <a:pt x="2927" y="873"/>
                </a:lnTo>
                <a:lnTo>
                  <a:pt x="2869" y="913"/>
                </a:lnTo>
                <a:lnTo>
                  <a:pt x="2809" y="958"/>
                </a:lnTo>
                <a:lnTo>
                  <a:pt x="2747" y="1008"/>
                </a:lnTo>
                <a:lnTo>
                  <a:pt x="2684" y="1063"/>
                </a:lnTo>
                <a:lnTo>
                  <a:pt x="2619" y="1122"/>
                </a:lnTo>
                <a:lnTo>
                  <a:pt x="2551" y="1187"/>
                </a:lnTo>
                <a:lnTo>
                  <a:pt x="2491" y="1250"/>
                </a:lnTo>
                <a:lnTo>
                  <a:pt x="2436" y="1311"/>
                </a:lnTo>
                <a:lnTo>
                  <a:pt x="2387" y="1369"/>
                </a:lnTo>
                <a:lnTo>
                  <a:pt x="2345" y="1424"/>
                </a:lnTo>
                <a:lnTo>
                  <a:pt x="2308" y="1476"/>
                </a:lnTo>
                <a:lnTo>
                  <a:pt x="2276" y="1524"/>
                </a:lnTo>
                <a:lnTo>
                  <a:pt x="2248" y="1569"/>
                </a:lnTo>
                <a:lnTo>
                  <a:pt x="2242" y="1584"/>
                </a:lnTo>
                <a:lnTo>
                  <a:pt x="2239" y="1601"/>
                </a:lnTo>
                <a:lnTo>
                  <a:pt x="2242" y="1617"/>
                </a:lnTo>
                <a:lnTo>
                  <a:pt x="2247" y="1632"/>
                </a:lnTo>
                <a:lnTo>
                  <a:pt x="2258" y="1646"/>
                </a:lnTo>
                <a:lnTo>
                  <a:pt x="2270" y="1656"/>
                </a:lnTo>
                <a:lnTo>
                  <a:pt x="2285" y="1663"/>
                </a:lnTo>
                <a:lnTo>
                  <a:pt x="2301" y="1667"/>
                </a:lnTo>
                <a:lnTo>
                  <a:pt x="2317" y="1666"/>
                </a:lnTo>
                <a:lnTo>
                  <a:pt x="2333" y="1660"/>
                </a:lnTo>
                <a:lnTo>
                  <a:pt x="2382" y="1635"/>
                </a:lnTo>
                <a:lnTo>
                  <a:pt x="2434" y="1603"/>
                </a:lnTo>
                <a:lnTo>
                  <a:pt x="2490" y="1568"/>
                </a:lnTo>
                <a:lnTo>
                  <a:pt x="2548" y="1526"/>
                </a:lnTo>
                <a:lnTo>
                  <a:pt x="2608" y="1482"/>
                </a:lnTo>
                <a:lnTo>
                  <a:pt x="2671" y="1431"/>
                </a:lnTo>
                <a:lnTo>
                  <a:pt x="2735" y="1376"/>
                </a:lnTo>
                <a:lnTo>
                  <a:pt x="2800" y="1317"/>
                </a:lnTo>
                <a:lnTo>
                  <a:pt x="2867" y="1252"/>
                </a:lnTo>
                <a:lnTo>
                  <a:pt x="2927" y="1189"/>
                </a:lnTo>
                <a:lnTo>
                  <a:pt x="2981" y="1129"/>
                </a:lnTo>
                <a:lnTo>
                  <a:pt x="3030" y="1071"/>
                </a:lnTo>
                <a:lnTo>
                  <a:pt x="3073" y="1016"/>
                </a:lnTo>
                <a:lnTo>
                  <a:pt x="3110" y="964"/>
                </a:lnTo>
                <a:lnTo>
                  <a:pt x="3143" y="916"/>
                </a:lnTo>
                <a:lnTo>
                  <a:pt x="3169" y="872"/>
                </a:lnTo>
                <a:lnTo>
                  <a:pt x="3176" y="856"/>
                </a:lnTo>
                <a:lnTo>
                  <a:pt x="3178" y="840"/>
                </a:lnTo>
                <a:lnTo>
                  <a:pt x="3176" y="824"/>
                </a:lnTo>
                <a:lnTo>
                  <a:pt x="3170" y="808"/>
                </a:lnTo>
                <a:lnTo>
                  <a:pt x="3161" y="794"/>
                </a:lnTo>
                <a:lnTo>
                  <a:pt x="3147" y="784"/>
                </a:lnTo>
                <a:lnTo>
                  <a:pt x="3132" y="777"/>
                </a:lnTo>
                <a:lnTo>
                  <a:pt x="3116" y="773"/>
                </a:lnTo>
                <a:close/>
                <a:moveTo>
                  <a:pt x="1915" y="0"/>
                </a:moveTo>
                <a:lnTo>
                  <a:pt x="1952" y="5"/>
                </a:lnTo>
                <a:lnTo>
                  <a:pt x="1988" y="15"/>
                </a:lnTo>
                <a:lnTo>
                  <a:pt x="2022" y="30"/>
                </a:lnTo>
                <a:lnTo>
                  <a:pt x="2053" y="51"/>
                </a:lnTo>
                <a:lnTo>
                  <a:pt x="2081" y="77"/>
                </a:lnTo>
                <a:lnTo>
                  <a:pt x="2254" y="265"/>
                </a:lnTo>
                <a:lnTo>
                  <a:pt x="2320" y="249"/>
                </a:lnTo>
                <a:lnTo>
                  <a:pt x="2387" y="238"/>
                </a:lnTo>
                <a:lnTo>
                  <a:pt x="2456" y="234"/>
                </a:lnTo>
                <a:lnTo>
                  <a:pt x="2525" y="235"/>
                </a:lnTo>
                <a:lnTo>
                  <a:pt x="2595" y="242"/>
                </a:lnTo>
                <a:lnTo>
                  <a:pt x="2665" y="255"/>
                </a:lnTo>
                <a:lnTo>
                  <a:pt x="2735" y="274"/>
                </a:lnTo>
                <a:lnTo>
                  <a:pt x="2803" y="298"/>
                </a:lnTo>
                <a:lnTo>
                  <a:pt x="2872" y="328"/>
                </a:lnTo>
                <a:lnTo>
                  <a:pt x="2938" y="364"/>
                </a:lnTo>
                <a:lnTo>
                  <a:pt x="3003" y="405"/>
                </a:lnTo>
                <a:lnTo>
                  <a:pt x="3065" y="451"/>
                </a:lnTo>
                <a:lnTo>
                  <a:pt x="3126" y="504"/>
                </a:lnTo>
                <a:lnTo>
                  <a:pt x="3137" y="501"/>
                </a:lnTo>
                <a:lnTo>
                  <a:pt x="3153" y="496"/>
                </a:lnTo>
                <a:lnTo>
                  <a:pt x="3171" y="491"/>
                </a:lnTo>
                <a:lnTo>
                  <a:pt x="3193" y="487"/>
                </a:lnTo>
                <a:lnTo>
                  <a:pt x="3216" y="483"/>
                </a:lnTo>
                <a:lnTo>
                  <a:pt x="3241" y="481"/>
                </a:lnTo>
                <a:lnTo>
                  <a:pt x="3266" y="480"/>
                </a:lnTo>
                <a:lnTo>
                  <a:pt x="3293" y="482"/>
                </a:lnTo>
                <a:lnTo>
                  <a:pt x="3319" y="488"/>
                </a:lnTo>
                <a:lnTo>
                  <a:pt x="3345" y="497"/>
                </a:lnTo>
                <a:lnTo>
                  <a:pt x="3372" y="510"/>
                </a:lnTo>
                <a:lnTo>
                  <a:pt x="3396" y="528"/>
                </a:lnTo>
                <a:lnTo>
                  <a:pt x="3418" y="551"/>
                </a:lnTo>
                <a:lnTo>
                  <a:pt x="3439" y="579"/>
                </a:lnTo>
                <a:lnTo>
                  <a:pt x="3455" y="610"/>
                </a:lnTo>
                <a:lnTo>
                  <a:pt x="3465" y="643"/>
                </a:lnTo>
                <a:lnTo>
                  <a:pt x="3471" y="678"/>
                </a:lnTo>
                <a:lnTo>
                  <a:pt x="3472" y="716"/>
                </a:lnTo>
                <a:lnTo>
                  <a:pt x="3468" y="756"/>
                </a:lnTo>
                <a:lnTo>
                  <a:pt x="3459" y="800"/>
                </a:lnTo>
                <a:lnTo>
                  <a:pt x="3446" y="844"/>
                </a:lnTo>
                <a:lnTo>
                  <a:pt x="3427" y="893"/>
                </a:lnTo>
                <a:lnTo>
                  <a:pt x="3402" y="945"/>
                </a:lnTo>
                <a:lnTo>
                  <a:pt x="3374" y="997"/>
                </a:lnTo>
                <a:lnTo>
                  <a:pt x="3337" y="1057"/>
                </a:lnTo>
                <a:lnTo>
                  <a:pt x="3295" y="1118"/>
                </a:lnTo>
                <a:lnTo>
                  <a:pt x="3250" y="1179"/>
                </a:lnTo>
                <a:lnTo>
                  <a:pt x="3200" y="1242"/>
                </a:lnTo>
                <a:lnTo>
                  <a:pt x="3145" y="1306"/>
                </a:lnTo>
                <a:lnTo>
                  <a:pt x="3088" y="1369"/>
                </a:lnTo>
                <a:lnTo>
                  <a:pt x="3026" y="1432"/>
                </a:lnTo>
                <a:lnTo>
                  <a:pt x="2963" y="1493"/>
                </a:lnTo>
                <a:lnTo>
                  <a:pt x="2917" y="1536"/>
                </a:lnTo>
                <a:lnTo>
                  <a:pt x="2869" y="1578"/>
                </a:lnTo>
                <a:lnTo>
                  <a:pt x="2820" y="1620"/>
                </a:lnTo>
                <a:lnTo>
                  <a:pt x="2770" y="1660"/>
                </a:lnTo>
                <a:lnTo>
                  <a:pt x="2719" y="1700"/>
                </a:lnTo>
                <a:lnTo>
                  <a:pt x="2667" y="1738"/>
                </a:lnTo>
                <a:lnTo>
                  <a:pt x="2614" y="1775"/>
                </a:lnTo>
                <a:lnTo>
                  <a:pt x="2561" y="1808"/>
                </a:lnTo>
                <a:lnTo>
                  <a:pt x="2508" y="1839"/>
                </a:lnTo>
                <a:lnTo>
                  <a:pt x="2456" y="1868"/>
                </a:lnTo>
                <a:lnTo>
                  <a:pt x="2405" y="1893"/>
                </a:lnTo>
                <a:lnTo>
                  <a:pt x="2354" y="1915"/>
                </a:lnTo>
                <a:lnTo>
                  <a:pt x="2304" y="1932"/>
                </a:lnTo>
                <a:lnTo>
                  <a:pt x="2258" y="1945"/>
                </a:lnTo>
                <a:lnTo>
                  <a:pt x="2212" y="1953"/>
                </a:lnTo>
                <a:lnTo>
                  <a:pt x="2169" y="1955"/>
                </a:lnTo>
                <a:lnTo>
                  <a:pt x="2152" y="1954"/>
                </a:lnTo>
                <a:lnTo>
                  <a:pt x="2133" y="1951"/>
                </a:lnTo>
                <a:lnTo>
                  <a:pt x="2114" y="1945"/>
                </a:lnTo>
                <a:lnTo>
                  <a:pt x="2094" y="1937"/>
                </a:lnTo>
                <a:lnTo>
                  <a:pt x="2073" y="1927"/>
                </a:lnTo>
                <a:lnTo>
                  <a:pt x="2053" y="1913"/>
                </a:lnTo>
                <a:lnTo>
                  <a:pt x="2032" y="1898"/>
                </a:lnTo>
                <a:lnTo>
                  <a:pt x="2014" y="1879"/>
                </a:lnTo>
                <a:lnTo>
                  <a:pt x="1997" y="1858"/>
                </a:lnTo>
                <a:lnTo>
                  <a:pt x="1981" y="1835"/>
                </a:lnTo>
                <a:lnTo>
                  <a:pt x="1968" y="1808"/>
                </a:lnTo>
                <a:lnTo>
                  <a:pt x="1959" y="1778"/>
                </a:lnTo>
                <a:lnTo>
                  <a:pt x="1953" y="1747"/>
                </a:lnTo>
                <a:lnTo>
                  <a:pt x="1951" y="1712"/>
                </a:lnTo>
                <a:lnTo>
                  <a:pt x="1953" y="1674"/>
                </a:lnTo>
                <a:lnTo>
                  <a:pt x="1961" y="1633"/>
                </a:lnTo>
                <a:lnTo>
                  <a:pt x="1974" y="1590"/>
                </a:lnTo>
                <a:lnTo>
                  <a:pt x="1926" y="1525"/>
                </a:lnTo>
                <a:lnTo>
                  <a:pt x="1884" y="1459"/>
                </a:lnTo>
                <a:lnTo>
                  <a:pt x="1848" y="1391"/>
                </a:lnTo>
                <a:lnTo>
                  <a:pt x="1818" y="1322"/>
                </a:lnTo>
                <a:lnTo>
                  <a:pt x="1793" y="1252"/>
                </a:lnTo>
                <a:lnTo>
                  <a:pt x="1773" y="1180"/>
                </a:lnTo>
                <a:lnTo>
                  <a:pt x="1760" y="1109"/>
                </a:lnTo>
                <a:lnTo>
                  <a:pt x="1752" y="1038"/>
                </a:lnTo>
                <a:lnTo>
                  <a:pt x="1750" y="966"/>
                </a:lnTo>
                <a:lnTo>
                  <a:pt x="1753" y="896"/>
                </a:lnTo>
                <a:lnTo>
                  <a:pt x="1762" y="827"/>
                </a:lnTo>
                <a:lnTo>
                  <a:pt x="1777" y="761"/>
                </a:lnTo>
                <a:lnTo>
                  <a:pt x="1797" y="695"/>
                </a:lnTo>
                <a:lnTo>
                  <a:pt x="1701" y="591"/>
                </a:lnTo>
                <a:lnTo>
                  <a:pt x="1609" y="1147"/>
                </a:lnTo>
                <a:lnTo>
                  <a:pt x="1603" y="1166"/>
                </a:lnTo>
                <a:lnTo>
                  <a:pt x="1593" y="1184"/>
                </a:lnTo>
                <a:lnTo>
                  <a:pt x="1580" y="1199"/>
                </a:lnTo>
                <a:lnTo>
                  <a:pt x="1564" y="1211"/>
                </a:lnTo>
                <a:lnTo>
                  <a:pt x="1546" y="1219"/>
                </a:lnTo>
                <a:lnTo>
                  <a:pt x="1526" y="1223"/>
                </a:lnTo>
                <a:lnTo>
                  <a:pt x="1506" y="1222"/>
                </a:lnTo>
                <a:lnTo>
                  <a:pt x="1486" y="1217"/>
                </a:lnTo>
                <a:lnTo>
                  <a:pt x="1469" y="1208"/>
                </a:lnTo>
                <a:lnTo>
                  <a:pt x="1453" y="1194"/>
                </a:lnTo>
                <a:lnTo>
                  <a:pt x="915" y="1715"/>
                </a:lnTo>
                <a:lnTo>
                  <a:pt x="931" y="1725"/>
                </a:lnTo>
                <a:lnTo>
                  <a:pt x="944" y="1739"/>
                </a:lnTo>
                <a:lnTo>
                  <a:pt x="953" y="1756"/>
                </a:lnTo>
                <a:lnTo>
                  <a:pt x="960" y="1774"/>
                </a:lnTo>
                <a:lnTo>
                  <a:pt x="961" y="1793"/>
                </a:lnTo>
                <a:lnTo>
                  <a:pt x="959" y="1813"/>
                </a:lnTo>
                <a:lnTo>
                  <a:pt x="952" y="1830"/>
                </a:lnTo>
                <a:lnTo>
                  <a:pt x="942" y="1846"/>
                </a:lnTo>
                <a:lnTo>
                  <a:pt x="928" y="1860"/>
                </a:lnTo>
                <a:lnTo>
                  <a:pt x="911" y="1869"/>
                </a:lnTo>
                <a:lnTo>
                  <a:pt x="859" y="1893"/>
                </a:lnTo>
                <a:lnTo>
                  <a:pt x="1367" y="2840"/>
                </a:lnTo>
                <a:lnTo>
                  <a:pt x="1425" y="2863"/>
                </a:lnTo>
                <a:lnTo>
                  <a:pt x="1481" y="2890"/>
                </a:lnTo>
                <a:lnTo>
                  <a:pt x="1533" y="2921"/>
                </a:lnTo>
                <a:lnTo>
                  <a:pt x="1583" y="2958"/>
                </a:lnTo>
                <a:lnTo>
                  <a:pt x="1630" y="2998"/>
                </a:lnTo>
                <a:lnTo>
                  <a:pt x="1673" y="3042"/>
                </a:lnTo>
                <a:lnTo>
                  <a:pt x="1713" y="3090"/>
                </a:lnTo>
                <a:lnTo>
                  <a:pt x="1723" y="3090"/>
                </a:lnTo>
                <a:lnTo>
                  <a:pt x="1777" y="3094"/>
                </a:lnTo>
                <a:lnTo>
                  <a:pt x="1828" y="3105"/>
                </a:lnTo>
                <a:lnTo>
                  <a:pt x="1877" y="3123"/>
                </a:lnTo>
                <a:lnTo>
                  <a:pt x="1923" y="3146"/>
                </a:lnTo>
                <a:lnTo>
                  <a:pt x="1965" y="3174"/>
                </a:lnTo>
                <a:lnTo>
                  <a:pt x="2002" y="3208"/>
                </a:lnTo>
                <a:lnTo>
                  <a:pt x="2035" y="3246"/>
                </a:lnTo>
                <a:lnTo>
                  <a:pt x="2064" y="3288"/>
                </a:lnTo>
                <a:lnTo>
                  <a:pt x="2087" y="3334"/>
                </a:lnTo>
                <a:lnTo>
                  <a:pt x="2104" y="3384"/>
                </a:lnTo>
                <a:lnTo>
                  <a:pt x="2114" y="3435"/>
                </a:lnTo>
                <a:lnTo>
                  <a:pt x="2117" y="3489"/>
                </a:lnTo>
                <a:lnTo>
                  <a:pt x="2117" y="3599"/>
                </a:lnTo>
                <a:lnTo>
                  <a:pt x="39" y="3599"/>
                </a:lnTo>
                <a:lnTo>
                  <a:pt x="39" y="3489"/>
                </a:lnTo>
                <a:lnTo>
                  <a:pt x="42" y="3435"/>
                </a:lnTo>
                <a:lnTo>
                  <a:pt x="52" y="3384"/>
                </a:lnTo>
                <a:lnTo>
                  <a:pt x="69" y="3334"/>
                </a:lnTo>
                <a:lnTo>
                  <a:pt x="92" y="3288"/>
                </a:lnTo>
                <a:lnTo>
                  <a:pt x="121" y="3246"/>
                </a:lnTo>
                <a:lnTo>
                  <a:pt x="155" y="3208"/>
                </a:lnTo>
                <a:lnTo>
                  <a:pt x="192" y="3174"/>
                </a:lnTo>
                <a:lnTo>
                  <a:pt x="235" y="3146"/>
                </a:lnTo>
                <a:lnTo>
                  <a:pt x="280" y="3123"/>
                </a:lnTo>
                <a:lnTo>
                  <a:pt x="329" y="3105"/>
                </a:lnTo>
                <a:lnTo>
                  <a:pt x="380" y="3094"/>
                </a:lnTo>
                <a:lnTo>
                  <a:pt x="434" y="3090"/>
                </a:lnTo>
                <a:lnTo>
                  <a:pt x="526" y="3090"/>
                </a:lnTo>
                <a:lnTo>
                  <a:pt x="560" y="3049"/>
                </a:lnTo>
                <a:lnTo>
                  <a:pt x="598" y="3010"/>
                </a:lnTo>
                <a:lnTo>
                  <a:pt x="164" y="2201"/>
                </a:lnTo>
                <a:lnTo>
                  <a:pt x="141" y="2210"/>
                </a:lnTo>
                <a:lnTo>
                  <a:pt x="118" y="2212"/>
                </a:lnTo>
                <a:lnTo>
                  <a:pt x="96" y="2211"/>
                </a:lnTo>
                <a:lnTo>
                  <a:pt x="74" y="2204"/>
                </a:lnTo>
                <a:lnTo>
                  <a:pt x="53" y="2193"/>
                </a:lnTo>
                <a:lnTo>
                  <a:pt x="35" y="2178"/>
                </a:lnTo>
                <a:lnTo>
                  <a:pt x="20" y="2160"/>
                </a:lnTo>
                <a:lnTo>
                  <a:pt x="9" y="2141"/>
                </a:lnTo>
                <a:lnTo>
                  <a:pt x="2" y="2118"/>
                </a:lnTo>
                <a:lnTo>
                  <a:pt x="0" y="2095"/>
                </a:lnTo>
                <a:lnTo>
                  <a:pt x="0" y="1506"/>
                </a:lnTo>
                <a:lnTo>
                  <a:pt x="2" y="1480"/>
                </a:lnTo>
                <a:lnTo>
                  <a:pt x="9" y="1456"/>
                </a:lnTo>
                <a:lnTo>
                  <a:pt x="18" y="1433"/>
                </a:lnTo>
                <a:lnTo>
                  <a:pt x="33" y="1413"/>
                </a:lnTo>
                <a:lnTo>
                  <a:pt x="50" y="1394"/>
                </a:lnTo>
                <a:lnTo>
                  <a:pt x="69" y="1378"/>
                </a:lnTo>
                <a:lnTo>
                  <a:pt x="97" y="1365"/>
                </a:lnTo>
                <a:lnTo>
                  <a:pt x="126" y="1357"/>
                </a:lnTo>
                <a:lnTo>
                  <a:pt x="156" y="1356"/>
                </a:lnTo>
                <a:lnTo>
                  <a:pt x="186" y="1361"/>
                </a:lnTo>
                <a:lnTo>
                  <a:pt x="213" y="1371"/>
                </a:lnTo>
                <a:lnTo>
                  <a:pt x="228" y="1378"/>
                </a:lnTo>
                <a:lnTo>
                  <a:pt x="959" y="671"/>
                </a:lnTo>
                <a:lnTo>
                  <a:pt x="951" y="659"/>
                </a:lnTo>
                <a:lnTo>
                  <a:pt x="946" y="647"/>
                </a:lnTo>
                <a:lnTo>
                  <a:pt x="945" y="633"/>
                </a:lnTo>
                <a:lnTo>
                  <a:pt x="948" y="619"/>
                </a:lnTo>
                <a:lnTo>
                  <a:pt x="954" y="608"/>
                </a:lnTo>
                <a:lnTo>
                  <a:pt x="965" y="597"/>
                </a:lnTo>
                <a:lnTo>
                  <a:pt x="976" y="591"/>
                </a:lnTo>
                <a:lnTo>
                  <a:pt x="990" y="588"/>
                </a:lnTo>
                <a:lnTo>
                  <a:pt x="1645" y="531"/>
                </a:lnTo>
                <a:lnTo>
                  <a:pt x="1624" y="508"/>
                </a:lnTo>
                <a:lnTo>
                  <a:pt x="1600" y="478"/>
                </a:lnTo>
                <a:lnTo>
                  <a:pt x="1582" y="445"/>
                </a:lnTo>
                <a:lnTo>
                  <a:pt x="1570" y="410"/>
                </a:lnTo>
                <a:lnTo>
                  <a:pt x="1562" y="373"/>
                </a:lnTo>
                <a:lnTo>
                  <a:pt x="1559" y="335"/>
                </a:lnTo>
                <a:lnTo>
                  <a:pt x="1564" y="297"/>
                </a:lnTo>
                <a:lnTo>
                  <a:pt x="1574" y="260"/>
                </a:lnTo>
                <a:lnTo>
                  <a:pt x="1590" y="227"/>
                </a:lnTo>
                <a:lnTo>
                  <a:pt x="1611" y="195"/>
                </a:lnTo>
                <a:lnTo>
                  <a:pt x="1636" y="167"/>
                </a:lnTo>
                <a:lnTo>
                  <a:pt x="1743" y="66"/>
                </a:lnTo>
                <a:lnTo>
                  <a:pt x="1772" y="42"/>
                </a:lnTo>
                <a:lnTo>
                  <a:pt x="1805" y="23"/>
                </a:lnTo>
                <a:lnTo>
                  <a:pt x="1841" y="10"/>
                </a:lnTo>
                <a:lnTo>
                  <a:pt x="1877" y="3"/>
                </a:lnTo>
                <a:lnTo>
                  <a:pt x="19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nvGrpSpPr>
          <p:cNvPr id="28" name="Group 15"/>
          <p:cNvGrpSpPr>
            <a:grpSpLocks noChangeAspect="1"/>
          </p:cNvGrpSpPr>
          <p:nvPr/>
        </p:nvGrpSpPr>
        <p:grpSpPr bwMode="auto">
          <a:xfrm>
            <a:off x="4362672" y="3841634"/>
            <a:ext cx="1136486" cy="1214554"/>
            <a:chOff x="2785" y="2376"/>
            <a:chExt cx="757" cy="809"/>
          </a:xfrm>
          <a:solidFill>
            <a:schemeClr val="bg1"/>
          </a:solidFill>
        </p:grpSpPr>
        <p:sp>
          <p:nvSpPr>
            <p:cNvPr id="31" name="Freeform 17"/>
            <p:cNvSpPr>
              <a:spLocks noEditPoints="1"/>
            </p:cNvSpPr>
            <p:nvPr/>
          </p:nvSpPr>
          <p:spPr bwMode="auto">
            <a:xfrm>
              <a:off x="2785" y="2376"/>
              <a:ext cx="757" cy="809"/>
            </a:xfrm>
            <a:custGeom>
              <a:avLst/>
              <a:gdLst>
                <a:gd name="T0" fmla="*/ 1295 w 3027"/>
                <a:gd name="T1" fmla="*/ 2679 h 3239"/>
                <a:gd name="T2" fmla="*/ 1466 w 3027"/>
                <a:gd name="T3" fmla="*/ 2998 h 3239"/>
                <a:gd name="T4" fmla="*/ 1600 w 3027"/>
                <a:gd name="T5" fmla="*/ 2952 h 3239"/>
                <a:gd name="T6" fmla="*/ 1776 w 3027"/>
                <a:gd name="T7" fmla="*/ 2539 h 3239"/>
                <a:gd name="T8" fmla="*/ 1176 w 3027"/>
                <a:gd name="T9" fmla="*/ 2171 h 3239"/>
                <a:gd name="T10" fmla="*/ 1853 w 3027"/>
                <a:gd name="T11" fmla="*/ 2163 h 3239"/>
                <a:gd name="T12" fmla="*/ 421 w 3027"/>
                <a:gd name="T13" fmla="*/ 2023 h 3239"/>
                <a:gd name="T14" fmla="*/ 229 w 3027"/>
                <a:gd name="T15" fmla="*/ 2312 h 3239"/>
                <a:gd name="T16" fmla="*/ 310 w 3027"/>
                <a:gd name="T17" fmla="*/ 2371 h 3239"/>
                <a:gd name="T18" fmla="*/ 749 w 3027"/>
                <a:gd name="T19" fmla="*/ 2317 h 3239"/>
                <a:gd name="T20" fmla="*/ 772 w 3027"/>
                <a:gd name="T21" fmla="*/ 1818 h 3239"/>
                <a:gd name="T22" fmla="*/ 2058 w 3027"/>
                <a:gd name="T23" fmla="*/ 2239 h 3239"/>
                <a:gd name="T24" fmla="*/ 2597 w 3027"/>
                <a:gd name="T25" fmla="*/ 2357 h 3239"/>
                <a:gd name="T26" fmla="*/ 2807 w 3027"/>
                <a:gd name="T27" fmla="*/ 2336 h 3239"/>
                <a:gd name="T28" fmla="*/ 2718 w 3027"/>
                <a:gd name="T29" fmla="*/ 2137 h 3239"/>
                <a:gd name="T30" fmla="*/ 2335 w 3027"/>
                <a:gd name="T31" fmla="*/ 1751 h 3239"/>
                <a:gd name="T32" fmla="*/ 2159 w 3027"/>
                <a:gd name="T33" fmla="*/ 1617 h 3239"/>
                <a:gd name="T34" fmla="*/ 1140 w 3027"/>
                <a:gd name="T35" fmla="*/ 1620 h 3239"/>
                <a:gd name="T36" fmla="*/ 1721 w 3027"/>
                <a:gd name="T37" fmla="*/ 1901 h 3239"/>
                <a:gd name="T38" fmla="*/ 1717 w 3027"/>
                <a:gd name="T39" fmla="*/ 1337 h 3239"/>
                <a:gd name="T40" fmla="*/ 1174 w 3027"/>
                <a:gd name="T41" fmla="*/ 1077 h 3239"/>
                <a:gd name="T42" fmla="*/ 375 w 3027"/>
                <a:gd name="T43" fmla="*/ 880 h 3239"/>
                <a:gd name="T44" fmla="*/ 214 w 3027"/>
                <a:gd name="T45" fmla="*/ 907 h 3239"/>
                <a:gd name="T46" fmla="*/ 340 w 3027"/>
                <a:gd name="T47" fmla="*/ 1143 h 3239"/>
                <a:gd name="T48" fmla="*/ 770 w 3027"/>
                <a:gd name="T49" fmla="*/ 1431 h 3239"/>
                <a:gd name="T50" fmla="*/ 748 w 3027"/>
                <a:gd name="T51" fmla="*/ 935 h 3239"/>
                <a:gd name="T52" fmla="*/ 2598 w 3027"/>
                <a:gd name="T53" fmla="*/ 873 h 3239"/>
                <a:gd name="T54" fmla="*/ 2057 w 3027"/>
                <a:gd name="T55" fmla="*/ 995 h 3239"/>
                <a:gd name="T56" fmla="*/ 2459 w 3027"/>
                <a:gd name="T57" fmla="*/ 1369 h 3239"/>
                <a:gd name="T58" fmla="*/ 2759 w 3027"/>
                <a:gd name="T59" fmla="*/ 1016 h 3239"/>
                <a:gd name="T60" fmla="*/ 2778 w 3027"/>
                <a:gd name="T61" fmla="*/ 884 h 3239"/>
                <a:gd name="T62" fmla="*/ 1484 w 3027"/>
                <a:gd name="T63" fmla="*/ 227 h 3239"/>
                <a:gd name="T64" fmla="*/ 1316 w 3027"/>
                <a:gd name="T65" fmla="*/ 504 h 3239"/>
                <a:gd name="T66" fmla="*/ 1510 w 3027"/>
                <a:gd name="T67" fmla="*/ 988 h 3239"/>
                <a:gd name="T68" fmla="*/ 1711 w 3027"/>
                <a:gd name="T69" fmla="*/ 501 h 3239"/>
                <a:gd name="T70" fmla="*/ 1543 w 3027"/>
                <a:gd name="T71" fmla="*/ 227 h 3239"/>
                <a:gd name="T72" fmla="*/ 1703 w 3027"/>
                <a:gd name="T73" fmla="*/ 88 h 3239"/>
                <a:gd name="T74" fmla="*/ 1950 w 3027"/>
                <a:gd name="T75" fmla="*/ 533 h 3239"/>
                <a:gd name="T76" fmla="*/ 2397 w 3027"/>
                <a:gd name="T77" fmla="*/ 677 h 3239"/>
                <a:gd name="T78" fmla="*/ 2839 w 3027"/>
                <a:gd name="T79" fmla="*/ 675 h 3239"/>
                <a:gd name="T80" fmla="*/ 3018 w 3027"/>
                <a:gd name="T81" fmla="*/ 866 h 3239"/>
                <a:gd name="T82" fmla="*/ 2893 w 3027"/>
                <a:gd name="T83" fmla="*/ 1202 h 3239"/>
                <a:gd name="T84" fmla="*/ 2506 w 3027"/>
                <a:gd name="T85" fmla="*/ 1614 h 3239"/>
                <a:gd name="T86" fmla="*/ 2898 w 3027"/>
                <a:gd name="T87" fmla="*/ 2021 h 3239"/>
                <a:gd name="T88" fmla="*/ 3027 w 3027"/>
                <a:gd name="T89" fmla="*/ 2355 h 3239"/>
                <a:gd name="T90" fmla="*/ 2845 w 3027"/>
                <a:gd name="T91" fmla="*/ 2550 h 3239"/>
                <a:gd name="T92" fmla="*/ 2397 w 3027"/>
                <a:gd name="T93" fmla="*/ 2550 h 3239"/>
                <a:gd name="T94" fmla="*/ 1952 w 3027"/>
                <a:gd name="T95" fmla="*/ 2700 h 3239"/>
                <a:gd name="T96" fmla="*/ 1705 w 3027"/>
                <a:gd name="T97" fmla="*/ 3151 h 3239"/>
                <a:gd name="T98" fmla="*/ 1397 w 3027"/>
                <a:gd name="T99" fmla="*/ 3207 h 3239"/>
                <a:gd name="T100" fmla="*/ 1130 w 3027"/>
                <a:gd name="T101" fmla="*/ 2849 h 3239"/>
                <a:gd name="T102" fmla="*/ 774 w 3027"/>
                <a:gd name="T103" fmla="*/ 2532 h 3239"/>
                <a:gd name="T104" fmla="*/ 274 w 3027"/>
                <a:gd name="T105" fmla="*/ 2583 h 3239"/>
                <a:gd name="T106" fmla="*/ 26 w 3027"/>
                <a:gd name="T107" fmla="*/ 2439 h 3239"/>
                <a:gd name="T108" fmla="*/ 76 w 3027"/>
                <a:gd name="T109" fmla="*/ 2132 h 3239"/>
                <a:gd name="T110" fmla="*/ 403 w 3027"/>
                <a:gd name="T111" fmla="*/ 1733 h 3239"/>
                <a:gd name="T112" fmla="*/ 205 w 3027"/>
                <a:gd name="T113" fmla="*/ 1316 h 3239"/>
                <a:gd name="T114" fmla="*/ 4 w 3027"/>
                <a:gd name="T115" fmla="*/ 958 h 3239"/>
                <a:gd name="T116" fmla="*/ 108 w 3027"/>
                <a:gd name="T117" fmla="*/ 720 h 3239"/>
                <a:gd name="T118" fmla="*/ 496 w 3027"/>
                <a:gd name="T119" fmla="*/ 672 h 3239"/>
                <a:gd name="T120" fmla="*/ 1029 w 3027"/>
                <a:gd name="T121" fmla="*/ 700 h 3239"/>
                <a:gd name="T122" fmla="*/ 1252 w 3027"/>
                <a:gd name="T123" fmla="*/ 169 h 3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27" h="3239">
                  <a:moveTo>
                    <a:pt x="1517" y="2251"/>
                  </a:moveTo>
                  <a:lnTo>
                    <a:pt x="1415" y="2300"/>
                  </a:lnTo>
                  <a:lnTo>
                    <a:pt x="1314" y="2345"/>
                  </a:lnTo>
                  <a:lnTo>
                    <a:pt x="1214" y="2386"/>
                  </a:lnTo>
                  <a:lnTo>
                    <a:pt x="1233" y="2468"/>
                  </a:lnTo>
                  <a:lnTo>
                    <a:pt x="1252" y="2544"/>
                  </a:lnTo>
                  <a:lnTo>
                    <a:pt x="1273" y="2614"/>
                  </a:lnTo>
                  <a:lnTo>
                    <a:pt x="1295" y="2679"/>
                  </a:lnTo>
                  <a:lnTo>
                    <a:pt x="1317" y="2739"/>
                  </a:lnTo>
                  <a:lnTo>
                    <a:pt x="1340" y="2793"/>
                  </a:lnTo>
                  <a:lnTo>
                    <a:pt x="1361" y="2840"/>
                  </a:lnTo>
                  <a:lnTo>
                    <a:pt x="1384" y="2884"/>
                  </a:lnTo>
                  <a:lnTo>
                    <a:pt x="1406" y="2920"/>
                  </a:lnTo>
                  <a:lnTo>
                    <a:pt x="1427" y="2953"/>
                  </a:lnTo>
                  <a:lnTo>
                    <a:pt x="1448" y="2979"/>
                  </a:lnTo>
                  <a:lnTo>
                    <a:pt x="1466" y="2998"/>
                  </a:lnTo>
                  <a:lnTo>
                    <a:pt x="1484" y="3013"/>
                  </a:lnTo>
                  <a:lnTo>
                    <a:pt x="1500" y="3021"/>
                  </a:lnTo>
                  <a:lnTo>
                    <a:pt x="1513" y="3024"/>
                  </a:lnTo>
                  <a:lnTo>
                    <a:pt x="1528" y="3021"/>
                  </a:lnTo>
                  <a:lnTo>
                    <a:pt x="1543" y="3013"/>
                  </a:lnTo>
                  <a:lnTo>
                    <a:pt x="1561" y="2998"/>
                  </a:lnTo>
                  <a:lnTo>
                    <a:pt x="1581" y="2977"/>
                  </a:lnTo>
                  <a:lnTo>
                    <a:pt x="1600" y="2952"/>
                  </a:lnTo>
                  <a:lnTo>
                    <a:pt x="1622" y="2919"/>
                  </a:lnTo>
                  <a:lnTo>
                    <a:pt x="1644" y="2882"/>
                  </a:lnTo>
                  <a:lnTo>
                    <a:pt x="1666" y="2839"/>
                  </a:lnTo>
                  <a:lnTo>
                    <a:pt x="1689" y="2791"/>
                  </a:lnTo>
                  <a:lnTo>
                    <a:pt x="1712" y="2735"/>
                  </a:lnTo>
                  <a:lnTo>
                    <a:pt x="1733" y="2675"/>
                  </a:lnTo>
                  <a:lnTo>
                    <a:pt x="1755" y="2610"/>
                  </a:lnTo>
                  <a:lnTo>
                    <a:pt x="1776" y="2539"/>
                  </a:lnTo>
                  <a:lnTo>
                    <a:pt x="1796" y="2462"/>
                  </a:lnTo>
                  <a:lnTo>
                    <a:pt x="1814" y="2380"/>
                  </a:lnTo>
                  <a:lnTo>
                    <a:pt x="1717" y="2341"/>
                  </a:lnTo>
                  <a:lnTo>
                    <a:pt x="1618" y="2298"/>
                  </a:lnTo>
                  <a:lnTo>
                    <a:pt x="1517" y="2251"/>
                  </a:lnTo>
                  <a:close/>
                  <a:moveTo>
                    <a:pt x="1163" y="2066"/>
                  </a:moveTo>
                  <a:lnTo>
                    <a:pt x="1169" y="2119"/>
                  </a:lnTo>
                  <a:lnTo>
                    <a:pt x="1176" y="2171"/>
                  </a:lnTo>
                  <a:lnTo>
                    <a:pt x="1225" y="2150"/>
                  </a:lnTo>
                  <a:lnTo>
                    <a:pt x="1275" y="2129"/>
                  </a:lnTo>
                  <a:lnTo>
                    <a:pt x="1205" y="2090"/>
                  </a:lnTo>
                  <a:lnTo>
                    <a:pt x="1163" y="2066"/>
                  </a:lnTo>
                  <a:close/>
                  <a:moveTo>
                    <a:pt x="1864" y="2065"/>
                  </a:moveTo>
                  <a:lnTo>
                    <a:pt x="1828" y="2086"/>
                  </a:lnTo>
                  <a:lnTo>
                    <a:pt x="1760" y="2125"/>
                  </a:lnTo>
                  <a:lnTo>
                    <a:pt x="1853" y="2163"/>
                  </a:lnTo>
                  <a:lnTo>
                    <a:pt x="1858" y="2115"/>
                  </a:lnTo>
                  <a:lnTo>
                    <a:pt x="1864" y="2065"/>
                  </a:lnTo>
                  <a:close/>
                  <a:moveTo>
                    <a:pt x="695" y="1762"/>
                  </a:moveTo>
                  <a:lnTo>
                    <a:pt x="630" y="1818"/>
                  </a:lnTo>
                  <a:lnTo>
                    <a:pt x="571" y="1872"/>
                  </a:lnTo>
                  <a:lnTo>
                    <a:pt x="515" y="1924"/>
                  </a:lnTo>
                  <a:lnTo>
                    <a:pt x="466" y="1975"/>
                  </a:lnTo>
                  <a:lnTo>
                    <a:pt x="421" y="2023"/>
                  </a:lnTo>
                  <a:lnTo>
                    <a:pt x="381" y="2069"/>
                  </a:lnTo>
                  <a:lnTo>
                    <a:pt x="346" y="2112"/>
                  </a:lnTo>
                  <a:lnTo>
                    <a:pt x="316" y="2153"/>
                  </a:lnTo>
                  <a:lnTo>
                    <a:pt x="290" y="2191"/>
                  </a:lnTo>
                  <a:lnTo>
                    <a:pt x="268" y="2226"/>
                  </a:lnTo>
                  <a:lnTo>
                    <a:pt x="250" y="2258"/>
                  </a:lnTo>
                  <a:lnTo>
                    <a:pt x="238" y="2287"/>
                  </a:lnTo>
                  <a:lnTo>
                    <a:pt x="229" y="2312"/>
                  </a:lnTo>
                  <a:lnTo>
                    <a:pt x="224" y="2332"/>
                  </a:lnTo>
                  <a:lnTo>
                    <a:pt x="223" y="2349"/>
                  </a:lnTo>
                  <a:lnTo>
                    <a:pt x="229" y="2352"/>
                  </a:lnTo>
                  <a:lnTo>
                    <a:pt x="237" y="2355"/>
                  </a:lnTo>
                  <a:lnTo>
                    <a:pt x="249" y="2359"/>
                  </a:lnTo>
                  <a:lnTo>
                    <a:pt x="265" y="2364"/>
                  </a:lnTo>
                  <a:lnTo>
                    <a:pt x="285" y="2368"/>
                  </a:lnTo>
                  <a:lnTo>
                    <a:pt x="310" y="2371"/>
                  </a:lnTo>
                  <a:lnTo>
                    <a:pt x="340" y="2374"/>
                  </a:lnTo>
                  <a:lnTo>
                    <a:pt x="375" y="2374"/>
                  </a:lnTo>
                  <a:lnTo>
                    <a:pt x="429" y="2373"/>
                  </a:lnTo>
                  <a:lnTo>
                    <a:pt x="487" y="2368"/>
                  </a:lnTo>
                  <a:lnTo>
                    <a:pt x="548" y="2359"/>
                  </a:lnTo>
                  <a:lnTo>
                    <a:pt x="612" y="2349"/>
                  </a:lnTo>
                  <a:lnTo>
                    <a:pt x="680" y="2334"/>
                  </a:lnTo>
                  <a:lnTo>
                    <a:pt x="749" y="2317"/>
                  </a:lnTo>
                  <a:lnTo>
                    <a:pt x="821" y="2297"/>
                  </a:lnTo>
                  <a:lnTo>
                    <a:pt x="895" y="2274"/>
                  </a:lnTo>
                  <a:lnTo>
                    <a:pt x="971" y="2249"/>
                  </a:lnTo>
                  <a:lnTo>
                    <a:pt x="956" y="2145"/>
                  </a:lnTo>
                  <a:lnTo>
                    <a:pt x="945" y="2038"/>
                  </a:lnTo>
                  <a:lnTo>
                    <a:pt x="935" y="1928"/>
                  </a:lnTo>
                  <a:lnTo>
                    <a:pt x="852" y="1873"/>
                  </a:lnTo>
                  <a:lnTo>
                    <a:pt x="772" y="1818"/>
                  </a:lnTo>
                  <a:lnTo>
                    <a:pt x="695" y="1762"/>
                  </a:lnTo>
                  <a:close/>
                  <a:moveTo>
                    <a:pt x="2335" y="1751"/>
                  </a:moveTo>
                  <a:lnTo>
                    <a:pt x="2257" y="1809"/>
                  </a:lnTo>
                  <a:lnTo>
                    <a:pt x="2176" y="1866"/>
                  </a:lnTo>
                  <a:lnTo>
                    <a:pt x="2092" y="1923"/>
                  </a:lnTo>
                  <a:lnTo>
                    <a:pt x="2084" y="2031"/>
                  </a:lnTo>
                  <a:lnTo>
                    <a:pt x="2071" y="2136"/>
                  </a:lnTo>
                  <a:lnTo>
                    <a:pt x="2058" y="2239"/>
                  </a:lnTo>
                  <a:lnTo>
                    <a:pt x="2133" y="2263"/>
                  </a:lnTo>
                  <a:lnTo>
                    <a:pt x="2207" y="2285"/>
                  </a:lnTo>
                  <a:lnTo>
                    <a:pt x="2279" y="2304"/>
                  </a:lnTo>
                  <a:lnTo>
                    <a:pt x="2348" y="2321"/>
                  </a:lnTo>
                  <a:lnTo>
                    <a:pt x="2415" y="2334"/>
                  </a:lnTo>
                  <a:lnTo>
                    <a:pt x="2479" y="2345"/>
                  </a:lnTo>
                  <a:lnTo>
                    <a:pt x="2540" y="2353"/>
                  </a:lnTo>
                  <a:lnTo>
                    <a:pt x="2597" y="2357"/>
                  </a:lnTo>
                  <a:lnTo>
                    <a:pt x="2652" y="2359"/>
                  </a:lnTo>
                  <a:lnTo>
                    <a:pt x="2688" y="2358"/>
                  </a:lnTo>
                  <a:lnTo>
                    <a:pt x="2720" y="2356"/>
                  </a:lnTo>
                  <a:lnTo>
                    <a:pt x="2746" y="2352"/>
                  </a:lnTo>
                  <a:lnTo>
                    <a:pt x="2766" y="2349"/>
                  </a:lnTo>
                  <a:lnTo>
                    <a:pt x="2784" y="2344"/>
                  </a:lnTo>
                  <a:lnTo>
                    <a:pt x="2798" y="2340"/>
                  </a:lnTo>
                  <a:lnTo>
                    <a:pt x="2807" y="2336"/>
                  </a:lnTo>
                  <a:lnTo>
                    <a:pt x="2813" y="2332"/>
                  </a:lnTo>
                  <a:lnTo>
                    <a:pt x="2812" y="2315"/>
                  </a:lnTo>
                  <a:lnTo>
                    <a:pt x="2807" y="2294"/>
                  </a:lnTo>
                  <a:lnTo>
                    <a:pt x="2798" y="2269"/>
                  </a:lnTo>
                  <a:lnTo>
                    <a:pt x="2784" y="2241"/>
                  </a:lnTo>
                  <a:lnTo>
                    <a:pt x="2766" y="2209"/>
                  </a:lnTo>
                  <a:lnTo>
                    <a:pt x="2745" y="2175"/>
                  </a:lnTo>
                  <a:lnTo>
                    <a:pt x="2718" y="2137"/>
                  </a:lnTo>
                  <a:lnTo>
                    <a:pt x="2686" y="2097"/>
                  </a:lnTo>
                  <a:lnTo>
                    <a:pt x="2651" y="2053"/>
                  </a:lnTo>
                  <a:lnTo>
                    <a:pt x="2610" y="2008"/>
                  </a:lnTo>
                  <a:lnTo>
                    <a:pt x="2566" y="1961"/>
                  </a:lnTo>
                  <a:lnTo>
                    <a:pt x="2516" y="1911"/>
                  </a:lnTo>
                  <a:lnTo>
                    <a:pt x="2461" y="1859"/>
                  </a:lnTo>
                  <a:lnTo>
                    <a:pt x="2401" y="1806"/>
                  </a:lnTo>
                  <a:lnTo>
                    <a:pt x="2335" y="1751"/>
                  </a:lnTo>
                  <a:close/>
                  <a:moveTo>
                    <a:pt x="925" y="1586"/>
                  </a:moveTo>
                  <a:lnTo>
                    <a:pt x="871" y="1625"/>
                  </a:lnTo>
                  <a:lnTo>
                    <a:pt x="925" y="1663"/>
                  </a:lnTo>
                  <a:lnTo>
                    <a:pt x="925" y="1620"/>
                  </a:lnTo>
                  <a:lnTo>
                    <a:pt x="925" y="1586"/>
                  </a:lnTo>
                  <a:close/>
                  <a:moveTo>
                    <a:pt x="2102" y="1576"/>
                  </a:moveTo>
                  <a:lnTo>
                    <a:pt x="2102" y="1658"/>
                  </a:lnTo>
                  <a:lnTo>
                    <a:pt x="2159" y="1617"/>
                  </a:lnTo>
                  <a:lnTo>
                    <a:pt x="2102" y="1576"/>
                  </a:lnTo>
                  <a:close/>
                  <a:moveTo>
                    <a:pt x="1514" y="1229"/>
                  </a:moveTo>
                  <a:lnTo>
                    <a:pt x="1410" y="1284"/>
                  </a:lnTo>
                  <a:lnTo>
                    <a:pt x="1306" y="1342"/>
                  </a:lnTo>
                  <a:lnTo>
                    <a:pt x="1223" y="1391"/>
                  </a:lnTo>
                  <a:lnTo>
                    <a:pt x="1143" y="1440"/>
                  </a:lnTo>
                  <a:lnTo>
                    <a:pt x="1141" y="1528"/>
                  </a:lnTo>
                  <a:lnTo>
                    <a:pt x="1140" y="1620"/>
                  </a:lnTo>
                  <a:lnTo>
                    <a:pt x="1141" y="1714"/>
                  </a:lnTo>
                  <a:lnTo>
                    <a:pt x="1143" y="1806"/>
                  </a:lnTo>
                  <a:lnTo>
                    <a:pt x="1225" y="1855"/>
                  </a:lnTo>
                  <a:lnTo>
                    <a:pt x="1310" y="1903"/>
                  </a:lnTo>
                  <a:lnTo>
                    <a:pt x="1413" y="1959"/>
                  </a:lnTo>
                  <a:lnTo>
                    <a:pt x="1517" y="2012"/>
                  </a:lnTo>
                  <a:lnTo>
                    <a:pt x="1619" y="1958"/>
                  </a:lnTo>
                  <a:lnTo>
                    <a:pt x="1721" y="1901"/>
                  </a:lnTo>
                  <a:lnTo>
                    <a:pt x="1804" y="1852"/>
                  </a:lnTo>
                  <a:lnTo>
                    <a:pt x="1884" y="1804"/>
                  </a:lnTo>
                  <a:lnTo>
                    <a:pt x="1886" y="1713"/>
                  </a:lnTo>
                  <a:lnTo>
                    <a:pt x="1887" y="1620"/>
                  </a:lnTo>
                  <a:lnTo>
                    <a:pt x="1886" y="1525"/>
                  </a:lnTo>
                  <a:lnTo>
                    <a:pt x="1884" y="1435"/>
                  </a:lnTo>
                  <a:lnTo>
                    <a:pt x="1802" y="1386"/>
                  </a:lnTo>
                  <a:lnTo>
                    <a:pt x="1717" y="1337"/>
                  </a:lnTo>
                  <a:lnTo>
                    <a:pt x="1616" y="1282"/>
                  </a:lnTo>
                  <a:lnTo>
                    <a:pt x="1514" y="1229"/>
                  </a:lnTo>
                  <a:close/>
                  <a:moveTo>
                    <a:pt x="1174" y="1077"/>
                  </a:moveTo>
                  <a:lnTo>
                    <a:pt x="1163" y="1174"/>
                  </a:lnTo>
                  <a:lnTo>
                    <a:pt x="1199" y="1153"/>
                  </a:lnTo>
                  <a:lnTo>
                    <a:pt x="1234" y="1134"/>
                  </a:lnTo>
                  <a:lnTo>
                    <a:pt x="1267" y="1115"/>
                  </a:lnTo>
                  <a:lnTo>
                    <a:pt x="1174" y="1077"/>
                  </a:lnTo>
                  <a:close/>
                  <a:moveTo>
                    <a:pt x="1852" y="1073"/>
                  </a:moveTo>
                  <a:lnTo>
                    <a:pt x="1757" y="1114"/>
                  </a:lnTo>
                  <a:lnTo>
                    <a:pt x="1822" y="1149"/>
                  </a:lnTo>
                  <a:lnTo>
                    <a:pt x="1844" y="1161"/>
                  </a:lnTo>
                  <a:lnTo>
                    <a:pt x="1864" y="1173"/>
                  </a:lnTo>
                  <a:lnTo>
                    <a:pt x="1858" y="1122"/>
                  </a:lnTo>
                  <a:lnTo>
                    <a:pt x="1852" y="1073"/>
                  </a:lnTo>
                  <a:close/>
                  <a:moveTo>
                    <a:pt x="375" y="880"/>
                  </a:moveTo>
                  <a:lnTo>
                    <a:pt x="339" y="881"/>
                  </a:lnTo>
                  <a:lnTo>
                    <a:pt x="308" y="883"/>
                  </a:lnTo>
                  <a:lnTo>
                    <a:pt x="282" y="887"/>
                  </a:lnTo>
                  <a:lnTo>
                    <a:pt x="260" y="892"/>
                  </a:lnTo>
                  <a:lnTo>
                    <a:pt x="243" y="896"/>
                  </a:lnTo>
                  <a:lnTo>
                    <a:pt x="230" y="900"/>
                  </a:lnTo>
                  <a:lnTo>
                    <a:pt x="220" y="904"/>
                  </a:lnTo>
                  <a:lnTo>
                    <a:pt x="214" y="907"/>
                  </a:lnTo>
                  <a:lnTo>
                    <a:pt x="215" y="925"/>
                  </a:lnTo>
                  <a:lnTo>
                    <a:pt x="220" y="946"/>
                  </a:lnTo>
                  <a:lnTo>
                    <a:pt x="230" y="971"/>
                  </a:lnTo>
                  <a:lnTo>
                    <a:pt x="243" y="999"/>
                  </a:lnTo>
                  <a:lnTo>
                    <a:pt x="261" y="1031"/>
                  </a:lnTo>
                  <a:lnTo>
                    <a:pt x="283" y="1065"/>
                  </a:lnTo>
                  <a:lnTo>
                    <a:pt x="310" y="1104"/>
                  </a:lnTo>
                  <a:lnTo>
                    <a:pt x="340" y="1143"/>
                  </a:lnTo>
                  <a:lnTo>
                    <a:pt x="376" y="1187"/>
                  </a:lnTo>
                  <a:lnTo>
                    <a:pt x="416" y="1232"/>
                  </a:lnTo>
                  <a:lnTo>
                    <a:pt x="461" y="1280"/>
                  </a:lnTo>
                  <a:lnTo>
                    <a:pt x="511" y="1329"/>
                  </a:lnTo>
                  <a:lnTo>
                    <a:pt x="566" y="1381"/>
                  </a:lnTo>
                  <a:lnTo>
                    <a:pt x="627" y="1434"/>
                  </a:lnTo>
                  <a:lnTo>
                    <a:pt x="692" y="1489"/>
                  </a:lnTo>
                  <a:lnTo>
                    <a:pt x="770" y="1431"/>
                  </a:lnTo>
                  <a:lnTo>
                    <a:pt x="851" y="1374"/>
                  </a:lnTo>
                  <a:lnTo>
                    <a:pt x="935" y="1316"/>
                  </a:lnTo>
                  <a:lnTo>
                    <a:pt x="944" y="1208"/>
                  </a:lnTo>
                  <a:lnTo>
                    <a:pt x="955" y="1104"/>
                  </a:lnTo>
                  <a:lnTo>
                    <a:pt x="970" y="1001"/>
                  </a:lnTo>
                  <a:lnTo>
                    <a:pt x="894" y="977"/>
                  </a:lnTo>
                  <a:lnTo>
                    <a:pt x="820" y="955"/>
                  </a:lnTo>
                  <a:lnTo>
                    <a:pt x="748" y="935"/>
                  </a:lnTo>
                  <a:lnTo>
                    <a:pt x="680" y="919"/>
                  </a:lnTo>
                  <a:lnTo>
                    <a:pt x="612" y="905"/>
                  </a:lnTo>
                  <a:lnTo>
                    <a:pt x="549" y="895"/>
                  </a:lnTo>
                  <a:lnTo>
                    <a:pt x="487" y="886"/>
                  </a:lnTo>
                  <a:lnTo>
                    <a:pt x="429" y="882"/>
                  </a:lnTo>
                  <a:lnTo>
                    <a:pt x="375" y="880"/>
                  </a:lnTo>
                  <a:close/>
                  <a:moveTo>
                    <a:pt x="2653" y="872"/>
                  </a:moveTo>
                  <a:lnTo>
                    <a:pt x="2598" y="873"/>
                  </a:lnTo>
                  <a:lnTo>
                    <a:pt x="2541" y="878"/>
                  </a:lnTo>
                  <a:lnTo>
                    <a:pt x="2480" y="886"/>
                  </a:lnTo>
                  <a:lnTo>
                    <a:pt x="2415" y="897"/>
                  </a:lnTo>
                  <a:lnTo>
                    <a:pt x="2349" y="911"/>
                  </a:lnTo>
                  <a:lnTo>
                    <a:pt x="2279" y="928"/>
                  </a:lnTo>
                  <a:lnTo>
                    <a:pt x="2206" y="948"/>
                  </a:lnTo>
                  <a:lnTo>
                    <a:pt x="2132" y="971"/>
                  </a:lnTo>
                  <a:lnTo>
                    <a:pt x="2057" y="995"/>
                  </a:lnTo>
                  <a:lnTo>
                    <a:pt x="2071" y="1098"/>
                  </a:lnTo>
                  <a:lnTo>
                    <a:pt x="2083" y="1203"/>
                  </a:lnTo>
                  <a:lnTo>
                    <a:pt x="2092" y="1311"/>
                  </a:lnTo>
                  <a:lnTo>
                    <a:pt x="2175" y="1367"/>
                  </a:lnTo>
                  <a:lnTo>
                    <a:pt x="2256" y="1422"/>
                  </a:lnTo>
                  <a:lnTo>
                    <a:pt x="2334" y="1480"/>
                  </a:lnTo>
                  <a:lnTo>
                    <a:pt x="2400" y="1423"/>
                  </a:lnTo>
                  <a:lnTo>
                    <a:pt x="2459" y="1369"/>
                  </a:lnTo>
                  <a:lnTo>
                    <a:pt x="2513" y="1318"/>
                  </a:lnTo>
                  <a:lnTo>
                    <a:pt x="2563" y="1267"/>
                  </a:lnTo>
                  <a:lnTo>
                    <a:pt x="2607" y="1219"/>
                  </a:lnTo>
                  <a:lnTo>
                    <a:pt x="2647" y="1173"/>
                  </a:lnTo>
                  <a:lnTo>
                    <a:pt x="2681" y="1129"/>
                  </a:lnTo>
                  <a:lnTo>
                    <a:pt x="2712" y="1089"/>
                  </a:lnTo>
                  <a:lnTo>
                    <a:pt x="2737" y="1052"/>
                  </a:lnTo>
                  <a:lnTo>
                    <a:pt x="2759" y="1016"/>
                  </a:lnTo>
                  <a:lnTo>
                    <a:pt x="2777" y="985"/>
                  </a:lnTo>
                  <a:lnTo>
                    <a:pt x="2789" y="956"/>
                  </a:lnTo>
                  <a:lnTo>
                    <a:pt x="2799" y="931"/>
                  </a:lnTo>
                  <a:lnTo>
                    <a:pt x="2803" y="910"/>
                  </a:lnTo>
                  <a:lnTo>
                    <a:pt x="2804" y="893"/>
                  </a:lnTo>
                  <a:lnTo>
                    <a:pt x="2799" y="891"/>
                  </a:lnTo>
                  <a:lnTo>
                    <a:pt x="2790" y="887"/>
                  </a:lnTo>
                  <a:lnTo>
                    <a:pt x="2778" y="884"/>
                  </a:lnTo>
                  <a:lnTo>
                    <a:pt x="2762" y="880"/>
                  </a:lnTo>
                  <a:lnTo>
                    <a:pt x="2742" y="877"/>
                  </a:lnTo>
                  <a:lnTo>
                    <a:pt x="2718" y="874"/>
                  </a:lnTo>
                  <a:lnTo>
                    <a:pt x="2687" y="872"/>
                  </a:lnTo>
                  <a:lnTo>
                    <a:pt x="2653" y="872"/>
                  </a:lnTo>
                  <a:close/>
                  <a:moveTo>
                    <a:pt x="1513" y="215"/>
                  </a:moveTo>
                  <a:lnTo>
                    <a:pt x="1500" y="218"/>
                  </a:lnTo>
                  <a:lnTo>
                    <a:pt x="1484" y="227"/>
                  </a:lnTo>
                  <a:lnTo>
                    <a:pt x="1466" y="241"/>
                  </a:lnTo>
                  <a:lnTo>
                    <a:pt x="1447" y="262"/>
                  </a:lnTo>
                  <a:lnTo>
                    <a:pt x="1427" y="288"/>
                  </a:lnTo>
                  <a:lnTo>
                    <a:pt x="1405" y="320"/>
                  </a:lnTo>
                  <a:lnTo>
                    <a:pt x="1383" y="358"/>
                  </a:lnTo>
                  <a:lnTo>
                    <a:pt x="1361" y="401"/>
                  </a:lnTo>
                  <a:lnTo>
                    <a:pt x="1339" y="450"/>
                  </a:lnTo>
                  <a:lnTo>
                    <a:pt x="1316" y="504"/>
                  </a:lnTo>
                  <a:lnTo>
                    <a:pt x="1294" y="564"/>
                  </a:lnTo>
                  <a:lnTo>
                    <a:pt x="1272" y="630"/>
                  </a:lnTo>
                  <a:lnTo>
                    <a:pt x="1251" y="702"/>
                  </a:lnTo>
                  <a:lnTo>
                    <a:pt x="1231" y="778"/>
                  </a:lnTo>
                  <a:lnTo>
                    <a:pt x="1213" y="860"/>
                  </a:lnTo>
                  <a:lnTo>
                    <a:pt x="1310" y="899"/>
                  </a:lnTo>
                  <a:lnTo>
                    <a:pt x="1409" y="943"/>
                  </a:lnTo>
                  <a:lnTo>
                    <a:pt x="1510" y="988"/>
                  </a:lnTo>
                  <a:lnTo>
                    <a:pt x="1612" y="939"/>
                  </a:lnTo>
                  <a:lnTo>
                    <a:pt x="1714" y="895"/>
                  </a:lnTo>
                  <a:lnTo>
                    <a:pt x="1813" y="853"/>
                  </a:lnTo>
                  <a:lnTo>
                    <a:pt x="1795" y="771"/>
                  </a:lnTo>
                  <a:lnTo>
                    <a:pt x="1775" y="695"/>
                  </a:lnTo>
                  <a:lnTo>
                    <a:pt x="1754" y="626"/>
                  </a:lnTo>
                  <a:lnTo>
                    <a:pt x="1732" y="560"/>
                  </a:lnTo>
                  <a:lnTo>
                    <a:pt x="1711" y="501"/>
                  </a:lnTo>
                  <a:lnTo>
                    <a:pt x="1688" y="447"/>
                  </a:lnTo>
                  <a:lnTo>
                    <a:pt x="1665" y="399"/>
                  </a:lnTo>
                  <a:lnTo>
                    <a:pt x="1643" y="356"/>
                  </a:lnTo>
                  <a:lnTo>
                    <a:pt x="1621" y="319"/>
                  </a:lnTo>
                  <a:lnTo>
                    <a:pt x="1600" y="287"/>
                  </a:lnTo>
                  <a:lnTo>
                    <a:pt x="1580" y="262"/>
                  </a:lnTo>
                  <a:lnTo>
                    <a:pt x="1561" y="241"/>
                  </a:lnTo>
                  <a:lnTo>
                    <a:pt x="1543" y="227"/>
                  </a:lnTo>
                  <a:lnTo>
                    <a:pt x="1528" y="218"/>
                  </a:lnTo>
                  <a:lnTo>
                    <a:pt x="1513" y="215"/>
                  </a:lnTo>
                  <a:close/>
                  <a:moveTo>
                    <a:pt x="1513" y="0"/>
                  </a:moveTo>
                  <a:lnTo>
                    <a:pt x="1554" y="4"/>
                  </a:lnTo>
                  <a:lnTo>
                    <a:pt x="1592" y="15"/>
                  </a:lnTo>
                  <a:lnTo>
                    <a:pt x="1631" y="33"/>
                  </a:lnTo>
                  <a:lnTo>
                    <a:pt x="1667" y="56"/>
                  </a:lnTo>
                  <a:lnTo>
                    <a:pt x="1703" y="88"/>
                  </a:lnTo>
                  <a:lnTo>
                    <a:pt x="1739" y="124"/>
                  </a:lnTo>
                  <a:lnTo>
                    <a:pt x="1773" y="167"/>
                  </a:lnTo>
                  <a:lnTo>
                    <a:pt x="1806" y="214"/>
                  </a:lnTo>
                  <a:lnTo>
                    <a:pt x="1837" y="268"/>
                  </a:lnTo>
                  <a:lnTo>
                    <a:pt x="1867" y="328"/>
                  </a:lnTo>
                  <a:lnTo>
                    <a:pt x="1897" y="391"/>
                  </a:lnTo>
                  <a:lnTo>
                    <a:pt x="1924" y="461"/>
                  </a:lnTo>
                  <a:lnTo>
                    <a:pt x="1950" y="533"/>
                  </a:lnTo>
                  <a:lnTo>
                    <a:pt x="1973" y="611"/>
                  </a:lnTo>
                  <a:lnTo>
                    <a:pt x="1996" y="692"/>
                  </a:lnTo>
                  <a:lnTo>
                    <a:pt x="2016" y="777"/>
                  </a:lnTo>
                  <a:lnTo>
                    <a:pt x="2097" y="751"/>
                  </a:lnTo>
                  <a:lnTo>
                    <a:pt x="2176" y="729"/>
                  </a:lnTo>
                  <a:lnTo>
                    <a:pt x="2252" y="709"/>
                  </a:lnTo>
                  <a:lnTo>
                    <a:pt x="2327" y="691"/>
                  </a:lnTo>
                  <a:lnTo>
                    <a:pt x="2397" y="677"/>
                  </a:lnTo>
                  <a:lnTo>
                    <a:pt x="2466" y="666"/>
                  </a:lnTo>
                  <a:lnTo>
                    <a:pt x="2532" y="658"/>
                  </a:lnTo>
                  <a:lnTo>
                    <a:pt x="2594" y="653"/>
                  </a:lnTo>
                  <a:lnTo>
                    <a:pt x="2653" y="652"/>
                  </a:lnTo>
                  <a:lnTo>
                    <a:pt x="2704" y="653"/>
                  </a:lnTo>
                  <a:lnTo>
                    <a:pt x="2753" y="657"/>
                  </a:lnTo>
                  <a:lnTo>
                    <a:pt x="2798" y="664"/>
                  </a:lnTo>
                  <a:lnTo>
                    <a:pt x="2839" y="675"/>
                  </a:lnTo>
                  <a:lnTo>
                    <a:pt x="2877" y="688"/>
                  </a:lnTo>
                  <a:lnTo>
                    <a:pt x="2910" y="705"/>
                  </a:lnTo>
                  <a:lnTo>
                    <a:pt x="2940" y="723"/>
                  </a:lnTo>
                  <a:lnTo>
                    <a:pt x="2965" y="746"/>
                  </a:lnTo>
                  <a:lnTo>
                    <a:pt x="2986" y="771"/>
                  </a:lnTo>
                  <a:lnTo>
                    <a:pt x="3001" y="800"/>
                  </a:lnTo>
                  <a:lnTo>
                    <a:pt x="3012" y="831"/>
                  </a:lnTo>
                  <a:lnTo>
                    <a:pt x="3018" y="866"/>
                  </a:lnTo>
                  <a:lnTo>
                    <a:pt x="3018" y="901"/>
                  </a:lnTo>
                  <a:lnTo>
                    <a:pt x="3014" y="939"/>
                  </a:lnTo>
                  <a:lnTo>
                    <a:pt x="3005" y="979"/>
                  </a:lnTo>
                  <a:lnTo>
                    <a:pt x="2992" y="1020"/>
                  </a:lnTo>
                  <a:lnTo>
                    <a:pt x="2973" y="1063"/>
                  </a:lnTo>
                  <a:lnTo>
                    <a:pt x="2950" y="1108"/>
                  </a:lnTo>
                  <a:lnTo>
                    <a:pt x="2924" y="1154"/>
                  </a:lnTo>
                  <a:lnTo>
                    <a:pt x="2893" y="1202"/>
                  </a:lnTo>
                  <a:lnTo>
                    <a:pt x="2858" y="1250"/>
                  </a:lnTo>
                  <a:lnTo>
                    <a:pt x="2818" y="1300"/>
                  </a:lnTo>
                  <a:lnTo>
                    <a:pt x="2776" y="1351"/>
                  </a:lnTo>
                  <a:lnTo>
                    <a:pt x="2728" y="1403"/>
                  </a:lnTo>
                  <a:lnTo>
                    <a:pt x="2678" y="1455"/>
                  </a:lnTo>
                  <a:lnTo>
                    <a:pt x="2624" y="1507"/>
                  </a:lnTo>
                  <a:lnTo>
                    <a:pt x="2566" y="1561"/>
                  </a:lnTo>
                  <a:lnTo>
                    <a:pt x="2506" y="1614"/>
                  </a:lnTo>
                  <a:lnTo>
                    <a:pt x="2567" y="1667"/>
                  </a:lnTo>
                  <a:lnTo>
                    <a:pt x="2625" y="1718"/>
                  </a:lnTo>
                  <a:lnTo>
                    <a:pt x="2680" y="1770"/>
                  </a:lnTo>
                  <a:lnTo>
                    <a:pt x="2731" y="1822"/>
                  </a:lnTo>
                  <a:lnTo>
                    <a:pt x="2779" y="1873"/>
                  </a:lnTo>
                  <a:lnTo>
                    <a:pt x="2822" y="1923"/>
                  </a:lnTo>
                  <a:lnTo>
                    <a:pt x="2862" y="1972"/>
                  </a:lnTo>
                  <a:lnTo>
                    <a:pt x="2898" y="2021"/>
                  </a:lnTo>
                  <a:lnTo>
                    <a:pt x="2930" y="2068"/>
                  </a:lnTo>
                  <a:lnTo>
                    <a:pt x="2958" y="2113"/>
                  </a:lnTo>
                  <a:lnTo>
                    <a:pt x="2980" y="2158"/>
                  </a:lnTo>
                  <a:lnTo>
                    <a:pt x="2999" y="2200"/>
                  </a:lnTo>
                  <a:lnTo>
                    <a:pt x="3013" y="2242"/>
                  </a:lnTo>
                  <a:lnTo>
                    <a:pt x="3022" y="2282"/>
                  </a:lnTo>
                  <a:lnTo>
                    <a:pt x="3027" y="2320"/>
                  </a:lnTo>
                  <a:lnTo>
                    <a:pt x="3027" y="2355"/>
                  </a:lnTo>
                  <a:lnTo>
                    <a:pt x="3022" y="2390"/>
                  </a:lnTo>
                  <a:lnTo>
                    <a:pt x="3012" y="2421"/>
                  </a:lnTo>
                  <a:lnTo>
                    <a:pt x="2996" y="2450"/>
                  </a:lnTo>
                  <a:lnTo>
                    <a:pt x="2974" y="2476"/>
                  </a:lnTo>
                  <a:lnTo>
                    <a:pt x="2949" y="2500"/>
                  </a:lnTo>
                  <a:lnTo>
                    <a:pt x="2919" y="2519"/>
                  </a:lnTo>
                  <a:lnTo>
                    <a:pt x="2884" y="2536"/>
                  </a:lnTo>
                  <a:lnTo>
                    <a:pt x="2845" y="2550"/>
                  </a:lnTo>
                  <a:lnTo>
                    <a:pt x="2803" y="2560"/>
                  </a:lnTo>
                  <a:lnTo>
                    <a:pt x="2756" y="2568"/>
                  </a:lnTo>
                  <a:lnTo>
                    <a:pt x="2705" y="2572"/>
                  </a:lnTo>
                  <a:lnTo>
                    <a:pt x="2651" y="2573"/>
                  </a:lnTo>
                  <a:lnTo>
                    <a:pt x="2593" y="2572"/>
                  </a:lnTo>
                  <a:lnTo>
                    <a:pt x="2530" y="2567"/>
                  </a:lnTo>
                  <a:lnTo>
                    <a:pt x="2465" y="2560"/>
                  </a:lnTo>
                  <a:lnTo>
                    <a:pt x="2397" y="2550"/>
                  </a:lnTo>
                  <a:lnTo>
                    <a:pt x="2326" y="2536"/>
                  </a:lnTo>
                  <a:lnTo>
                    <a:pt x="2253" y="2519"/>
                  </a:lnTo>
                  <a:lnTo>
                    <a:pt x="2177" y="2500"/>
                  </a:lnTo>
                  <a:lnTo>
                    <a:pt x="2099" y="2478"/>
                  </a:lnTo>
                  <a:lnTo>
                    <a:pt x="2018" y="2453"/>
                  </a:lnTo>
                  <a:lnTo>
                    <a:pt x="1998" y="2539"/>
                  </a:lnTo>
                  <a:lnTo>
                    <a:pt x="1977" y="2622"/>
                  </a:lnTo>
                  <a:lnTo>
                    <a:pt x="1952" y="2700"/>
                  </a:lnTo>
                  <a:lnTo>
                    <a:pt x="1927" y="2774"/>
                  </a:lnTo>
                  <a:lnTo>
                    <a:pt x="1899" y="2843"/>
                  </a:lnTo>
                  <a:lnTo>
                    <a:pt x="1870" y="2909"/>
                  </a:lnTo>
                  <a:lnTo>
                    <a:pt x="1839" y="2968"/>
                  </a:lnTo>
                  <a:lnTo>
                    <a:pt x="1808" y="3022"/>
                  </a:lnTo>
                  <a:lnTo>
                    <a:pt x="1775" y="3071"/>
                  </a:lnTo>
                  <a:lnTo>
                    <a:pt x="1741" y="3115"/>
                  </a:lnTo>
                  <a:lnTo>
                    <a:pt x="1705" y="3151"/>
                  </a:lnTo>
                  <a:lnTo>
                    <a:pt x="1668" y="3182"/>
                  </a:lnTo>
                  <a:lnTo>
                    <a:pt x="1631" y="3207"/>
                  </a:lnTo>
                  <a:lnTo>
                    <a:pt x="1592" y="3225"/>
                  </a:lnTo>
                  <a:lnTo>
                    <a:pt x="1554" y="3235"/>
                  </a:lnTo>
                  <a:lnTo>
                    <a:pt x="1513" y="3239"/>
                  </a:lnTo>
                  <a:lnTo>
                    <a:pt x="1474" y="3235"/>
                  </a:lnTo>
                  <a:lnTo>
                    <a:pt x="1435" y="3225"/>
                  </a:lnTo>
                  <a:lnTo>
                    <a:pt x="1397" y="3207"/>
                  </a:lnTo>
                  <a:lnTo>
                    <a:pt x="1359" y="3183"/>
                  </a:lnTo>
                  <a:lnTo>
                    <a:pt x="1323" y="3152"/>
                  </a:lnTo>
                  <a:lnTo>
                    <a:pt x="1288" y="3116"/>
                  </a:lnTo>
                  <a:lnTo>
                    <a:pt x="1253" y="3073"/>
                  </a:lnTo>
                  <a:lnTo>
                    <a:pt x="1221" y="3025"/>
                  </a:lnTo>
                  <a:lnTo>
                    <a:pt x="1189" y="2971"/>
                  </a:lnTo>
                  <a:lnTo>
                    <a:pt x="1159" y="2912"/>
                  </a:lnTo>
                  <a:lnTo>
                    <a:pt x="1130" y="2849"/>
                  </a:lnTo>
                  <a:lnTo>
                    <a:pt x="1103" y="2780"/>
                  </a:lnTo>
                  <a:lnTo>
                    <a:pt x="1077" y="2706"/>
                  </a:lnTo>
                  <a:lnTo>
                    <a:pt x="1053" y="2629"/>
                  </a:lnTo>
                  <a:lnTo>
                    <a:pt x="1031" y="2547"/>
                  </a:lnTo>
                  <a:lnTo>
                    <a:pt x="1010" y="2462"/>
                  </a:lnTo>
                  <a:lnTo>
                    <a:pt x="930" y="2488"/>
                  </a:lnTo>
                  <a:lnTo>
                    <a:pt x="851" y="2511"/>
                  </a:lnTo>
                  <a:lnTo>
                    <a:pt x="774" y="2532"/>
                  </a:lnTo>
                  <a:lnTo>
                    <a:pt x="700" y="2548"/>
                  </a:lnTo>
                  <a:lnTo>
                    <a:pt x="629" y="2563"/>
                  </a:lnTo>
                  <a:lnTo>
                    <a:pt x="560" y="2573"/>
                  </a:lnTo>
                  <a:lnTo>
                    <a:pt x="496" y="2582"/>
                  </a:lnTo>
                  <a:lnTo>
                    <a:pt x="433" y="2587"/>
                  </a:lnTo>
                  <a:lnTo>
                    <a:pt x="374" y="2588"/>
                  </a:lnTo>
                  <a:lnTo>
                    <a:pt x="322" y="2587"/>
                  </a:lnTo>
                  <a:lnTo>
                    <a:pt x="274" y="2583"/>
                  </a:lnTo>
                  <a:lnTo>
                    <a:pt x="229" y="2575"/>
                  </a:lnTo>
                  <a:lnTo>
                    <a:pt x="188" y="2565"/>
                  </a:lnTo>
                  <a:lnTo>
                    <a:pt x="151" y="2552"/>
                  </a:lnTo>
                  <a:lnTo>
                    <a:pt x="116" y="2536"/>
                  </a:lnTo>
                  <a:lnTo>
                    <a:pt x="87" y="2516"/>
                  </a:lnTo>
                  <a:lnTo>
                    <a:pt x="62" y="2493"/>
                  </a:lnTo>
                  <a:lnTo>
                    <a:pt x="42" y="2468"/>
                  </a:lnTo>
                  <a:lnTo>
                    <a:pt x="26" y="2439"/>
                  </a:lnTo>
                  <a:lnTo>
                    <a:pt x="16" y="2408"/>
                  </a:lnTo>
                  <a:lnTo>
                    <a:pt x="9" y="2374"/>
                  </a:lnTo>
                  <a:lnTo>
                    <a:pt x="8" y="2339"/>
                  </a:lnTo>
                  <a:lnTo>
                    <a:pt x="12" y="2301"/>
                  </a:lnTo>
                  <a:lnTo>
                    <a:pt x="22" y="2261"/>
                  </a:lnTo>
                  <a:lnTo>
                    <a:pt x="35" y="2219"/>
                  </a:lnTo>
                  <a:lnTo>
                    <a:pt x="53" y="2177"/>
                  </a:lnTo>
                  <a:lnTo>
                    <a:pt x="76" y="2132"/>
                  </a:lnTo>
                  <a:lnTo>
                    <a:pt x="103" y="2085"/>
                  </a:lnTo>
                  <a:lnTo>
                    <a:pt x="134" y="2037"/>
                  </a:lnTo>
                  <a:lnTo>
                    <a:pt x="169" y="1990"/>
                  </a:lnTo>
                  <a:lnTo>
                    <a:pt x="208" y="1940"/>
                  </a:lnTo>
                  <a:lnTo>
                    <a:pt x="251" y="1889"/>
                  </a:lnTo>
                  <a:lnTo>
                    <a:pt x="298" y="1837"/>
                  </a:lnTo>
                  <a:lnTo>
                    <a:pt x="349" y="1785"/>
                  </a:lnTo>
                  <a:lnTo>
                    <a:pt x="403" y="1733"/>
                  </a:lnTo>
                  <a:lnTo>
                    <a:pt x="460" y="1679"/>
                  </a:lnTo>
                  <a:lnTo>
                    <a:pt x="522" y="1626"/>
                  </a:lnTo>
                  <a:lnTo>
                    <a:pt x="459" y="1573"/>
                  </a:lnTo>
                  <a:lnTo>
                    <a:pt x="401" y="1521"/>
                  </a:lnTo>
                  <a:lnTo>
                    <a:pt x="347" y="1469"/>
                  </a:lnTo>
                  <a:lnTo>
                    <a:pt x="296" y="1417"/>
                  </a:lnTo>
                  <a:lnTo>
                    <a:pt x="248" y="1366"/>
                  </a:lnTo>
                  <a:lnTo>
                    <a:pt x="205" y="1316"/>
                  </a:lnTo>
                  <a:lnTo>
                    <a:pt x="164" y="1268"/>
                  </a:lnTo>
                  <a:lnTo>
                    <a:pt x="129" y="1219"/>
                  </a:lnTo>
                  <a:lnTo>
                    <a:pt x="98" y="1172"/>
                  </a:lnTo>
                  <a:lnTo>
                    <a:pt x="70" y="1126"/>
                  </a:lnTo>
                  <a:lnTo>
                    <a:pt x="47" y="1082"/>
                  </a:lnTo>
                  <a:lnTo>
                    <a:pt x="28" y="1039"/>
                  </a:lnTo>
                  <a:lnTo>
                    <a:pt x="14" y="998"/>
                  </a:lnTo>
                  <a:lnTo>
                    <a:pt x="4" y="958"/>
                  </a:lnTo>
                  <a:lnTo>
                    <a:pt x="0" y="921"/>
                  </a:lnTo>
                  <a:lnTo>
                    <a:pt x="0" y="884"/>
                  </a:lnTo>
                  <a:lnTo>
                    <a:pt x="5" y="851"/>
                  </a:lnTo>
                  <a:lnTo>
                    <a:pt x="16" y="819"/>
                  </a:lnTo>
                  <a:lnTo>
                    <a:pt x="31" y="790"/>
                  </a:lnTo>
                  <a:lnTo>
                    <a:pt x="52" y="764"/>
                  </a:lnTo>
                  <a:lnTo>
                    <a:pt x="78" y="741"/>
                  </a:lnTo>
                  <a:lnTo>
                    <a:pt x="108" y="720"/>
                  </a:lnTo>
                  <a:lnTo>
                    <a:pt x="142" y="704"/>
                  </a:lnTo>
                  <a:lnTo>
                    <a:pt x="182" y="690"/>
                  </a:lnTo>
                  <a:lnTo>
                    <a:pt x="224" y="680"/>
                  </a:lnTo>
                  <a:lnTo>
                    <a:pt x="271" y="671"/>
                  </a:lnTo>
                  <a:lnTo>
                    <a:pt x="321" y="667"/>
                  </a:lnTo>
                  <a:lnTo>
                    <a:pt x="375" y="666"/>
                  </a:lnTo>
                  <a:lnTo>
                    <a:pt x="434" y="667"/>
                  </a:lnTo>
                  <a:lnTo>
                    <a:pt x="496" y="672"/>
                  </a:lnTo>
                  <a:lnTo>
                    <a:pt x="561" y="680"/>
                  </a:lnTo>
                  <a:lnTo>
                    <a:pt x="630" y="690"/>
                  </a:lnTo>
                  <a:lnTo>
                    <a:pt x="700" y="704"/>
                  </a:lnTo>
                  <a:lnTo>
                    <a:pt x="774" y="720"/>
                  </a:lnTo>
                  <a:lnTo>
                    <a:pt x="850" y="740"/>
                  </a:lnTo>
                  <a:lnTo>
                    <a:pt x="928" y="763"/>
                  </a:lnTo>
                  <a:lnTo>
                    <a:pt x="1008" y="788"/>
                  </a:lnTo>
                  <a:lnTo>
                    <a:pt x="1029" y="700"/>
                  </a:lnTo>
                  <a:lnTo>
                    <a:pt x="1051" y="618"/>
                  </a:lnTo>
                  <a:lnTo>
                    <a:pt x="1075" y="539"/>
                  </a:lnTo>
                  <a:lnTo>
                    <a:pt x="1101" y="466"/>
                  </a:lnTo>
                  <a:lnTo>
                    <a:pt x="1128" y="396"/>
                  </a:lnTo>
                  <a:lnTo>
                    <a:pt x="1157" y="332"/>
                  </a:lnTo>
                  <a:lnTo>
                    <a:pt x="1187" y="271"/>
                  </a:lnTo>
                  <a:lnTo>
                    <a:pt x="1219" y="217"/>
                  </a:lnTo>
                  <a:lnTo>
                    <a:pt x="1252" y="169"/>
                  </a:lnTo>
                  <a:lnTo>
                    <a:pt x="1287" y="125"/>
                  </a:lnTo>
                  <a:lnTo>
                    <a:pt x="1322" y="89"/>
                  </a:lnTo>
                  <a:lnTo>
                    <a:pt x="1358" y="57"/>
                  </a:lnTo>
                  <a:lnTo>
                    <a:pt x="1396" y="33"/>
                  </a:lnTo>
                  <a:lnTo>
                    <a:pt x="1434" y="15"/>
                  </a:lnTo>
                  <a:lnTo>
                    <a:pt x="1474" y="4"/>
                  </a:lnTo>
                  <a:lnTo>
                    <a:pt x="151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32" name="Freeform 18"/>
            <p:cNvSpPr>
              <a:spLocks/>
            </p:cNvSpPr>
            <p:nvPr/>
          </p:nvSpPr>
          <p:spPr bwMode="auto">
            <a:xfrm>
              <a:off x="3111" y="2725"/>
              <a:ext cx="105" cy="105"/>
            </a:xfrm>
            <a:custGeom>
              <a:avLst/>
              <a:gdLst>
                <a:gd name="T0" fmla="*/ 210 w 421"/>
                <a:gd name="T1" fmla="*/ 0 h 420"/>
                <a:gd name="T2" fmla="*/ 244 w 421"/>
                <a:gd name="T3" fmla="*/ 4 h 420"/>
                <a:gd name="T4" fmla="*/ 277 w 421"/>
                <a:gd name="T5" fmla="*/ 11 h 420"/>
                <a:gd name="T6" fmla="*/ 307 w 421"/>
                <a:gd name="T7" fmla="*/ 23 h 420"/>
                <a:gd name="T8" fmla="*/ 335 w 421"/>
                <a:gd name="T9" fmla="*/ 41 h 420"/>
                <a:gd name="T10" fmla="*/ 360 w 421"/>
                <a:gd name="T11" fmla="*/ 62 h 420"/>
                <a:gd name="T12" fmla="*/ 381 w 421"/>
                <a:gd name="T13" fmla="*/ 87 h 420"/>
                <a:gd name="T14" fmla="*/ 397 w 421"/>
                <a:gd name="T15" fmla="*/ 114 h 420"/>
                <a:gd name="T16" fmla="*/ 411 w 421"/>
                <a:gd name="T17" fmla="*/ 144 h 420"/>
                <a:gd name="T18" fmla="*/ 418 w 421"/>
                <a:gd name="T19" fmla="*/ 176 h 420"/>
                <a:gd name="T20" fmla="*/ 421 w 421"/>
                <a:gd name="T21" fmla="*/ 210 h 420"/>
                <a:gd name="T22" fmla="*/ 418 w 421"/>
                <a:gd name="T23" fmla="*/ 245 h 420"/>
                <a:gd name="T24" fmla="*/ 411 w 421"/>
                <a:gd name="T25" fmla="*/ 277 h 420"/>
                <a:gd name="T26" fmla="*/ 397 w 421"/>
                <a:gd name="T27" fmla="*/ 307 h 420"/>
                <a:gd name="T28" fmla="*/ 381 w 421"/>
                <a:gd name="T29" fmla="*/ 334 h 420"/>
                <a:gd name="T30" fmla="*/ 360 w 421"/>
                <a:gd name="T31" fmla="*/ 359 h 420"/>
                <a:gd name="T32" fmla="*/ 335 w 421"/>
                <a:gd name="T33" fmla="*/ 380 h 420"/>
                <a:gd name="T34" fmla="*/ 307 w 421"/>
                <a:gd name="T35" fmla="*/ 397 h 420"/>
                <a:gd name="T36" fmla="*/ 277 w 421"/>
                <a:gd name="T37" fmla="*/ 410 h 420"/>
                <a:gd name="T38" fmla="*/ 244 w 421"/>
                <a:gd name="T39" fmla="*/ 418 h 420"/>
                <a:gd name="T40" fmla="*/ 210 w 421"/>
                <a:gd name="T41" fmla="*/ 420 h 420"/>
                <a:gd name="T42" fmla="*/ 177 w 421"/>
                <a:gd name="T43" fmla="*/ 418 h 420"/>
                <a:gd name="T44" fmla="*/ 145 w 421"/>
                <a:gd name="T45" fmla="*/ 410 h 420"/>
                <a:gd name="T46" fmla="*/ 113 w 421"/>
                <a:gd name="T47" fmla="*/ 397 h 420"/>
                <a:gd name="T48" fmla="*/ 86 w 421"/>
                <a:gd name="T49" fmla="*/ 380 h 420"/>
                <a:gd name="T50" fmla="*/ 61 w 421"/>
                <a:gd name="T51" fmla="*/ 359 h 420"/>
                <a:gd name="T52" fmla="*/ 41 w 421"/>
                <a:gd name="T53" fmla="*/ 334 h 420"/>
                <a:gd name="T54" fmla="*/ 24 w 421"/>
                <a:gd name="T55" fmla="*/ 307 h 420"/>
                <a:gd name="T56" fmla="*/ 11 w 421"/>
                <a:gd name="T57" fmla="*/ 277 h 420"/>
                <a:gd name="T58" fmla="*/ 3 w 421"/>
                <a:gd name="T59" fmla="*/ 245 h 420"/>
                <a:gd name="T60" fmla="*/ 0 w 421"/>
                <a:gd name="T61" fmla="*/ 210 h 420"/>
                <a:gd name="T62" fmla="*/ 3 w 421"/>
                <a:gd name="T63" fmla="*/ 176 h 420"/>
                <a:gd name="T64" fmla="*/ 11 w 421"/>
                <a:gd name="T65" fmla="*/ 144 h 420"/>
                <a:gd name="T66" fmla="*/ 24 w 421"/>
                <a:gd name="T67" fmla="*/ 114 h 420"/>
                <a:gd name="T68" fmla="*/ 41 w 421"/>
                <a:gd name="T69" fmla="*/ 87 h 420"/>
                <a:gd name="T70" fmla="*/ 61 w 421"/>
                <a:gd name="T71" fmla="*/ 62 h 420"/>
                <a:gd name="T72" fmla="*/ 86 w 421"/>
                <a:gd name="T73" fmla="*/ 41 h 420"/>
                <a:gd name="T74" fmla="*/ 113 w 421"/>
                <a:gd name="T75" fmla="*/ 23 h 420"/>
                <a:gd name="T76" fmla="*/ 145 w 421"/>
                <a:gd name="T77" fmla="*/ 11 h 420"/>
                <a:gd name="T78" fmla="*/ 177 w 421"/>
                <a:gd name="T79" fmla="*/ 4 h 420"/>
                <a:gd name="T80" fmla="*/ 210 w 421"/>
                <a:gd name="T81" fmla="*/ 0 h 4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21" h="420">
                  <a:moveTo>
                    <a:pt x="210" y="0"/>
                  </a:moveTo>
                  <a:lnTo>
                    <a:pt x="244" y="4"/>
                  </a:lnTo>
                  <a:lnTo>
                    <a:pt x="277" y="11"/>
                  </a:lnTo>
                  <a:lnTo>
                    <a:pt x="307" y="23"/>
                  </a:lnTo>
                  <a:lnTo>
                    <a:pt x="335" y="41"/>
                  </a:lnTo>
                  <a:lnTo>
                    <a:pt x="360" y="62"/>
                  </a:lnTo>
                  <a:lnTo>
                    <a:pt x="381" y="87"/>
                  </a:lnTo>
                  <a:lnTo>
                    <a:pt x="397" y="114"/>
                  </a:lnTo>
                  <a:lnTo>
                    <a:pt x="411" y="144"/>
                  </a:lnTo>
                  <a:lnTo>
                    <a:pt x="418" y="176"/>
                  </a:lnTo>
                  <a:lnTo>
                    <a:pt x="421" y="210"/>
                  </a:lnTo>
                  <a:lnTo>
                    <a:pt x="418" y="245"/>
                  </a:lnTo>
                  <a:lnTo>
                    <a:pt x="411" y="277"/>
                  </a:lnTo>
                  <a:lnTo>
                    <a:pt x="397" y="307"/>
                  </a:lnTo>
                  <a:lnTo>
                    <a:pt x="381" y="334"/>
                  </a:lnTo>
                  <a:lnTo>
                    <a:pt x="360" y="359"/>
                  </a:lnTo>
                  <a:lnTo>
                    <a:pt x="335" y="380"/>
                  </a:lnTo>
                  <a:lnTo>
                    <a:pt x="307" y="397"/>
                  </a:lnTo>
                  <a:lnTo>
                    <a:pt x="277" y="410"/>
                  </a:lnTo>
                  <a:lnTo>
                    <a:pt x="244" y="418"/>
                  </a:lnTo>
                  <a:lnTo>
                    <a:pt x="210" y="420"/>
                  </a:lnTo>
                  <a:lnTo>
                    <a:pt x="177" y="418"/>
                  </a:lnTo>
                  <a:lnTo>
                    <a:pt x="145" y="410"/>
                  </a:lnTo>
                  <a:lnTo>
                    <a:pt x="113" y="397"/>
                  </a:lnTo>
                  <a:lnTo>
                    <a:pt x="86" y="380"/>
                  </a:lnTo>
                  <a:lnTo>
                    <a:pt x="61" y="359"/>
                  </a:lnTo>
                  <a:lnTo>
                    <a:pt x="41" y="334"/>
                  </a:lnTo>
                  <a:lnTo>
                    <a:pt x="24" y="307"/>
                  </a:lnTo>
                  <a:lnTo>
                    <a:pt x="11" y="277"/>
                  </a:lnTo>
                  <a:lnTo>
                    <a:pt x="3" y="245"/>
                  </a:lnTo>
                  <a:lnTo>
                    <a:pt x="0" y="210"/>
                  </a:lnTo>
                  <a:lnTo>
                    <a:pt x="3" y="176"/>
                  </a:lnTo>
                  <a:lnTo>
                    <a:pt x="11" y="144"/>
                  </a:lnTo>
                  <a:lnTo>
                    <a:pt x="24" y="114"/>
                  </a:lnTo>
                  <a:lnTo>
                    <a:pt x="41" y="87"/>
                  </a:lnTo>
                  <a:lnTo>
                    <a:pt x="61" y="62"/>
                  </a:lnTo>
                  <a:lnTo>
                    <a:pt x="86" y="41"/>
                  </a:lnTo>
                  <a:lnTo>
                    <a:pt x="113" y="23"/>
                  </a:lnTo>
                  <a:lnTo>
                    <a:pt x="145" y="11"/>
                  </a:lnTo>
                  <a:lnTo>
                    <a:pt x="177" y="4"/>
                  </a:lnTo>
                  <a:lnTo>
                    <a:pt x="21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grpSp>
        <p:nvGrpSpPr>
          <p:cNvPr id="34" name="Group 21"/>
          <p:cNvGrpSpPr>
            <a:grpSpLocks noChangeAspect="1"/>
          </p:cNvGrpSpPr>
          <p:nvPr/>
        </p:nvGrpSpPr>
        <p:grpSpPr bwMode="auto">
          <a:xfrm>
            <a:off x="6564654" y="3990917"/>
            <a:ext cx="915988" cy="915988"/>
            <a:chOff x="4082" y="2554"/>
            <a:chExt cx="577" cy="577"/>
          </a:xfrm>
          <a:solidFill>
            <a:schemeClr val="bg1"/>
          </a:solidFill>
        </p:grpSpPr>
        <p:sp>
          <p:nvSpPr>
            <p:cNvPr id="37" name="Freeform 23"/>
            <p:cNvSpPr>
              <a:spLocks noEditPoints="1"/>
            </p:cNvSpPr>
            <p:nvPr/>
          </p:nvSpPr>
          <p:spPr bwMode="auto">
            <a:xfrm>
              <a:off x="4310" y="2591"/>
              <a:ext cx="284" cy="289"/>
            </a:xfrm>
            <a:custGeom>
              <a:avLst/>
              <a:gdLst>
                <a:gd name="T0" fmla="*/ 936 w 1705"/>
                <a:gd name="T1" fmla="*/ 308 h 1731"/>
                <a:gd name="T2" fmla="*/ 922 w 1705"/>
                <a:gd name="T3" fmla="*/ 311 h 1731"/>
                <a:gd name="T4" fmla="*/ 907 w 1705"/>
                <a:gd name="T5" fmla="*/ 318 h 1731"/>
                <a:gd name="T6" fmla="*/ 896 w 1705"/>
                <a:gd name="T7" fmla="*/ 328 h 1731"/>
                <a:gd name="T8" fmla="*/ 375 w 1705"/>
                <a:gd name="T9" fmla="*/ 912 h 1731"/>
                <a:gd name="T10" fmla="*/ 366 w 1705"/>
                <a:gd name="T11" fmla="*/ 926 h 1731"/>
                <a:gd name="T12" fmla="*/ 361 w 1705"/>
                <a:gd name="T13" fmla="*/ 940 h 1731"/>
                <a:gd name="T14" fmla="*/ 360 w 1705"/>
                <a:gd name="T15" fmla="*/ 956 h 1731"/>
                <a:gd name="T16" fmla="*/ 363 w 1705"/>
                <a:gd name="T17" fmla="*/ 970 h 1731"/>
                <a:gd name="T18" fmla="*/ 370 w 1705"/>
                <a:gd name="T19" fmla="*/ 985 h 1731"/>
                <a:gd name="T20" fmla="*/ 380 w 1705"/>
                <a:gd name="T21" fmla="*/ 997 h 1731"/>
                <a:gd name="T22" fmla="*/ 419 w 1705"/>
                <a:gd name="T23" fmla="*/ 1030 h 1731"/>
                <a:gd name="T24" fmla="*/ 432 w 1705"/>
                <a:gd name="T25" fmla="*/ 1039 h 1731"/>
                <a:gd name="T26" fmla="*/ 447 w 1705"/>
                <a:gd name="T27" fmla="*/ 1044 h 1731"/>
                <a:gd name="T28" fmla="*/ 463 w 1705"/>
                <a:gd name="T29" fmla="*/ 1046 h 1731"/>
                <a:gd name="T30" fmla="*/ 478 w 1705"/>
                <a:gd name="T31" fmla="*/ 1042 h 1731"/>
                <a:gd name="T32" fmla="*/ 492 w 1705"/>
                <a:gd name="T33" fmla="*/ 1036 h 1731"/>
                <a:gd name="T34" fmla="*/ 504 w 1705"/>
                <a:gd name="T35" fmla="*/ 1026 h 1731"/>
                <a:gd name="T36" fmla="*/ 1025 w 1705"/>
                <a:gd name="T37" fmla="*/ 441 h 1731"/>
                <a:gd name="T38" fmla="*/ 1034 w 1705"/>
                <a:gd name="T39" fmla="*/ 428 h 1731"/>
                <a:gd name="T40" fmla="*/ 1038 w 1705"/>
                <a:gd name="T41" fmla="*/ 413 h 1731"/>
                <a:gd name="T42" fmla="*/ 1039 w 1705"/>
                <a:gd name="T43" fmla="*/ 398 h 1731"/>
                <a:gd name="T44" fmla="*/ 1036 w 1705"/>
                <a:gd name="T45" fmla="*/ 382 h 1731"/>
                <a:gd name="T46" fmla="*/ 1029 w 1705"/>
                <a:gd name="T47" fmla="*/ 369 h 1731"/>
                <a:gd name="T48" fmla="*/ 1019 w 1705"/>
                <a:gd name="T49" fmla="*/ 357 h 1731"/>
                <a:gd name="T50" fmla="*/ 980 w 1705"/>
                <a:gd name="T51" fmla="*/ 322 h 1731"/>
                <a:gd name="T52" fmla="*/ 968 w 1705"/>
                <a:gd name="T53" fmla="*/ 315 h 1731"/>
                <a:gd name="T54" fmla="*/ 953 w 1705"/>
                <a:gd name="T55" fmla="*/ 309 h 1731"/>
                <a:gd name="T56" fmla="*/ 936 w 1705"/>
                <a:gd name="T57" fmla="*/ 308 h 1731"/>
                <a:gd name="T58" fmla="*/ 981 w 1705"/>
                <a:gd name="T59" fmla="*/ 0 h 1731"/>
                <a:gd name="T60" fmla="*/ 1705 w 1705"/>
                <a:gd name="T61" fmla="*/ 632 h 1731"/>
                <a:gd name="T62" fmla="*/ 724 w 1705"/>
                <a:gd name="T63" fmla="*/ 1731 h 1731"/>
                <a:gd name="T64" fmla="*/ 0 w 1705"/>
                <a:gd name="T65" fmla="*/ 1100 h 1731"/>
                <a:gd name="T66" fmla="*/ 981 w 1705"/>
                <a:gd name="T67" fmla="*/ 0 h 17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705" h="1731">
                  <a:moveTo>
                    <a:pt x="936" y="308"/>
                  </a:moveTo>
                  <a:lnTo>
                    <a:pt x="922" y="311"/>
                  </a:lnTo>
                  <a:lnTo>
                    <a:pt x="907" y="318"/>
                  </a:lnTo>
                  <a:lnTo>
                    <a:pt x="896" y="328"/>
                  </a:lnTo>
                  <a:lnTo>
                    <a:pt x="375" y="912"/>
                  </a:lnTo>
                  <a:lnTo>
                    <a:pt x="366" y="926"/>
                  </a:lnTo>
                  <a:lnTo>
                    <a:pt x="361" y="940"/>
                  </a:lnTo>
                  <a:lnTo>
                    <a:pt x="360" y="956"/>
                  </a:lnTo>
                  <a:lnTo>
                    <a:pt x="363" y="970"/>
                  </a:lnTo>
                  <a:lnTo>
                    <a:pt x="370" y="985"/>
                  </a:lnTo>
                  <a:lnTo>
                    <a:pt x="380" y="997"/>
                  </a:lnTo>
                  <a:lnTo>
                    <a:pt x="419" y="1030"/>
                  </a:lnTo>
                  <a:lnTo>
                    <a:pt x="432" y="1039"/>
                  </a:lnTo>
                  <a:lnTo>
                    <a:pt x="447" y="1044"/>
                  </a:lnTo>
                  <a:lnTo>
                    <a:pt x="463" y="1046"/>
                  </a:lnTo>
                  <a:lnTo>
                    <a:pt x="478" y="1042"/>
                  </a:lnTo>
                  <a:lnTo>
                    <a:pt x="492" y="1036"/>
                  </a:lnTo>
                  <a:lnTo>
                    <a:pt x="504" y="1026"/>
                  </a:lnTo>
                  <a:lnTo>
                    <a:pt x="1025" y="441"/>
                  </a:lnTo>
                  <a:lnTo>
                    <a:pt x="1034" y="428"/>
                  </a:lnTo>
                  <a:lnTo>
                    <a:pt x="1038" y="413"/>
                  </a:lnTo>
                  <a:lnTo>
                    <a:pt x="1039" y="398"/>
                  </a:lnTo>
                  <a:lnTo>
                    <a:pt x="1036" y="382"/>
                  </a:lnTo>
                  <a:lnTo>
                    <a:pt x="1029" y="369"/>
                  </a:lnTo>
                  <a:lnTo>
                    <a:pt x="1019" y="357"/>
                  </a:lnTo>
                  <a:lnTo>
                    <a:pt x="980" y="322"/>
                  </a:lnTo>
                  <a:lnTo>
                    <a:pt x="968" y="315"/>
                  </a:lnTo>
                  <a:lnTo>
                    <a:pt x="953" y="309"/>
                  </a:lnTo>
                  <a:lnTo>
                    <a:pt x="936" y="308"/>
                  </a:lnTo>
                  <a:close/>
                  <a:moveTo>
                    <a:pt x="981" y="0"/>
                  </a:moveTo>
                  <a:lnTo>
                    <a:pt x="1705" y="632"/>
                  </a:lnTo>
                  <a:lnTo>
                    <a:pt x="724" y="1731"/>
                  </a:lnTo>
                  <a:lnTo>
                    <a:pt x="0" y="1100"/>
                  </a:lnTo>
                  <a:lnTo>
                    <a:pt x="98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38" name="Freeform 24"/>
            <p:cNvSpPr>
              <a:spLocks noEditPoints="1"/>
            </p:cNvSpPr>
            <p:nvPr/>
          </p:nvSpPr>
          <p:spPr bwMode="auto">
            <a:xfrm>
              <a:off x="4082" y="2994"/>
              <a:ext cx="136" cy="137"/>
            </a:xfrm>
            <a:custGeom>
              <a:avLst/>
              <a:gdLst>
                <a:gd name="T0" fmla="*/ 268 w 816"/>
                <a:gd name="T1" fmla="*/ 241 h 825"/>
                <a:gd name="T2" fmla="*/ 180 w 816"/>
                <a:gd name="T3" fmla="*/ 562 h 825"/>
                <a:gd name="T4" fmla="*/ 179 w 816"/>
                <a:gd name="T5" fmla="*/ 577 h 825"/>
                <a:gd name="T6" fmla="*/ 181 w 816"/>
                <a:gd name="T7" fmla="*/ 592 h 825"/>
                <a:gd name="T8" fmla="*/ 187 w 816"/>
                <a:gd name="T9" fmla="*/ 605 h 825"/>
                <a:gd name="T10" fmla="*/ 197 w 816"/>
                <a:gd name="T11" fmla="*/ 616 h 825"/>
                <a:gd name="T12" fmla="*/ 210 w 816"/>
                <a:gd name="T13" fmla="*/ 624 h 825"/>
                <a:gd name="T14" fmla="*/ 224 w 816"/>
                <a:gd name="T15" fmla="*/ 629 h 825"/>
                <a:gd name="T16" fmla="*/ 238 w 816"/>
                <a:gd name="T17" fmla="*/ 629 h 825"/>
                <a:gd name="T18" fmla="*/ 253 w 816"/>
                <a:gd name="T19" fmla="*/ 625 h 825"/>
                <a:gd name="T20" fmla="*/ 564 w 816"/>
                <a:gd name="T21" fmla="*/ 501 h 825"/>
                <a:gd name="T22" fmla="*/ 268 w 816"/>
                <a:gd name="T23" fmla="*/ 241 h 825"/>
                <a:gd name="T24" fmla="*/ 193 w 816"/>
                <a:gd name="T25" fmla="*/ 0 h 825"/>
                <a:gd name="T26" fmla="*/ 816 w 816"/>
                <a:gd name="T27" fmla="*/ 543 h 825"/>
                <a:gd name="T28" fmla="*/ 134 w 816"/>
                <a:gd name="T29" fmla="*/ 817 h 825"/>
                <a:gd name="T30" fmla="*/ 113 w 816"/>
                <a:gd name="T31" fmla="*/ 824 h 825"/>
                <a:gd name="T32" fmla="*/ 92 w 816"/>
                <a:gd name="T33" fmla="*/ 825 h 825"/>
                <a:gd name="T34" fmla="*/ 70 w 816"/>
                <a:gd name="T35" fmla="*/ 820 h 825"/>
                <a:gd name="T36" fmla="*/ 51 w 816"/>
                <a:gd name="T37" fmla="*/ 812 h 825"/>
                <a:gd name="T38" fmla="*/ 33 w 816"/>
                <a:gd name="T39" fmla="*/ 800 h 825"/>
                <a:gd name="T40" fmla="*/ 19 w 816"/>
                <a:gd name="T41" fmla="*/ 785 h 825"/>
                <a:gd name="T42" fmla="*/ 8 w 816"/>
                <a:gd name="T43" fmla="*/ 766 h 825"/>
                <a:gd name="T44" fmla="*/ 2 w 816"/>
                <a:gd name="T45" fmla="*/ 746 h 825"/>
                <a:gd name="T46" fmla="*/ 0 w 816"/>
                <a:gd name="T47" fmla="*/ 725 h 825"/>
                <a:gd name="T48" fmla="*/ 0 w 816"/>
                <a:gd name="T49" fmla="*/ 724 h 825"/>
                <a:gd name="T50" fmla="*/ 3 w 816"/>
                <a:gd name="T51" fmla="*/ 703 h 825"/>
                <a:gd name="T52" fmla="*/ 193 w 816"/>
                <a:gd name="T53" fmla="*/ 0 h 8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16" h="825">
                  <a:moveTo>
                    <a:pt x="268" y="241"/>
                  </a:moveTo>
                  <a:lnTo>
                    <a:pt x="180" y="562"/>
                  </a:lnTo>
                  <a:lnTo>
                    <a:pt x="179" y="577"/>
                  </a:lnTo>
                  <a:lnTo>
                    <a:pt x="181" y="592"/>
                  </a:lnTo>
                  <a:lnTo>
                    <a:pt x="187" y="605"/>
                  </a:lnTo>
                  <a:lnTo>
                    <a:pt x="197" y="616"/>
                  </a:lnTo>
                  <a:lnTo>
                    <a:pt x="210" y="624"/>
                  </a:lnTo>
                  <a:lnTo>
                    <a:pt x="224" y="629"/>
                  </a:lnTo>
                  <a:lnTo>
                    <a:pt x="238" y="629"/>
                  </a:lnTo>
                  <a:lnTo>
                    <a:pt x="253" y="625"/>
                  </a:lnTo>
                  <a:lnTo>
                    <a:pt x="564" y="501"/>
                  </a:lnTo>
                  <a:lnTo>
                    <a:pt x="268" y="241"/>
                  </a:lnTo>
                  <a:close/>
                  <a:moveTo>
                    <a:pt x="193" y="0"/>
                  </a:moveTo>
                  <a:lnTo>
                    <a:pt x="816" y="543"/>
                  </a:lnTo>
                  <a:lnTo>
                    <a:pt x="134" y="817"/>
                  </a:lnTo>
                  <a:lnTo>
                    <a:pt x="113" y="824"/>
                  </a:lnTo>
                  <a:lnTo>
                    <a:pt x="92" y="825"/>
                  </a:lnTo>
                  <a:lnTo>
                    <a:pt x="70" y="820"/>
                  </a:lnTo>
                  <a:lnTo>
                    <a:pt x="51" y="812"/>
                  </a:lnTo>
                  <a:lnTo>
                    <a:pt x="33" y="800"/>
                  </a:lnTo>
                  <a:lnTo>
                    <a:pt x="19" y="785"/>
                  </a:lnTo>
                  <a:lnTo>
                    <a:pt x="8" y="766"/>
                  </a:lnTo>
                  <a:lnTo>
                    <a:pt x="2" y="746"/>
                  </a:lnTo>
                  <a:lnTo>
                    <a:pt x="0" y="725"/>
                  </a:lnTo>
                  <a:lnTo>
                    <a:pt x="0" y="724"/>
                  </a:lnTo>
                  <a:lnTo>
                    <a:pt x="3" y="703"/>
                  </a:lnTo>
                  <a:lnTo>
                    <a:pt x="19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39" name="Freeform 25"/>
            <p:cNvSpPr>
              <a:spLocks noEditPoints="1"/>
            </p:cNvSpPr>
            <p:nvPr/>
          </p:nvSpPr>
          <p:spPr bwMode="auto">
            <a:xfrm>
              <a:off x="4132" y="2791"/>
              <a:ext cx="263" cy="271"/>
            </a:xfrm>
            <a:custGeom>
              <a:avLst/>
              <a:gdLst>
                <a:gd name="T0" fmla="*/ 968 w 1581"/>
                <a:gd name="T1" fmla="*/ 294 h 1626"/>
                <a:gd name="T2" fmla="*/ 952 w 1581"/>
                <a:gd name="T3" fmla="*/ 297 h 1626"/>
                <a:gd name="T4" fmla="*/ 938 w 1581"/>
                <a:gd name="T5" fmla="*/ 304 h 1626"/>
                <a:gd name="T6" fmla="*/ 926 w 1581"/>
                <a:gd name="T7" fmla="*/ 314 h 1626"/>
                <a:gd name="T8" fmla="*/ 316 w 1581"/>
                <a:gd name="T9" fmla="*/ 999 h 1626"/>
                <a:gd name="T10" fmla="*/ 307 w 1581"/>
                <a:gd name="T11" fmla="*/ 1011 h 1626"/>
                <a:gd name="T12" fmla="*/ 302 w 1581"/>
                <a:gd name="T13" fmla="*/ 1027 h 1626"/>
                <a:gd name="T14" fmla="*/ 301 w 1581"/>
                <a:gd name="T15" fmla="*/ 1042 h 1626"/>
                <a:gd name="T16" fmla="*/ 305 w 1581"/>
                <a:gd name="T17" fmla="*/ 1057 h 1626"/>
                <a:gd name="T18" fmla="*/ 311 w 1581"/>
                <a:gd name="T19" fmla="*/ 1071 h 1626"/>
                <a:gd name="T20" fmla="*/ 321 w 1581"/>
                <a:gd name="T21" fmla="*/ 1082 h 1626"/>
                <a:gd name="T22" fmla="*/ 361 w 1581"/>
                <a:gd name="T23" fmla="*/ 1117 h 1626"/>
                <a:gd name="T24" fmla="*/ 374 w 1581"/>
                <a:gd name="T25" fmla="*/ 1125 h 1626"/>
                <a:gd name="T26" fmla="*/ 389 w 1581"/>
                <a:gd name="T27" fmla="*/ 1130 h 1626"/>
                <a:gd name="T28" fmla="*/ 403 w 1581"/>
                <a:gd name="T29" fmla="*/ 1131 h 1626"/>
                <a:gd name="T30" fmla="*/ 419 w 1581"/>
                <a:gd name="T31" fmla="*/ 1129 h 1626"/>
                <a:gd name="T32" fmla="*/ 432 w 1581"/>
                <a:gd name="T33" fmla="*/ 1122 h 1626"/>
                <a:gd name="T34" fmla="*/ 445 w 1581"/>
                <a:gd name="T35" fmla="*/ 1111 h 1626"/>
                <a:gd name="T36" fmla="*/ 1055 w 1581"/>
                <a:gd name="T37" fmla="*/ 427 h 1626"/>
                <a:gd name="T38" fmla="*/ 1064 w 1581"/>
                <a:gd name="T39" fmla="*/ 413 h 1626"/>
                <a:gd name="T40" fmla="*/ 1068 w 1581"/>
                <a:gd name="T41" fmla="*/ 399 h 1626"/>
                <a:gd name="T42" fmla="*/ 1069 w 1581"/>
                <a:gd name="T43" fmla="*/ 383 h 1626"/>
                <a:gd name="T44" fmla="*/ 1067 w 1581"/>
                <a:gd name="T45" fmla="*/ 368 h 1626"/>
                <a:gd name="T46" fmla="*/ 1060 w 1581"/>
                <a:gd name="T47" fmla="*/ 355 h 1626"/>
                <a:gd name="T48" fmla="*/ 1050 w 1581"/>
                <a:gd name="T49" fmla="*/ 342 h 1626"/>
                <a:gd name="T50" fmla="*/ 1011 w 1581"/>
                <a:gd name="T51" fmla="*/ 308 h 1626"/>
                <a:gd name="T52" fmla="*/ 998 w 1581"/>
                <a:gd name="T53" fmla="*/ 299 h 1626"/>
                <a:gd name="T54" fmla="*/ 983 w 1581"/>
                <a:gd name="T55" fmla="*/ 295 h 1626"/>
                <a:gd name="T56" fmla="*/ 968 w 1581"/>
                <a:gd name="T57" fmla="*/ 294 h 1626"/>
                <a:gd name="T58" fmla="*/ 979 w 1581"/>
                <a:gd name="T59" fmla="*/ 0 h 1626"/>
                <a:gd name="T60" fmla="*/ 1581 w 1581"/>
                <a:gd name="T61" fmla="*/ 527 h 1626"/>
                <a:gd name="T62" fmla="*/ 602 w 1581"/>
                <a:gd name="T63" fmla="*/ 1626 h 1626"/>
                <a:gd name="T64" fmla="*/ 0 w 1581"/>
                <a:gd name="T65" fmla="*/ 1099 h 1626"/>
                <a:gd name="T66" fmla="*/ 979 w 1581"/>
                <a:gd name="T67" fmla="*/ 0 h 16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581" h="1626">
                  <a:moveTo>
                    <a:pt x="968" y="294"/>
                  </a:moveTo>
                  <a:lnTo>
                    <a:pt x="952" y="297"/>
                  </a:lnTo>
                  <a:lnTo>
                    <a:pt x="938" y="304"/>
                  </a:lnTo>
                  <a:lnTo>
                    <a:pt x="926" y="314"/>
                  </a:lnTo>
                  <a:lnTo>
                    <a:pt x="316" y="999"/>
                  </a:lnTo>
                  <a:lnTo>
                    <a:pt x="307" y="1011"/>
                  </a:lnTo>
                  <a:lnTo>
                    <a:pt x="302" y="1027"/>
                  </a:lnTo>
                  <a:lnTo>
                    <a:pt x="301" y="1042"/>
                  </a:lnTo>
                  <a:lnTo>
                    <a:pt x="305" y="1057"/>
                  </a:lnTo>
                  <a:lnTo>
                    <a:pt x="311" y="1071"/>
                  </a:lnTo>
                  <a:lnTo>
                    <a:pt x="321" y="1082"/>
                  </a:lnTo>
                  <a:lnTo>
                    <a:pt x="361" y="1117"/>
                  </a:lnTo>
                  <a:lnTo>
                    <a:pt x="374" y="1125"/>
                  </a:lnTo>
                  <a:lnTo>
                    <a:pt x="389" y="1130"/>
                  </a:lnTo>
                  <a:lnTo>
                    <a:pt x="403" y="1131"/>
                  </a:lnTo>
                  <a:lnTo>
                    <a:pt x="419" y="1129"/>
                  </a:lnTo>
                  <a:lnTo>
                    <a:pt x="432" y="1122"/>
                  </a:lnTo>
                  <a:lnTo>
                    <a:pt x="445" y="1111"/>
                  </a:lnTo>
                  <a:lnTo>
                    <a:pt x="1055" y="427"/>
                  </a:lnTo>
                  <a:lnTo>
                    <a:pt x="1064" y="413"/>
                  </a:lnTo>
                  <a:lnTo>
                    <a:pt x="1068" y="399"/>
                  </a:lnTo>
                  <a:lnTo>
                    <a:pt x="1069" y="383"/>
                  </a:lnTo>
                  <a:lnTo>
                    <a:pt x="1067" y="368"/>
                  </a:lnTo>
                  <a:lnTo>
                    <a:pt x="1060" y="355"/>
                  </a:lnTo>
                  <a:lnTo>
                    <a:pt x="1050" y="342"/>
                  </a:lnTo>
                  <a:lnTo>
                    <a:pt x="1011" y="308"/>
                  </a:lnTo>
                  <a:lnTo>
                    <a:pt x="998" y="299"/>
                  </a:lnTo>
                  <a:lnTo>
                    <a:pt x="983" y="295"/>
                  </a:lnTo>
                  <a:lnTo>
                    <a:pt x="968" y="294"/>
                  </a:lnTo>
                  <a:close/>
                  <a:moveTo>
                    <a:pt x="979" y="0"/>
                  </a:moveTo>
                  <a:lnTo>
                    <a:pt x="1581" y="527"/>
                  </a:lnTo>
                  <a:lnTo>
                    <a:pt x="602" y="1626"/>
                  </a:lnTo>
                  <a:lnTo>
                    <a:pt x="0" y="1099"/>
                  </a:lnTo>
                  <a:lnTo>
                    <a:pt x="97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40" name="Freeform 26"/>
            <p:cNvSpPr>
              <a:spLocks/>
            </p:cNvSpPr>
            <p:nvPr/>
          </p:nvSpPr>
          <p:spPr bwMode="auto">
            <a:xfrm>
              <a:off x="4343" y="2680"/>
              <a:ext cx="316" cy="355"/>
            </a:xfrm>
            <a:custGeom>
              <a:avLst/>
              <a:gdLst>
                <a:gd name="T0" fmla="*/ 1748 w 1893"/>
                <a:gd name="T1" fmla="*/ 0 h 2127"/>
                <a:gd name="T2" fmla="*/ 1829 w 1893"/>
                <a:gd name="T3" fmla="*/ 70 h 2127"/>
                <a:gd name="T4" fmla="*/ 1852 w 1893"/>
                <a:gd name="T5" fmla="*/ 95 h 2127"/>
                <a:gd name="T6" fmla="*/ 1870 w 1893"/>
                <a:gd name="T7" fmla="*/ 122 h 2127"/>
                <a:gd name="T8" fmla="*/ 1882 w 1893"/>
                <a:gd name="T9" fmla="*/ 151 h 2127"/>
                <a:gd name="T10" fmla="*/ 1890 w 1893"/>
                <a:gd name="T11" fmla="*/ 183 h 2127"/>
                <a:gd name="T12" fmla="*/ 1893 w 1893"/>
                <a:gd name="T13" fmla="*/ 214 h 2127"/>
                <a:gd name="T14" fmla="*/ 1889 w 1893"/>
                <a:gd name="T15" fmla="*/ 246 h 2127"/>
                <a:gd name="T16" fmla="*/ 1880 w 1893"/>
                <a:gd name="T17" fmla="*/ 277 h 2127"/>
                <a:gd name="T18" fmla="*/ 1866 w 1893"/>
                <a:gd name="T19" fmla="*/ 306 h 2127"/>
                <a:gd name="T20" fmla="*/ 1846 w 1893"/>
                <a:gd name="T21" fmla="*/ 333 h 2127"/>
                <a:gd name="T22" fmla="*/ 277 w 1893"/>
                <a:gd name="T23" fmla="*/ 2093 h 2127"/>
                <a:gd name="T24" fmla="*/ 262 w 1893"/>
                <a:gd name="T25" fmla="*/ 2107 h 2127"/>
                <a:gd name="T26" fmla="*/ 245 w 1893"/>
                <a:gd name="T27" fmla="*/ 2117 h 2127"/>
                <a:gd name="T28" fmla="*/ 227 w 1893"/>
                <a:gd name="T29" fmla="*/ 2123 h 2127"/>
                <a:gd name="T30" fmla="*/ 208 w 1893"/>
                <a:gd name="T31" fmla="*/ 2127 h 2127"/>
                <a:gd name="T32" fmla="*/ 188 w 1893"/>
                <a:gd name="T33" fmla="*/ 2126 h 2127"/>
                <a:gd name="T34" fmla="*/ 169 w 1893"/>
                <a:gd name="T35" fmla="*/ 2121 h 2127"/>
                <a:gd name="T36" fmla="*/ 151 w 1893"/>
                <a:gd name="T37" fmla="*/ 2113 h 2127"/>
                <a:gd name="T38" fmla="*/ 135 w 1893"/>
                <a:gd name="T39" fmla="*/ 2102 h 2127"/>
                <a:gd name="T40" fmla="*/ 84 w 1893"/>
                <a:gd name="T41" fmla="*/ 2057 h 2127"/>
                <a:gd name="T42" fmla="*/ 57 w 1893"/>
                <a:gd name="T43" fmla="*/ 2029 h 2127"/>
                <a:gd name="T44" fmla="*/ 35 w 1893"/>
                <a:gd name="T45" fmla="*/ 1997 h 2127"/>
                <a:gd name="T46" fmla="*/ 18 w 1893"/>
                <a:gd name="T47" fmla="*/ 1963 h 2127"/>
                <a:gd name="T48" fmla="*/ 5 w 1893"/>
                <a:gd name="T49" fmla="*/ 1926 h 2127"/>
                <a:gd name="T50" fmla="*/ 0 w 1893"/>
                <a:gd name="T51" fmla="*/ 1888 h 2127"/>
                <a:gd name="T52" fmla="*/ 1 w 1893"/>
                <a:gd name="T53" fmla="*/ 1849 h 2127"/>
                <a:gd name="T54" fmla="*/ 8 w 1893"/>
                <a:gd name="T55" fmla="*/ 1812 h 2127"/>
                <a:gd name="T56" fmla="*/ 20 w 1893"/>
                <a:gd name="T57" fmla="*/ 1775 h 2127"/>
                <a:gd name="T58" fmla="*/ 38 w 1893"/>
                <a:gd name="T59" fmla="*/ 1741 h 2127"/>
                <a:gd name="T60" fmla="*/ 61 w 1893"/>
                <a:gd name="T61" fmla="*/ 1710 h 2127"/>
                <a:gd name="T62" fmla="*/ 279 w 1893"/>
                <a:gd name="T63" fmla="*/ 1467 h 2127"/>
                <a:gd name="T64" fmla="*/ 296 w 1893"/>
                <a:gd name="T65" fmla="*/ 1451 h 2127"/>
                <a:gd name="T66" fmla="*/ 315 w 1893"/>
                <a:gd name="T67" fmla="*/ 1441 h 2127"/>
                <a:gd name="T68" fmla="*/ 335 w 1893"/>
                <a:gd name="T69" fmla="*/ 1436 h 2127"/>
                <a:gd name="T70" fmla="*/ 356 w 1893"/>
                <a:gd name="T71" fmla="*/ 1435 h 2127"/>
                <a:gd name="T72" fmla="*/ 377 w 1893"/>
                <a:gd name="T73" fmla="*/ 1438 h 2127"/>
                <a:gd name="T74" fmla="*/ 397 w 1893"/>
                <a:gd name="T75" fmla="*/ 1446 h 2127"/>
                <a:gd name="T76" fmla="*/ 417 w 1893"/>
                <a:gd name="T77" fmla="*/ 1458 h 2127"/>
                <a:gd name="T78" fmla="*/ 434 w 1893"/>
                <a:gd name="T79" fmla="*/ 1475 h 2127"/>
                <a:gd name="T80" fmla="*/ 1748 w 1893"/>
                <a:gd name="T81" fmla="*/ 0 h 2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893" h="2127">
                  <a:moveTo>
                    <a:pt x="1748" y="0"/>
                  </a:moveTo>
                  <a:lnTo>
                    <a:pt x="1829" y="70"/>
                  </a:lnTo>
                  <a:lnTo>
                    <a:pt x="1852" y="95"/>
                  </a:lnTo>
                  <a:lnTo>
                    <a:pt x="1870" y="122"/>
                  </a:lnTo>
                  <a:lnTo>
                    <a:pt x="1882" y="151"/>
                  </a:lnTo>
                  <a:lnTo>
                    <a:pt x="1890" y="183"/>
                  </a:lnTo>
                  <a:lnTo>
                    <a:pt x="1893" y="214"/>
                  </a:lnTo>
                  <a:lnTo>
                    <a:pt x="1889" y="246"/>
                  </a:lnTo>
                  <a:lnTo>
                    <a:pt x="1880" y="277"/>
                  </a:lnTo>
                  <a:lnTo>
                    <a:pt x="1866" y="306"/>
                  </a:lnTo>
                  <a:lnTo>
                    <a:pt x="1846" y="333"/>
                  </a:lnTo>
                  <a:lnTo>
                    <a:pt x="277" y="2093"/>
                  </a:lnTo>
                  <a:lnTo>
                    <a:pt x="262" y="2107"/>
                  </a:lnTo>
                  <a:lnTo>
                    <a:pt x="245" y="2117"/>
                  </a:lnTo>
                  <a:lnTo>
                    <a:pt x="227" y="2123"/>
                  </a:lnTo>
                  <a:lnTo>
                    <a:pt x="208" y="2127"/>
                  </a:lnTo>
                  <a:lnTo>
                    <a:pt x="188" y="2126"/>
                  </a:lnTo>
                  <a:lnTo>
                    <a:pt x="169" y="2121"/>
                  </a:lnTo>
                  <a:lnTo>
                    <a:pt x="151" y="2113"/>
                  </a:lnTo>
                  <a:lnTo>
                    <a:pt x="135" y="2102"/>
                  </a:lnTo>
                  <a:lnTo>
                    <a:pt x="84" y="2057"/>
                  </a:lnTo>
                  <a:lnTo>
                    <a:pt x="57" y="2029"/>
                  </a:lnTo>
                  <a:lnTo>
                    <a:pt x="35" y="1997"/>
                  </a:lnTo>
                  <a:lnTo>
                    <a:pt x="18" y="1963"/>
                  </a:lnTo>
                  <a:lnTo>
                    <a:pt x="5" y="1926"/>
                  </a:lnTo>
                  <a:lnTo>
                    <a:pt x="0" y="1888"/>
                  </a:lnTo>
                  <a:lnTo>
                    <a:pt x="1" y="1849"/>
                  </a:lnTo>
                  <a:lnTo>
                    <a:pt x="8" y="1812"/>
                  </a:lnTo>
                  <a:lnTo>
                    <a:pt x="20" y="1775"/>
                  </a:lnTo>
                  <a:lnTo>
                    <a:pt x="38" y="1741"/>
                  </a:lnTo>
                  <a:lnTo>
                    <a:pt x="61" y="1710"/>
                  </a:lnTo>
                  <a:lnTo>
                    <a:pt x="279" y="1467"/>
                  </a:lnTo>
                  <a:lnTo>
                    <a:pt x="296" y="1451"/>
                  </a:lnTo>
                  <a:lnTo>
                    <a:pt x="315" y="1441"/>
                  </a:lnTo>
                  <a:lnTo>
                    <a:pt x="335" y="1436"/>
                  </a:lnTo>
                  <a:lnTo>
                    <a:pt x="356" y="1435"/>
                  </a:lnTo>
                  <a:lnTo>
                    <a:pt x="377" y="1438"/>
                  </a:lnTo>
                  <a:lnTo>
                    <a:pt x="397" y="1446"/>
                  </a:lnTo>
                  <a:lnTo>
                    <a:pt x="417" y="1458"/>
                  </a:lnTo>
                  <a:lnTo>
                    <a:pt x="434" y="1475"/>
                  </a:lnTo>
                  <a:lnTo>
                    <a:pt x="1748"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41" name="Freeform 27"/>
            <p:cNvSpPr>
              <a:spLocks/>
            </p:cNvSpPr>
            <p:nvPr/>
          </p:nvSpPr>
          <p:spPr bwMode="auto">
            <a:xfrm>
              <a:off x="4491" y="2554"/>
              <a:ext cx="117" cy="111"/>
            </a:xfrm>
            <a:custGeom>
              <a:avLst/>
              <a:gdLst>
                <a:gd name="T0" fmla="*/ 321 w 706"/>
                <a:gd name="T1" fmla="*/ 0 h 663"/>
                <a:gd name="T2" fmla="*/ 366 w 706"/>
                <a:gd name="T3" fmla="*/ 5 h 663"/>
                <a:gd name="T4" fmla="*/ 409 w 706"/>
                <a:gd name="T5" fmla="*/ 13 h 663"/>
                <a:gd name="T6" fmla="*/ 452 w 706"/>
                <a:gd name="T7" fmla="*/ 28 h 663"/>
                <a:gd name="T8" fmla="*/ 493 w 706"/>
                <a:gd name="T9" fmla="*/ 47 h 663"/>
                <a:gd name="T10" fmla="*/ 533 w 706"/>
                <a:gd name="T11" fmla="*/ 70 h 663"/>
                <a:gd name="T12" fmla="*/ 570 w 706"/>
                <a:gd name="T13" fmla="*/ 99 h 663"/>
                <a:gd name="T14" fmla="*/ 603 w 706"/>
                <a:gd name="T15" fmla="*/ 132 h 663"/>
                <a:gd name="T16" fmla="*/ 632 w 706"/>
                <a:gd name="T17" fmla="*/ 168 h 663"/>
                <a:gd name="T18" fmla="*/ 656 w 706"/>
                <a:gd name="T19" fmla="*/ 206 h 663"/>
                <a:gd name="T20" fmla="*/ 676 w 706"/>
                <a:gd name="T21" fmla="*/ 246 h 663"/>
                <a:gd name="T22" fmla="*/ 691 w 706"/>
                <a:gd name="T23" fmla="*/ 287 h 663"/>
                <a:gd name="T24" fmla="*/ 701 w 706"/>
                <a:gd name="T25" fmla="*/ 331 h 663"/>
                <a:gd name="T26" fmla="*/ 705 w 706"/>
                <a:gd name="T27" fmla="*/ 374 h 663"/>
                <a:gd name="T28" fmla="*/ 706 w 706"/>
                <a:gd name="T29" fmla="*/ 418 h 663"/>
                <a:gd name="T30" fmla="*/ 702 w 706"/>
                <a:gd name="T31" fmla="*/ 461 h 663"/>
                <a:gd name="T32" fmla="*/ 692 w 706"/>
                <a:gd name="T33" fmla="*/ 505 h 663"/>
                <a:gd name="T34" fmla="*/ 677 w 706"/>
                <a:gd name="T35" fmla="*/ 547 h 663"/>
                <a:gd name="T36" fmla="*/ 658 w 706"/>
                <a:gd name="T37" fmla="*/ 588 h 663"/>
                <a:gd name="T38" fmla="*/ 635 w 706"/>
                <a:gd name="T39" fmla="*/ 627 h 663"/>
                <a:gd name="T40" fmla="*/ 605 w 706"/>
                <a:gd name="T41" fmla="*/ 663 h 663"/>
                <a:gd name="T42" fmla="*/ 0 w 706"/>
                <a:gd name="T43" fmla="*/ 134 h 663"/>
                <a:gd name="T44" fmla="*/ 33 w 706"/>
                <a:gd name="T45" fmla="*/ 101 h 663"/>
                <a:gd name="T46" fmla="*/ 69 w 706"/>
                <a:gd name="T47" fmla="*/ 73 h 663"/>
                <a:gd name="T48" fmla="*/ 107 w 706"/>
                <a:gd name="T49" fmla="*/ 49 h 663"/>
                <a:gd name="T50" fmla="*/ 147 w 706"/>
                <a:gd name="T51" fmla="*/ 30 h 663"/>
                <a:gd name="T52" fmla="*/ 190 w 706"/>
                <a:gd name="T53" fmla="*/ 15 h 663"/>
                <a:gd name="T54" fmla="*/ 234 w 706"/>
                <a:gd name="T55" fmla="*/ 6 h 663"/>
                <a:gd name="T56" fmla="*/ 277 w 706"/>
                <a:gd name="T57" fmla="*/ 0 h 663"/>
                <a:gd name="T58" fmla="*/ 321 w 706"/>
                <a:gd name="T59" fmla="*/ 0 h 6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706" h="663">
                  <a:moveTo>
                    <a:pt x="321" y="0"/>
                  </a:moveTo>
                  <a:lnTo>
                    <a:pt x="366" y="5"/>
                  </a:lnTo>
                  <a:lnTo>
                    <a:pt x="409" y="13"/>
                  </a:lnTo>
                  <a:lnTo>
                    <a:pt x="452" y="28"/>
                  </a:lnTo>
                  <a:lnTo>
                    <a:pt x="493" y="47"/>
                  </a:lnTo>
                  <a:lnTo>
                    <a:pt x="533" y="70"/>
                  </a:lnTo>
                  <a:lnTo>
                    <a:pt x="570" y="99"/>
                  </a:lnTo>
                  <a:lnTo>
                    <a:pt x="603" y="132"/>
                  </a:lnTo>
                  <a:lnTo>
                    <a:pt x="632" y="168"/>
                  </a:lnTo>
                  <a:lnTo>
                    <a:pt x="656" y="206"/>
                  </a:lnTo>
                  <a:lnTo>
                    <a:pt x="676" y="246"/>
                  </a:lnTo>
                  <a:lnTo>
                    <a:pt x="691" y="287"/>
                  </a:lnTo>
                  <a:lnTo>
                    <a:pt x="701" y="331"/>
                  </a:lnTo>
                  <a:lnTo>
                    <a:pt x="705" y="374"/>
                  </a:lnTo>
                  <a:lnTo>
                    <a:pt x="706" y="418"/>
                  </a:lnTo>
                  <a:lnTo>
                    <a:pt x="702" y="461"/>
                  </a:lnTo>
                  <a:lnTo>
                    <a:pt x="692" y="505"/>
                  </a:lnTo>
                  <a:lnTo>
                    <a:pt x="677" y="547"/>
                  </a:lnTo>
                  <a:lnTo>
                    <a:pt x="658" y="588"/>
                  </a:lnTo>
                  <a:lnTo>
                    <a:pt x="635" y="627"/>
                  </a:lnTo>
                  <a:lnTo>
                    <a:pt x="605" y="663"/>
                  </a:lnTo>
                  <a:lnTo>
                    <a:pt x="0" y="134"/>
                  </a:lnTo>
                  <a:lnTo>
                    <a:pt x="33" y="101"/>
                  </a:lnTo>
                  <a:lnTo>
                    <a:pt x="69" y="73"/>
                  </a:lnTo>
                  <a:lnTo>
                    <a:pt x="107" y="49"/>
                  </a:lnTo>
                  <a:lnTo>
                    <a:pt x="147" y="30"/>
                  </a:lnTo>
                  <a:lnTo>
                    <a:pt x="190" y="15"/>
                  </a:lnTo>
                  <a:lnTo>
                    <a:pt x="234" y="6"/>
                  </a:lnTo>
                  <a:lnTo>
                    <a:pt x="277" y="0"/>
                  </a:lnTo>
                  <a:lnTo>
                    <a:pt x="32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23" name="Rounded Rectangle 22">
            <a:hlinkClick r:id="rId2"/>
            <a:extLst>
              <a:ext uri="{FF2B5EF4-FFF2-40B4-BE49-F238E27FC236}">
                <a16:creationId xmlns:a16="http://schemas.microsoft.com/office/drawing/2014/main" xmlns="" id="{3FCFC3B8-F721-5E41-859B-188B7ECE75A0}"/>
              </a:ext>
            </a:extLst>
          </p:cNvPr>
          <p:cNvSpPr/>
          <p:nvPr/>
        </p:nvSpPr>
        <p:spPr>
          <a:xfrm>
            <a:off x="8718412" y="3841633"/>
            <a:ext cx="3429495" cy="2996407"/>
          </a:xfrm>
          <a:prstGeom prst="round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a:lnSpc>
                <a:spcPct val="107000"/>
              </a:lnSpc>
              <a:spcAft>
                <a:spcPts val="800"/>
              </a:spcAft>
            </a:pPr>
            <a:r>
              <a:rPr lang="es-VE" sz="1500" dirty="0">
                <a:latin typeface="+mj-lt"/>
                <a:ea typeface="Calibri" panose="020F0502020204030204" pitchFamily="34" charset="0"/>
                <a:cs typeface="Times New Roman" panose="02020603050405020304" pitchFamily="18" charset="0"/>
              </a:rPr>
              <a:t>Aunque no todos los moderadores tienen los mismos objetivos, las próximas páginas dan un buen panorama de lo que debe suceder en todo tipo de grupo de enfoque, sin importar lo que busquen lograr los equipos. Esta lista también pone en evidencia la amplitud de temas que se deben tomar en cuenta al crear estos espacios.</a:t>
            </a:r>
            <a:endParaRPr lang="en-ZA" sz="1500" dirty="0">
              <a:latin typeface="+mj-lt"/>
              <a:ea typeface="Calibri" panose="020F0502020204030204" pitchFamily="34" charset="0"/>
              <a:cs typeface="Times New Roman" panose="02020603050405020304" pitchFamily="18" charset="0"/>
            </a:endParaRPr>
          </a:p>
        </p:txBody>
      </p:sp>
      <p:sp>
        <p:nvSpPr>
          <p:cNvPr id="24" name="Freeform 19">
            <a:extLst>
              <a:ext uri="{FF2B5EF4-FFF2-40B4-BE49-F238E27FC236}">
                <a16:creationId xmlns:a16="http://schemas.microsoft.com/office/drawing/2014/main" xmlns="" id="{54AD6370-1157-C04D-8BC4-C8C63335A816}"/>
              </a:ext>
            </a:extLst>
          </p:cNvPr>
          <p:cNvSpPr>
            <a:spLocks noChangeAspect="1" noEditPoints="1"/>
          </p:cNvSpPr>
          <p:nvPr/>
        </p:nvSpPr>
        <p:spPr bwMode="auto">
          <a:xfrm rot="871524">
            <a:off x="9612277" y="2639716"/>
            <a:ext cx="2137829" cy="861020"/>
          </a:xfrm>
          <a:custGeom>
            <a:avLst/>
            <a:gdLst>
              <a:gd name="T0" fmla="*/ 715 w 868"/>
              <a:gd name="T1" fmla="*/ 128 h 351"/>
              <a:gd name="T2" fmla="*/ 363 w 868"/>
              <a:gd name="T3" fmla="*/ 50 h 351"/>
              <a:gd name="T4" fmla="*/ 226 w 868"/>
              <a:gd name="T5" fmla="*/ 94 h 351"/>
              <a:gd name="T6" fmla="*/ 155 w 868"/>
              <a:gd name="T7" fmla="*/ 112 h 351"/>
              <a:gd name="T8" fmla="*/ 111 w 868"/>
              <a:gd name="T9" fmla="*/ 138 h 351"/>
              <a:gd name="T10" fmla="*/ 85 w 868"/>
              <a:gd name="T11" fmla="*/ 163 h 351"/>
              <a:gd name="T12" fmla="*/ 104 w 868"/>
              <a:gd name="T13" fmla="*/ 185 h 351"/>
              <a:gd name="T14" fmla="*/ 69 w 868"/>
              <a:gd name="T15" fmla="*/ 174 h 351"/>
              <a:gd name="T16" fmla="*/ 92 w 868"/>
              <a:gd name="T17" fmla="*/ 203 h 351"/>
              <a:gd name="T18" fmla="*/ 66 w 868"/>
              <a:gd name="T19" fmla="*/ 192 h 351"/>
              <a:gd name="T20" fmla="*/ 75 w 868"/>
              <a:gd name="T21" fmla="*/ 207 h 351"/>
              <a:gd name="T22" fmla="*/ 72 w 868"/>
              <a:gd name="T23" fmla="*/ 224 h 351"/>
              <a:gd name="T24" fmla="*/ 64 w 868"/>
              <a:gd name="T25" fmla="*/ 228 h 351"/>
              <a:gd name="T26" fmla="*/ 29 w 868"/>
              <a:gd name="T27" fmla="*/ 217 h 351"/>
              <a:gd name="T28" fmla="*/ 31 w 868"/>
              <a:gd name="T29" fmla="*/ 228 h 351"/>
              <a:gd name="T30" fmla="*/ 53 w 868"/>
              <a:gd name="T31" fmla="*/ 253 h 351"/>
              <a:gd name="T32" fmla="*/ 36 w 868"/>
              <a:gd name="T33" fmla="*/ 257 h 351"/>
              <a:gd name="T34" fmla="*/ 774 w 868"/>
              <a:gd name="T35" fmla="*/ 258 h 351"/>
              <a:gd name="T36" fmla="*/ 640 w 868"/>
              <a:gd name="T37" fmla="*/ 136 h 351"/>
              <a:gd name="T38" fmla="*/ 376 w 868"/>
              <a:gd name="T39" fmla="*/ 47 h 351"/>
              <a:gd name="T40" fmla="*/ 235 w 868"/>
              <a:gd name="T41" fmla="*/ 76 h 351"/>
              <a:gd name="T42" fmla="*/ 221 w 868"/>
              <a:gd name="T43" fmla="*/ 70 h 351"/>
              <a:gd name="T44" fmla="*/ 180 w 868"/>
              <a:gd name="T45" fmla="*/ 89 h 351"/>
              <a:gd name="T46" fmla="*/ 168 w 868"/>
              <a:gd name="T47" fmla="*/ 110 h 351"/>
              <a:gd name="T48" fmla="*/ 140 w 868"/>
              <a:gd name="T49" fmla="*/ 145 h 351"/>
              <a:gd name="T50" fmla="*/ 81 w 868"/>
              <a:gd name="T51" fmla="*/ 192 h 351"/>
              <a:gd name="T52" fmla="*/ 126 w 868"/>
              <a:gd name="T53" fmla="*/ 134 h 351"/>
              <a:gd name="T54" fmla="*/ 253 w 868"/>
              <a:gd name="T55" fmla="*/ 36 h 351"/>
              <a:gd name="T56" fmla="*/ 399 w 868"/>
              <a:gd name="T57" fmla="*/ 2 h 351"/>
              <a:gd name="T58" fmla="*/ 510 w 868"/>
              <a:gd name="T59" fmla="*/ 14 h 351"/>
              <a:gd name="T60" fmla="*/ 732 w 868"/>
              <a:gd name="T61" fmla="*/ 145 h 351"/>
              <a:gd name="T62" fmla="*/ 794 w 868"/>
              <a:gd name="T63" fmla="*/ 260 h 351"/>
              <a:gd name="T64" fmla="*/ 787 w 868"/>
              <a:gd name="T65" fmla="*/ 222 h 351"/>
              <a:gd name="T66" fmla="*/ 721 w 868"/>
              <a:gd name="T67" fmla="*/ 150 h 351"/>
              <a:gd name="T68" fmla="*/ 533 w 868"/>
              <a:gd name="T69" fmla="*/ 22 h 351"/>
              <a:gd name="T70" fmla="*/ 380 w 868"/>
              <a:gd name="T71" fmla="*/ 47 h 351"/>
              <a:gd name="T72" fmla="*/ 307 w 868"/>
              <a:gd name="T73" fmla="*/ 53 h 351"/>
              <a:gd name="T74" fmla="*/ 281 w 868"/>
              <a:gd name="T75" fmla="*/ 47 h 351"/>
              <a:gd name="T76" fmla="*/ 242 w 868"/>
              <a:gd name="T77" fmla="*/ 43 h 351"/>
              <a:gd name="T78" fmla="*/ 222 w 868"/>
              <a:gd name="T79" fmla="*/ 51 h 351"/>
              <a:gd name="T80" fmla="*/ 197 w 868"/>
              <a:gd name="T81" fmla="*/ 73 h 351"/>
              <a:gd name="T82" fmla="*/ 164 w 868"/>
              <a:gd name="T83" fmla="*/ 99 h 351"/>
              <a:gd name="T84" fmla="*/ 142 w 868"/>
              <a:gd name="T85" fmla="*/ 117 h 351"/>
              <a:gd name="T86" fmla="*/ 141 w 868"/>
              <a:gd name="T87" fmla="*/ 138 h 351"/>
              <a:gd name="T88" fmla="*/ 124 w 868"/>
              <a:gd name="T89" fmla="*/ 129 h 351"/>
              <a:gd name="T90" fmla="*/ 113 w 868"/>
              <a:gd name="T91" fmla="*/ 142 h 351"/>
              <a:gd name="T92" fmla="*/ 337 w 868"/>
              <a:gd name="T93" fmla="*/ 9 h 351"/>
              <a:gd name="T94" fmla="*/ 168 w 868"/>
              <a:gd name="T95" fmla="*/ 125 h 351"/>
              <a:gd name="T96" fmla="*/ 197 w 868"/>
              <a:gd name="T97" fmla="*/ 105 h 351"/>
              <a:gd name="T98" fmla="*/ 131 w 868"/>
              <a:gd name="T99" fmla="*/ 159 h 351"/>
              <a:gd name="T100" fmla="*/ 88 w 868"/>
              <a:gd name="T101" fmla="*/ 171 h 351"/>
              <a:gd name="T102" fmla="*/ 85 w 868"/>
              <a:gd name="T103" fmla="*/ 191 h 351"/>
              <a:gd name="T104" fmla="*/ 79 w 868"/>
              <a:gd name="T105" fmla="*/ 215 h 351"/>
              <a:gd name="T106" fmla="*/ 48 w 868"/>
              <a:gd name="T107" fmla="*/ 193 h 351"/>
              <a:gd name="T108" fmla="*/ 64 w 868"/>
              <a:gd name="T109" fmla="*/ 238 h 351"/>
              <a:gd name="T110" fmla="*/ 17 w 868"/>
              <a:gd name="T111" fmla="*/ 235 h 351"/>
              <a:gd name="T112" fmla="*/ 87 w 868"/>
              <a:gd name="T113" fmla="*/ 158 h 351"/>
              <a:gd name="T114" fmla="*/ 865 w 868"/>
              <a:gd name="T115" fmla="*/ 172 h 351"/>
              <a:gd name="T116" fmla="*/ 859 w 868"/>
              <a:gd name="T117" fmla="*/ 117 h 351"/>
              <a:gd name="T118" fmla="*/ 782 w 868"/>
              <a:gd name="T119" fmla="*/ 277 h 351"/>
              <a:gd name="T120" fmla="*/ 841 w 868"/>
              <a:gd name="T121" fmla="*/ 164 h 351"/>
              <a:gd name="T122" fmla="*/ 861 w 868"/>
              <a:gd name="T123" fmla="*/ 201 h 351"/>
              <a:gd name="T124" fmla="*/ 666 w 868"/>
              <a:gd name="T125" fmla="*/ 296 h 3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868" h="351">
                <a:moveTo>
                  <a:pt x="813" y="278"/>
                </a:moveTo>
                <a:cubicBezTo>
                  <a:pt x="812" y="276"/>
                  <a:pt x="811" y="275"/>
                  <a:pt x="812" y="275"/>
                </a:cubicBezTo>
                <a:cubicBezTo>
                  <a:pt x="813" y="277"/>
                  <a:pt x="813" y="278"/>
                  <a:pt x="813" y="278"/>
                </a:cubicBezTo>
                <a:close/>
                <a:moveTo>
                  <a:pt x="812" y="266"/>
                </a:moveTo>
                <a:cubicBezTo>
                  <a:pt x="813" y="269"/>
                  <a:pt x="814" y="269"/>
                  <a:pt x="814" y="271"/>
                </a:cubicBezTo>
                <a:cubicBezTo>
                  <a:pt x="813" y="267"/>
                  <a:pt x="813" y="271"/>
                  <a:pt x="813" y="270"/>
                </a:cubicBezTo>
                <a:cubicBezTo>
                  <a:pt x="815" y="276"/>
                  <a:pt x="814" y="270"/>
                  <a:pt x="815" y="272"/>
                </a:cubicBezTo>
                <a:cubicBezTo>
                  <a:pt x="814" y="268"/>
                  <a:pt x="813" y="267"/>
                  <a:pt x="812" y="266"/>
                </a:cubicBezTo>
                <a:close/>
                <a:moveTo>
                  <a:pt x="781" y="282"/>
                </a:moveTo>
                <a:cubicBezTo>
                  <a:pt x="782" y="285"/>
                  <a:pt x="783" y="285"/>
                  <a:pt x="784" y="284"/>
                </a:cubicBezTo>
                <a:cubicBezTo>
                  <a:pt x="782" y="282"/>
                  <a:pt x="782" y="282"/>
                  <a:pt x="781" y="282"/>
                </a:cubicBezTo>
                <a:close/>
                <a:moveTo>
                  <a:pt x="798" y="267"/>
                </a:moveTo>
                <a:cubicBezTo>
                  <a:pt x="798" y="268"/>
                  <a:pt x="801" y="272"/>
                  <a:pt x="801" y="272"/>
                </a:cubicBezTo>
                <a:cubicBezTo>
                  <a:pt x="801" y="269"/>
                  <a:pt x="799" y="267"/>
                  <a:pt x="798" y="267"/>
                </a:cubicBezTo>
                <a:close/>
                <a:moveTo>
                  <a:pt x="791" y="270"/>
                </a:moveTo>
                <a:cubicBezTo>
                  <a:pt x="791" y="272"/>
                  <a:pt x="793" y="275"/>
                  <a:pt x="793" y="276"/>
                </a:cubicBezTo>
                <a:cubicBezTo>
                  <a:pt x="793" y="274"/>
                  <a:pt x="791" y="271"/>
                  <a:pt x="791" y="270"/>
                </a:cubicBezTo>
                <a:close/>
                <a:moveTo>
                  <a:pt x="789" y="269"/>
                </a:moveTo>
                <a:cubicBezTo>
                  <a:pt x="788" y="269"/>
                  <a:pt x="791" y="272"/>
                  <a:pt x="790" y="273"/>
                </a:cubicBezTo>
                <a:cubicBezTo>
                  <a:pt x="789" y="270"/>
                  <a:pt x="788" y="270"/>
                  <a:pt x="787" y="270"/>
                </a:cubicBezTo>
                <a:cubicBezTo>
                  <a:pt x="789" y="273"/>
                  <a:pt x="790" y="274"/>
                  <a:pt x="791" y="276"/>
                </a:cubicBezTo>
                <a:cubicBezTo>
                  <a:pt x="792" y="276"/>
                  <a:pt x="792" y="274"/>
                  <a:pt x="793" y="276"/>
                </a:cubicBezTo>
                <a:cubicBezTo>
                  <a:pt x="792" y="273"/>
                  <a:pt x="791" y="272"/>
                  <a:pt x="789" y="269"/>
                </a:cubicBezTo>
                <a:close/>
                <a:moveTo>
                  <a:pt x="801" y="266"/>
                </a:moveTo>
                <a:cubicBezTo>
                  <a:pt x="800" y="266"/>
                  <a:pt x="800" y="268"/>
                  <a:pt x="801" y="271"/>
                </a:cubicBezTo>
                <a:cubicBezTo>
                  <a:pt x="802" y="271"/>
                  <a:pt x="801" y="267"/>
                  <a:pt x="801" y="266"/>
                </a:cubicBezTo>
                <a:close/>
                <a:moveTo>
                  <a:pt x="799" y="270"/>
                </a:moveTo>
                <a:cubicBezTo>
                  <a:pt x="799" y="270"/>
                  <a:pt x="798" y="270"/>
                  <a:pt x="798" y="269"/>
                </a:cubicBezTo>
                <a:cubicBezTo>
                  <a:pt x="797" y="269"/>
                  <a:pt x="797" y="270"/>
                  <a:pt x="798" y="272"/>
                </a:cubicBezTo>
                <a:cubicBezTo>
                  <a:pt x="798" y="271"/>
                  <a:pt x="800" y="273"/>
                  <a:pt x="799" y="270"/>
                </a:cubicBezTo>
                <a:close/>
                <a:moveTo>
                  <a:pt x="770" y="269"/>
                </a:moveTo>
                <a:cubicBezTo>
                  <a:pt x="771" y="271"/>
                  <a:pt x="772" y="272"/>
                  <a:pt x="773" y="272"/>
                </a:cubicBezTo>
                <a:cubicBezTo>
                  <a:pt x="772" y="270"/>
                  <a:pt x="771" y="269"/>
                  <a:pt x="770" y="269"/>
                </a:cubicBezTo>
                <a:close/>
                <a:moveTo>
                  <a:pt x="807" y="248"/>
                </a:moveTo>
                <a:cubicBezTo>
                  <a:pt x="808" y="250"/>
                  <a:pt x="810" y="253"/>
                  <a:pt x="810" y="252"/>
                </a:cubicBezTo>
                <a:cubicBezTo>
                  <a:pt x="809" y="249"/>
                  <a:pt x="808" y="247"/>
                  <a:pt x="807" y="248"/>
                </a:cubicBezTo>
                <a:close/>
                <a:moveTo>
                  <a:pt x="802" y="246"/>
                </a:moveTo>
                <a:cubicBezTo>
                  <a:pt x="803" y="247"/>
                  <a:pt x="803" y="248"/>
                  <a:pt x="804" y="251"/>
                </a:cubicBezTo>
                <a:cubicBezTo>
                  <a:pt x="805" y="251"/>
                  <a:pt x="803" y="245"/>
                  <a:pt x="802" y="246"/>
                </a:cubicBezTo>
                <a:close/>
                <a:moveTo>
                  <a:pt x="805" y="245"/>
                </a:moveTo>
                <a:cubicBezTo>
                  <a:pt x="803" y="240"/>
                  <a:pt x="804" y="239"/>
                  <a:pt x="802" y="235"/>
                </a:cubicBezTo>
                <a:cubicBezTo>
                  <a:pt x="800" y="234"/>
                  <a:pt x="796" y="236"/>
                  <a:pt x="801" y="245"/>
                </a:cubicBezTo>
                <a:cubicBezTo>
                  <a:pt x="801" y="242"/>
                  <a:pt x="806" y="248"/>
                  <a:pt x="805" y="245"/>
                </a:cubicBezTo>
                <a:close/>
                <a:moveTo>
                  <a:pt x="759" y="246"/>
                </a:moveTo>
                <a:cubicBezTo>
                  <a:pt x="759" y="247"/>
                  <a:pt x="758" y="246"/>
                  <a:pt x="758" y="246"/>
                </a:cubicBezTo>
                <a:cubicBezTo>
                  <a:pt x="759" y="248"/>
                  <a:pt x="760" y="248"/>
                  <a:pt x="759" y="248"/>
                </a:cubicBezTo>
                <a:cubicBezTo>
                  <a:pt x="760" y="250"/>
                  <a:pt x="760" y="250"/>
                  <a:pt x="761" y="250"/>
                </a:cubicBezTo>
                <a:cubicBezTo>
                  <a:pt x="759" y="248"/>
                  <a:pt x="760" y="248"/>
                  <a:pt x="759" y="246"/>
                </a:cubicBezTo>
                <a:close/>
                <a:moveTo>
                  <a:pt x="766" y="178"/>
                </a:moveTo>
                <a:cubicBezTo>
                  <a:pt x="766" y="178"/>
                  <a:pt x="766" y="178"/>
                  <a:pt x="767" y="180"/>
                </a:cubicBezTo>
                <a:cubicBezTo>
                  <a:pt x="767" y="180"/>
                  <a:pt x="768" y="181"/>
                  <a:pt x="768" y="181"/>
                </a:cubicBezTo>
                <a:cubicBezTo>
                  <a:pt x="767" y="179"/>
                  <a:pt x="768" y="180"/>
                  <a:pt x="766" y="178"/>
                </a:cubicBezTo>
                <a:close/>
                <a:moveTo>
                  <a:pt x="756" y="167"/>
                </a:moveTo>
                <a:cubicBezTo>
                  <a:pt x="757" y="168"/>
                  <a:pt x="758" y="169"/>
                  <a:pt x="757" y="169"/>
                </a:cubicBezTo>
                <a:cubicBezTo>
                  <a:pt x="762" y="175"/>
                  <a:pt x="758" y="167"/>
                  <a:pt x="756" y="167"/>
                </a:cubicBezTo>
                <a:close/>
                <a:moveTo>
                  <a:pt x="713" y="128"/>
                </a:moveTo>
                <a:cubicBezTo>
                  <a:pt x="713" y="127"/>
                  <a:pt x="714" y="127"/>
                  <a:pt x="715" y="128"/>
                </a:cubicBezTo>
                <a:cubicBezTo>
                  <a:pt x="712" y="125"/>
                  <a:pt x="710" y="125"/>
                  <a:pt x="713" y="128"/>
                </a:cubicBezTo>
                <a:close/>
                <a:moveTo>
                  <a:pt x="640" y="70"/>
                </a:moveTo>
                <a:cubicBezTo>
                  <a:pt x="634" y="64"/>
                  <a:pt x="636" y="68"/>
                  <a:pt x="640" y="70"/>
                </a:cubicBezTo>
                <a:close/>
                <a:moveTo>
                  <a:pt x="545" y="23"/>
                </a:moveTo>
                <a:cubicBezTo>
                  <a:pt x="544" y="24"/>
                  <a:pt x="548" y="25"/>
                  <a:pt x="549" y="24"/>
                </a:cubicBezTo>
                <a:cubicBezTo>
                  <a:pt x="546" y="24"/>
                  <a:pt x="547" y="24"/>
                  <a:pt x="545" y="23"/>
                </a:cubicBezTo>
                <a:close/>
                <a:moveTo>
                  <a:pt x="539" y="20"/>
                </a:moveTo>
                <a:cubicBezTo>
                  <a:pt x="539" y="20"/>
                  <a:pt x="538" y="20"/>
                  <a:pt x="538" y="20"/>
                </a:cubicBezTo>
                <a:cubicBezTo>
                  <a:pt x="540" y="21"/>
                  <a:pt x="543" y="22"/>
                  <a:pt x="543" y="21"/>
                </a:cubicBezTo>
                <a:cubicBezTo>
                  <a:pt x="540" y="20"/>
                  <a:pt x="540" y="21"/>
                  <a:pt x="539" y="20"/>
                </a:cubicBezTo>
                <a:close/>
                <a:moveTo>
                  <a:pt x="530" y="17"/>
                </a:moveTo>
                <a:cubicBezTo>
                  <a:pt x="529" y="18"/>
                  <a:pt x="534" y="19"/>
                  <a:pt x="534" y="18"/>
                </a:cubicBezTo>
                <a:lnTo>
                  <a:pt x="530" y="17"/>
                </a:lnTo>
                <a:close/>
                <a:moveTo>
                  <a:pt x="524" y="16"/>
                </a:moveTo>
                <a:cubicBezTo>
                  <a:pt x="524" y="16"/>
                  <a:pt x="522" y="16"/>
                  <a:pt x="522" y="17"/>
                </a:cubicBezTo>
                <a:cubicBezTo>
                  <a:pt x="524" y="17"/>
                  <a:pt x="527" y="18"/>
                  <a:pt x="529" y="18"/>
                </a:cubicBezTo>
                <a:cubicBezTo>
                  <a:pt x="528" y="17"/>
                  <a:pt x="526" y="17"/>
                  <a:pt x="524" y="16"/>
                </a:cubicBezTo>
                <a:close/>
                <a:moveTo>
                  <a:pt x="498" y="10"/>
                </a:moveTo>
                <a:cubicBezTo>
                  <a:pt x="501" y="10"/>
                  <a:pt x="502" y="10"/>
                  <a:pt x="503" y="10"/>
                </a:cubicBezTo>
                <a:cubicBezTo>
                  <a:pt x="502" y="10"/>
                  <a:pt x="498" y="9"/>
                  <a:pt x="498" y="10"/>
                </a:cubicBezTo>
                <a:close/>
                <a:moveTo>
                  <a:pt x="467" y="7"/>
                </a:moveTo>
                <a:cubicBezTo>
                  <a:pt x="468" y="7"/>
                  <a:pt x="473" y="8"/>
                  <a:pt x="473" y="7"/>
                </a:cubicBezTo>
                <a:cubicBezTo>
                  <a:pt x="470" y="7"/>
                  <a:pt x="467" y="6"/>
                  <a:pt x="467" y="7"/>
                </a:cubicBezTo>
                <a:close/>
                <a:moveTo>
                  <a:pt x="443" y="52"/>
                </a:moveTo>
                <a:cubicBezTo>
                  <a:pt x="443" y="52"/>
                  <a:pt x="443" y="52"/>
                  <a:pt x="443" y="53"/>
                </a:cubicBezTo>
                <a:cubicBezTo>
                  <a:pt x="445" y="53"/>
                  <a:pt x="444" y="54"/>
                  <a:pt x="447" y="54"/>
                </a:cubicBezTo>
                <a:cubicBezTo>
                  <a:pt x="446" y="53"/>
                  <a:pt x="446" y="53"/>
                  <a:pt x="448" y="53"/>
                </a:cubicBezTo>
                <a:cubicBezTo>
                  <a:pt x="447" y="52"/>
                  <a:pt x="446" y="52"/>
                  <a:pt x="443" y="52"/>
                </a:cubicBezTo>
                <a:close/>
                <a:moveTo>
                  <a:pt x="435" y="51"/>
                </a:moveTo>
                <a:cubicBezTo>
                  <a:pt x="435" y="52"/>
                  <a:pt x="430" y="51"/>
                  <a:pt x="431" y="51"/>
                </a:cubicBezTo>
                <a:cubicBezTo>
                  <a:pt x="432" y="51"/>
                  <a:pt x="436" y="52"/>
                  <a:pt x="437" y="52"/>
                </a:cubicBezTo>
                <a:cubicBezTo>
                  <a:pt x="435" y="52"/>
                  <a:pt x="437" y="51"/>
                  <a:pt x="435" y="51"/>
                </a:cubicBezTo>
                <a:close/>
                <a:moveTo>
                  <a:pt x="402" y="50"/>
                </a:moveTo>
                <a:cubicBezTo>
                  <a:pt x="404" y="50"/>
                  <a:pt x="406" y="50"/>
                  <a:pt x="406" y="49"/>
                </a:cubicBezTo>
                <a:cubicBezTo>
                  <a:pt x="404" y="49"/>
                  <a:pt x="402" y="49"/>
                  <a:pt x="402" y="50"/>
                </a:cubicBezTo>
                <a:close/>
                <a:moveTo>
                  <a:pt x="391" y="1"/>
                </a:moveTo>
                <a:cubicBezTo>
                  <a:pt x="391" y="2"/>
                  <a:pt x="395" y="2"/>
                  <a:pt x="397" y="2"/>
                </a:cubicBezTo>
                <a:cubicBezTo>
                  <a:pt x="397" y="2"/>
                  <a:pt x="395" y="2"/>
                  <a:pt x="395" y="3"/>
                </a:cubicBezTo>
                <a:cubicBezTo>
                  <a:pt x="396" y="3"/>
                  <a:pt x="397" y="3"/>
                  <a:pt x="398" y="3"/>
                </a:cubicBezTo>
                <a:cubicBezTo>
                  <a:pt x="397" y="2"/>
                  <a:pt x="401" y="4"/>
                  <a:pt x="402" y="3"/>
                </a:cubicBezTo>
                <a:cubicBezTo>
                  <a:pt x="400" y="2"/>
                  <a:pt x="396" y="3"/>
                  <a:pt x="399" y="2"/>
                </a:cubicBezTo>
                <a:cubicBezTo>
                  <a:pt x="393" y="2"/>
                  <a:pt x="395" y="1"/>
                  <a:pt x="391" y="1"/>
                </a:cubicBezTo>
                <a:close/>
                <a:moveTo>
                  <a:pt x="394" y="3"/>
                </a:moveTo>
                <a:cubicBezTo>
                  <a:pt x="391" y="3"/>
                  <a:pt x="389" y="3"/>
                  <a:pt x="388" y="3"/>
                </a:cubicBezTo>
                <a:cubicBezTo>
                  <a:pt x="391" y="3"/>
                  <a:pt x="394" y="4"/>
                  <a:pt x="395" y="3"/>
                </a:cubicBezTo>
                <a:cubicBezTo>
                  <a:pt x="394" y="3"/>
                  <a:pt x="394" y="3"/>
                  <a:pt x="394" y="3"/>
                </a:cubicBezTo>
                <a:close/>
                <a:moveTo>
                  <a:pt x="384" y="2"/>
                </a:moveTo>
                <a:cubicBezTo>
                  <a:pt x="386" y="2"/>
                  <a:pt x="388" y="2"/>
                  <a:pt x="389" y="2"/>
                </a:cubicBezTo>
                <a:cubicBezTo>
                  <a:pt x="387" y="2"/>
                  <a:pt x="384" y="2"/>
                  <a:pt x="384" y="2"/>
                </a:cubicBezTo>
                <a:close/>
                <a:moveTo>
                  <a:pt x="371" y="5"/>
                </a:moveTo>
                <a:cubicBezTo>
                  <a:pt x="370" y="6"/>
                  <a:pt x="367" y="6"/>
                  <a:pt x="365" y="6"/>
                </a:cubicBezTo>
                <a:cubicBezTo>
                  <a:pt x="367" y="7"/>
                  <a:pt x="377" y="6"/>
                  <a:pt x="377" y="5"/>
                </a:cubicBezTo>
                <a:cubicBezTo>
                  <a:pt x="374" y="5"/>
                  <a:pt x="374" y="5"/>
                  <a:pt x="371" y="5"/>
                </a:cubicBezTo>
                <a:close/>
                <a:moveTo>
                  <a:pt x="364" y="51"/>
                </a:moveTo>
                <a:cubicBezTo>
                  <a:pt x="364" y="52"/>
                  <a:pt x="367" y="51"/>
                  <a:pt x="370" y="51"/>
                </a:cubicBezTo>
                <a:cubicBezTo>
                  <a:pt x="370" y="51"/>
                  <a:pt x="366" y="51"/>
                  <a:pt x="364" y="51"/>
                </a:cubicBezTo>
                <a:close/>
                <a:moveTo>
                  <a:pt x="363" y="50"/>
                </a:moveTo>
                <a:cubicBezTo>
                  <a:pt x="365" y="49"/>
                  <a:pt x="366" y="49"/>
                  <a:pt x="367" y="49"/>
                </a:cubicBezTo>
                <a:cubicBezTo>
                  <a:pt x="365" y="48"/>
                  <a:pt x="363" y="49"/>
                  <a:pt x="363" y="50"/>
                </a:cubicBezTo>
                <a:close/>
                <a:moveTo>
                  <a:pt x="326" y="13"/>
                </a:moveTo>
                <a:cubicBezTo>
                  <a:pt x="327" y="12"/>
                  <a:pt x="332" y="11"/>
                  <a:pt x="333" y="11"/>
                </a:cubicBezTo>
                <a:cubicBezTo>
                  <a:pt x="329" y="11"/>
                  <a:pt x="328" y="12"/>
                  <a:pt x="326" y="13"/>
                </a:cubicBezTo>
                <a:close/>
                <a:moveTo>
                  <a:pt x="321" y="10"/>
                </a:moveTo>
                <a:cubicBezTo>
                  <a:pt x="322" y="11"/>
                  <a:pt x="325" y="10"/>
                  <a:pt x="329" y="9"/>
                </a:cubicBezTo>
                <a:cubicBezTo>
                  <a:pt x="329" y="9"/>
                  <a:pt x="329" y="9"/>
                  <a:pt x="328" y="9"/>
                </a:cubicBezTo>
                <a:cubicBezTo>
                  <a:pt x="326" y="10"/>
                  <a:pt x="323" y="10"/>
                  <a:pt x="321" y="10"/>
                </a:cubicBezTo>
                <a:close/>
                <a:moveTo>
                  <a:pt x="322" y="58"/>
                </a:moveTo>
                <a:cubicBezTo>
                  <a:pt x="323" y="58"/>
                  <a:pt x="326" y="58"/>
                  <a:pt x="328" y="58"/>
                </a:cubicBezTo>
                <a:cubicBezTo>
                  <a:pt x="327" y="57"/>
                  <a:pt x="325" y="57"/>
                  <a:pt x="322" y="58"/>
                </a:cubicBezTo>
                <a:close/>
                <a:moveTo>
                  <a:pt x="313" y="59"/>
                </a:moveTo>
                <a:cubicBezTo>
                  <a:pt x="314" y="60"/>
                  <a:pt x="309" y="60"/>
                  <a:pt x="309" y="61"/>
                </a:cubicBezTo>
                <a:cubicBezTo>
                  <a:pt x="311" y="61"/>
                  <a:pt x="312" y="61"/>
                  <a:pt x="316" y="60"/>
                </a:cubicBezTo>
                <a:cubicBezTo>
                  <a:pt x="315" y="60"/>
                  <a:pt x="316" y="59"/>
                  <a:pt x="313" y="59"/>
                </a:cubicBezTo>
                <a:close/>
                <a:moveTo>
                  <a:pt x="286" y="24"/>
                </a:moveTo>
                <a:cubicBezTo>
                  <a:pt x="286" y="24"/>
                  <a:pt x="280" y="25"/>
                  <a:pt x="280" y="26"/>
                </a:cubicBezTo>
                <a:cubicBezTo>
                  <a:pt x="281" y="26"/>
                  <a:pt x="280" y="26"/>
                  <a:pt x="281" y="26"/>
                </a:cubicBezTo>
                <a:cubicBezTo>
                  <a:pt x="282" y="26"/>
                  <a:pt x="284" y="25"/>
                  <a:pt x="285" y="24"/>
                </a:cubicBezTo>
                <a:cubicBezTo>
                  <a:pt x="285" y="25"/>
                  <a:pt x="286" y="25"/>
                  <a:pt x="287" y="25"/>
                </a:cubicBezTo>
                <a:cubicBezTo>
                  <a:pt x="290" y="24"/>
                  <a:pt x="290" y="24"/>
                  <a:pt x="294" y="23"/>
                </a:cubicBezTo>
                <a:cubicBezTo>
                  <a:pt x="293" y="22"/>
                  <a:pt x="293" y="22"/>
                  <a:pt x="293" y="22"/>
                </a:cubicBezTo>
                <a:cubicBezTo>
                  <a:pt x="290" y="23"/>
                  <a:pt x="288" y="23"/>
                  <a:pt x="286" y="24"/>
                </a:cubicBezTo>
                <a:close/>
                <a:moveTo>
                  <a:pt x="287" y="68"/>
                </a:moveTo>
                <a:cubicBezTo>
                  <a:pt x="289" y="67"/>
                  <a:pt x="289" y="67"/>
                  <a:pt x="289" y="66"/>
                </a:cubicBezTo>
                <a:cubicBezTo>
                  <a:pt x="287" y="67"/>
                  <a:pt x="287" y="67"/>
                  <a:pt x="287" y="68"/>
                </a:cubicBezTo>
                <a:close/>
                <a:moveTo>
                  <a:pt x="237" y="80"/>
                </a:moveTo>
                <a:cubicBezTo>
                  <a:pt x="236" y="81"/>
                  <a:pt x="235" y="83"/>
                  <a:pt x="230" y="86"/>
                </a:cubicBezTo>
                <a:cubicBezTo>
                  <a:pt x="227" y="86"/>
                  <a:pt x="224" y="88"/>
                  <a:pt x="221" y="89"/>
                </a:cubicBezTo>
                <a:cubicBezTo>
                  <a:pt x="221" y="89"/>
                  <a:pt x="221" y="90"/>
                  <a:pt x="220" y="91"/>
                </a:cubicBezTo>
                <a:cubicBezTo>
                  <a:pt x="219" y="91"/>
                  <a:pt x="215" y="92"/>
                  <a:pt x="215" y="93"/>
                </a:cubicBezTo>
                <a:cubicBezTo>
                  <a:pt x="217" y="93"/>
                  <a:pt x="218" y="93"/>
                  <a:pt x="220" y="92"/>
                </a:cubicBezTo>
                <a:cubicBezTo>
                  <a:pt x="222" y="91"/>
                  <a:pt x="219" y="91"/>
                  <a:pt x="221" y="90"/>
                </a:cubicBezTo>
                <a:cubicBezTo>
                  <a:pt x="227" y="88"/>
                  <a:pt x="233" y="84"/>
                  <a:pt x="238" y="81"/>
                </a:cubicBezTo>
                <a:cubicBezTo>
                  <a:pt x="237" y="81"/>
                  <a:pt x="237" y="81"/>
                  <a:pt x="236" y="81"/>
                </a:cubicBezTo>
                <a:cubicBezTo>
                  <a:pt x="239" y="80"/>
                  <a:pt x="241" y="79"/>
                  <a:pt x="242" y="78"/>
                </a:cubicBezTo>
                <a:cubicBezTo>
                  <a:pt x="239" y="79"/>
                  <a:pt x="238" y="79"/>
                  <a:pt x="237" y="80"/>
                </a:cubicBezTo>
                <a:close/>
                <a:moveTo>
                  <a:pt x="228" y="79"/>
                </a:moveTo>
                <a:cubicBezTo>
                  <a:pt x="228" y="80"/>
                  <a:pt x="230" y="79"/>
                  <a:pt x="228" y="80"/>
                </a:cubicBezTo>
                <a:cubicBezTo>
                  <a:pt x="228" y="80"/>
                  <a:pt x="224" y="82"/>
                  <a:pt x="224" y="81"/>
                </a:cubicBezTo>
                <a:cubicBezTo>
                  <a:pt x="219" y="84"/>
                  <a:pt x="214" y="86"/>
                  <a:pt x="212" y="89"/>
                </a:cubicBezTo>
                <a:cubicBezTo>
                  <a:pt x="217" y="86"/>
                  <a:pt x="220" y="83"/>
                  <a:pt x="224" y="82"/>
                </a:cubicBezTo>
                <a:cubicBezTo>
                  <a:pt x="224" y="82"/>
                  <a:pt x="222" y="83"/>
                  <a:pt x="223" y="83"/>
                </a:cubicBezTo>
                <a:cubicBezTo>
                  <a:pt x="226" y="82"/>
                  <a:pt x="228" y="80"/>
                  <a:pt x="232" y="79"/>
                </a:cubicBezTo>
                <a:cubicBezTo>
                  <a:pt x="231" y="78"/>
                  <a:pt x="231" y="78"/>
                  <a:pt x="228" y="79"/>
                </a:cubicBezTo>
                <a:close/>
                <a:moveTo>
                  <a:pt x="209" y="55"/>
                </a:moveTo>
                <a:cubicBezTo>
                  <a:pt x="212" y="54"/>
                  <a:pt x="215" y="52"/>
                  <a:pt x="216" y="50"/>
                </a:cubicBezTo>
                <a:cubicBezTo>
                  <a:pt x="212" y="52"/>
                  <a:pt x="211" y="53"/>
                  <a:pt x="209" y="55"/>
                </a:cubicBezTo>
                <a:close/>
                <a:moveTo>
                  <a:pt x="220" y="66"/>
                </a:moveTo>
                <a:cubicBezTo>
                  <a:pt x="223" y="64"/>
                  <a:pt x="220" y="67"/>
                  <a:pt x="223" y="65"/>
                </a:cubicBezTo>
                <a:cubicBezTo>
                  <a:pt x="224" y="64"/>
                  <a:pt x="223" y="65"/>
                  <a:pt x="223" y="64"/>
                </a:cubicBezTo>
                <a:cubicBezTo>
                  <a:pt x="222" y="65"/>
                  <a:pt x="220" y="65"/>
                  <a:pt x="220" y="66"/>
                </a:cubicBezTo>
                <a:close/>
                <a:moveTo>
                  <a:pt x="217" y="67"/>
                </a:moveTo>
                <a:cubicBezTo>
                  <a:pt x="214" y="69"/>
                  <a:pt x="216" y="70"/>
                  <a:pt x="219" y="67"/>
                </a:cubicBezTo>
                <a:cubicBezTo>
                  <a:pt x="214" y="69"/>
                  <a:pt x="222" y="65"/>
                  <a:pt x="217" y="67"/>
                </a:cubicBezTo>
                <a:close/>
                <a:moveTo>
                  <a:pt x="226" y="94"/>
                </a:moveTo>
                <a:cubicBezTo>
                  <a:pt x="225" y="94"/>
                  <a:pt x="224" y="95"/>
                  <a:pt x="224" y="96"/>
                </a:cubicBezTo>
                <a:cubicBezTo>
                  <a:pt x="226" y="94"/>
                  <a:pt x="226" y="95"/>
                  <a:pt x="228" y="94"/>
                </a:cubicBezTo>
                <a:cubicBezTo>
                  <a:pt x="228" y="93"/>
                  <a:pt x="227" y="94"/>
                  <a:pt x="226" y="94"/>
                </a:cubicBezTo>
                <a:close/>
                <a:moveTo>
                  <a:pt x="216" y="80"/>
                </a:moveTo>
                <a:cubicBezTo>
                  <a:pt x="215" y="80"/>
                  <a:pt x="213" y="82"/>
                  <a:pt x="211" y="82"/>
                </a:cubicBezTo>
                <a:cubicBezTo>
                  <a:pt x="211" y="83"/>
                  <a:pt x="214" y="82"/>
                  <a:pt x="216" y="80"/>
                </a:cubicBezTo>
                <a:close/>
                <a:moveTo>
                  <a:pt x="206" y="79"/>
                </a:moveTo>
                <a:cubicBezTo>
                  <a:pt x="206" y="79"/>
                  <a:pt x="208" y="78"/>
                  <a:pt x="207" y="79"/>
                </a:cubicBezTo>
                <a:cubicBezTo>
                  <a:pt x="209" y="77"/>
                  <a:pt x="210" y="78"/>
                  <a:pt x="212" y="75"/>
                </a:cubicBezTo>
                <a:cubicBezTo>
                  <a:pt x="210" y="76"/>
                  <a:pt x="208" y="77"/>
                  <a:pt x="206" y="79"/>
                </a:cubicBezTo>
                <a:close/>
                <a:moveTo>
                  <a:pt x="192" y="65"/>
                </a:moveTo>
                <a:cubicBezTo>
                  <a:pt x="191" y="66"/>
                  <a:pt x="190" y="67"/>
                  <a:pt x="190" y="67"/>
                </a:cubicBezTo>
                <a:cubicBezTo>
                  <a:pt x="193" y="65"/>
                  <a:pt x="197" y="64"/>
                  <a:pt x="198" y="63"/>
                </a:cubicBezTo>
                <a:cubicBezTo>
                  <a:pt x="194" y="64"/>
                  <a:pt x="195" y="64"/>
                  <a:pt x="192" y="65"/>
                </a:cubicBezTo>
                <a:close/>
                <a:moveTo>
                  <a:pt x="208" y="90"/>
                </a:moveTo>
                <a:cubicBezTo>
                  <a:pt x="207" y="91"/>
                  <a:pt x="206" y="91"/>
                  <a:pt x="206" y="92"/>
                </a:cubicBezTo>
                <a:cubicBezTo>
                  <a:pt x="207" y="91"/>
                  <a:pt x="206" y="93"/>
                  <a:pt x="209" y="91"/>
                </a:cubicBezTo>
                <a:cubicBezTo>
                  <a:pt x="210" y="90"/>
                  <a:pt x="208" y="91"/>
                  <a:pt x="208" y="90"/>
                </a:cubicBezTo>
                <a:close/>
                <a:moveTo>
                  <a:pt x="207" y="101"/>
                </a:moveTo>
                <a:cubicBezTo>
                  <a:pt x="208" y="101"/>
                  <a:pt x="212" y="98"/>
                  <a:pt x="214" y="97"/>
                </a:cubicBezTo>
                <a:cubicBezTo>
                  <a:pt x="211" y="99"/>
                  <a:pt x="207" y="101"/>
                  <a:pt x="207" y="101"/>
                </a:cubicBezTo>
                <a:close/>
                <a:moveTo>
                  <a:pt x="190" y="86"/>
                </a:moveTo>
                <a:cubicBezTo>
                  <a:pt x="191" y="85"/>
                  <a:pt x="196" y="82"/>
                  <a:pt x="196" y="82"/>
                </a:cubicBezTo>
                <a:cubicBezTo>
                  <a:pt x="194" y="83"/>
                  <a:pt x="192" y="85"/>
                  <a:pt x="190" y="86"/>
                </a:cubicBezTo>
                <a:close/>
                <a:moveTo>
                  <a:pt x="198" y="111"/>
                </a:moveTo>
                <a:cubicBezTo>
                  <a:pt x="199" y="112"/>
                  <a:pt x="204" y="109"/>
                  <a:pt x="205" y="107"/>
                </a:cubicBezTo>
                <a:cubicBezTo>
                  <a:pt x="203" y="109"/>
                  <a:pt x="201" y="110"/>
                  <a:pt x="198" y="111"/>
                </a:cubicBezTo>
                <a:close/>
                <a:moveTo>
                  <a:pt x="185" y="86"/>
                </a:moveTo>
                <a:cubicBezTo>
                  <a:pt x="185" y="86"/>
                  <a:pt x="189" y="84"/>
                  <a:pt x="188" y="84"/>
                </a:cubicBezTo>
                <a:cubicBezTo>
                  <a:pt x="184" y="85"/>
                  <a:pt x="184" y="87"/>
                  <a:pt x="183" y="89"/>
                </a:cubicBezTo>
                <a:cubicBezTo>
                  <a:pt x="184" y="88"/>
                  <a:pt x="184" y="88"/>
                  <a:pt x="184" y="88"/>
                </a:cubicBezTo>
                <a:cubicBezTo>
                  <a:pt x="187" y="87"/>
                  <a:pt x="190" y="84"/>
                  <a:pt x="188" y="84"/>
                </a:cubicBezTo>
                <a:cubicBezTo>
                  <a:pt x="188" y="84"/>
                  <a:pt x="186" y="86"/>
                  <a:pt x="185" y="86"/>
                </a:cubicBezTo>
                <a:close/>
                <a:moveTo>
                  <a:pt x="175" y="77"/>
                </a:moveTo>
                <a:cubicBezTo>
                  <a:pt x="177" y="75"/>
                  <a:pt x="182" y="73"/>
                  <a:pt x="180" y="73"/>
                </a:cubicBezTo>
                <a:cubicBezTo>
                  <a:pt x="179" y="75"/>
                  <a:pt x="174" y="76"/>
                  <a:pt x="175" y="77"/>
                </a:cubicBezTo>
                <a:close/>
                <a:moveTo>
                  <a:pt x="186" y="115"/>
                </a:moveTo>
                <a:cubicBezTo>
                  <a:pt x="187" y="115"/>
                  <a:pt x="191" y="112"/>
                  <a:pt x="191" y="111"/>
                </a:cubicBezTo>
                <a:cubicBezTo>
                  <a:pt x="190" y="112"/>
                  <a:pt x="187" y="113"/>
                  <a:pt x="186" y="115"/>
                </a:cubicBezTo>
                <a:close/>
                <a:moveTo>
                  <a:pt x="177" y="93"/>
                </a:moveTo>
                <a:cubicBezTo>
                  <a:pt x="170" y="97"/>
                  <a:pt x="177" y="95"/>
                  <a:pt x="177" y="93"/>
                </a:cubicBezTo>
                <a:close/>
                <a:moveTo>
                  <a:pt x="183" y="114"/>
                </a:moveTo>
                <a:cubicBezTo>
                  <a:pt x="185" y="113"/>
                  <a:pt x="188" y="111"/>
                  <a:pt x="188" y="110"/>
                </a:cubicBezTo>
                <a:cubicBezTo>
                  <a:pt x="185" y="112"/>
                  <a:pt x="184" y="113"/>
                  <a:pt x="183" y="114"/>
                </a:cubicBezTo>
                <a:close/>
                <a:moveTo>
                  <a:pt x="158" y="89"/>
                </a:moveTo>
                <a:cubicBezTo>
                  <a:pt x="160" y="88"/>
                  <a:pt x="165" y="84"/>
                  <a:pt x="163" y="85"/>
                </a:cubicBezTo>
                <a:cubicBezTo>
                  <a:pt x="163" y="85"/>
                  <a:pt x="157" y="89"/>
                  <a:pt x="158" y="89"/>
                </a:cubicBezTo>
                <a:close/>
                <a:moveTo>
                  <a:pt x="166" y="104"/>
                </a:moveTo>
                <a:cubicBezTo>
                  <a:pt x="168" y="103"/>
                  <a:pt x="170" y="102"/>
                  <a:pt x="171" y="101"/>
                </a:cubicBezTo>
                <a:cubicBezTo>
                  <a:pt x="169" y="103"/>
                  <a:pt x="166" y="103"/>
                  <a:pt x="166" y="104"/>
                </a:cubicBezTo>
                <a:close/>
                <a:moveTo>
                  <a:pt x="172" y="122"/>
                </a:moveTo>
                <a:cubicBezTo>
                  <a:pt x="172" y="122"/>
                  <a:pt x="176" y="120"/>
                  <a:pt x="176" y="120"/>
                </a:cubicBezTo>
                <a:cubicBezTo>
                  <a:pt x="175" y="120"/>
                  <a:pt x="175" y="120"/>
                  <a:pt x="172" y="122"/>
                </a:cubicBezTo>
                <a:close/>
                <a:moveTo>
                  <a:pt x="142" y="97"/>
                </a:moveTo>
                <a:cubicBezTo>
                  <a:pt x="145" y="95"/>
                  <a:pt x="147" y="93"/>
                  <a:pt x="148" y="92"/>
                </a:cubicBezTo>
                <a:cubicBezTo>
                  <a:pt x="146" y="93"/>
                  <a:pt x="142" y="96"/>
                  <a:pt x="142" y="97"/>
                </a:cubicBezTo>
                <a:close/>
                <a:moveTo>
                  <a:pt x="155" y="112"/>
                </a:moveTo>
                <a:cubicBezTo>
                  <a:pt x="155" y="112"/>
                  <a:pt x="156" y="111"/>
                  <a:pt x="156" y="111"/>
                </a:cubicBezTo>
                <a:cubicBezTo>
                  <a:pt x="155" y="112"/>
                  <a:pt x="156" y="112"/>
                  <a:pt x="157" y="111"/>
                </a:cubicBezTo>
                <a:cubicBezTo>
                  <a:pt x="157" y="111"/>
                  <a:pt x="158" y="110"/>
                  <a:pt x="158" y="109"/>
                </a:cubicBezTo>
                <a:cubicBezTo>
                  <a:pt x="157" y="110"/>
                  <a:pt x="155" y="111"/>
                  <a:pt x="155" y="112"/>
                </a:cubicBezTo>
                <a:close/>
                <a:moveTo>
                  <a:pt x="164" y="129"/>
                </a:moveTo>
                <a:cubicBezTo>
                  <a:pt x="165" y="128"/>
                  <a:pt x="170" y="125"/>
                  <a:pt x="169" y="124"/>
                </a:cubicBezTo>
                <a:cubicBezTo>
                  <a:pt x="167" y="126"/>
                  <a:pt x="165" y="127"/>
                  <a:pt x="164" y="129"/>
                </a:cubicBezTo>
                <a:close/>
                <a:moveTo>
                  <a:pt x="153" y="112"/>
                </a:moveTo>
                <a:cubicBezTo>
                  <a:pt x="155" y="111"/>
                  <a:pt x="158" y="109"/>
                  <a:pt x="157" y="109"/>
                </a:cubicBezTo>
                <a:cubicBezTo>
                  <a:pt x="154" y="110"/>
                  <a:pt x="154" y="111"/>
                  <a:pt x="153" y="112"/>
                </a:cubicBezTo>
                <a:close/>
                <a:moveTo>
                  <a:pt x="164" y="125"/>
                </a:moveTo>
                <a:cubicBezTo>
                  <a:pt x="165" y="124"/>
                  <a:pt x="167" y="122"/>
                  <a:pt x="167" y="122"/>
                </a:cubicBezTo>
                <a:cubicBezTo>
                  <a:pt x="166" y="122"/>
                  <a:pt x="162" y="125"/>
                  <a:pt x="164" y="125"/>
                </a:cubicBezTo>
                <a:close/>
                <a:moveTo>
                  <a:pt x="162" y="131"/>
                </a:moveTo>
                <a:cubicBezTo>
                  <a:pt x="162" y="131"/>
                  <a:pt x="161" y="132"/>
                  <a:pt x="161" y="133"/>
                </a:cubicBezTo>
                <a:cubicBezTo>
                  <a:pt x="164" y="130"/>
                  <a:pt x="164" y="130"/>
                  <a:pt x="164" y="130"/>
                </a:cubicBezTo>
                <a:cubicBezTo>
                  <a:pt x="162" y="131"/>
                  <a:pt x="170" y="126"/>
                  <a:pt x="167" y="127"/>
                </a:cubicBezTo>
                <a:cubicBezTo>
                  <a:pt x="165" y="129"/>
                  <a:pt x="163" y="130"/>
                  <a:pt x="162" y="131"/>
                </a:cubicBezTo>
                <a:close/>
                <a:moveTo>
                  <a:pt x="153" y="115"/>
                </a:moveTo>
                <a:cubicBezTo>
                  <a:pt x="153" y="115"/>
                  <a:pt x="154" y="114"/>
                  <a:pt x="153" y="114"/>
                </a:cubicBezTo>
                <a:cubicBezTo>
                  <a:pt x="149" y="118"/>
                  <a:pt x="155" y="114"/>
                  <a:pt x="153" y="116"/>
                </a:cubicBezTo>
                <a:cubicBezTo>
                  <a:pt x="155" y="115"/>
                  <a:pt x="155" y="115"/>
                  <a:pt x="155" y="115"/>
                </a:cubicBezTo>
                <a:cubicBezTo>
                  <a:pt x="155" y="115"/>
                  <a:pt x="155" y="114"/>
                  <a:pt x="155" y="114"/>
                </a:cubicBezTo>
                <a:cubicBezTo>
                  <a:pt x="154" y="115"/>
                  <a:pt x="153" y="115"/>
                  <a:pt x="153" y="115"/>
                </a:cubicBezTo>
                <a:close/>
                <a:moveTo>
                  <a:pt x="132" y="105"/>
                </a:moveTo>
                <a:cubicBezTo>
                  <a:pt x="135" y="103"/>
                  <a:pt x="140" y="99"/>
                  <a:pt x="140" y="98"/>
                </a:cubicBezTo>
                <a:cubicBezTo>
                  <a:pt x="136" y="101"/>
                  <a:pt x="133" y="104"/>
                  <a:pt x="132" y="105"/>
                </a:cubicBezTo>
                <a:close/>
                <a:moveTo>
                  <a:pt x="158" y="134"/>
                </a:moveTo>
                <a:cubicBezTo>
                  <a:pt x="159" y="132"/>
                  <a:pt x="163" y="130"/>
                  <a:pt x="163" y="130"/>
                </a:cubicBezTo>
                <a:cubicBezTo>
                  <a:pt x="161" y="131"/>
                  <a:pt x="157" y="133"/>
                  <a:pt x="158" y="134"/>
                </a:cubicBezTo>
                <a:close/>
                <a:moveTo>
                  <a:pt x="149" y="141"/>
                </a:moveTo>
                <a:cubicBezTo>
                  <a:pt x="151" y="141"/>
                  <a:pt x="153" y="139"/>
                  <a:pt x="153" y="138"/>
                </a:cubicBezTo>
                <a:cubicBezTo>
                  <a:pt x="154" y="138"/>
                  <a:pt x="157" y="136"/>
                  <a:pt x="158" y="135"/>
                </a:cubicBezTo>
                <a:cubicBezTo>
                  <a:pt x="155" y="136"/>
                  <a:pt x="151" y="139"/>
                  <a:pt x="149" y="141"/>
                </a:cubicBezTo>
                <a:close/>
                <a:moveTo>
                  <a:pt x="132" y="110"/>
                </a:moveTo>
                <a:cubicBezTo>
                  <a:pt x="132" y="108"/>
                  <a:pt x="128" y="112"/>
                  <a:pt x="127" y="113"/>
                </a:cubicBezTo>
                <a:cubicBezTo>
                  <a:pt x="126" y="114"/>
                  <a:pt x="128" y="114"/>
                  <a:pt x="129" y="112"/>
                </a:cubicBezTo>
                <a:cubicBezTo>
                  <a:pt x="129" y="111"/>
                  <a:pt x="131" y="110"/>
                  <a:pt x="131" y="110"/>
                </a:cubicBezTo>
                <a:cubicBezTo>
                  <a:pt x="131" y="110"/>
                  <a:pt x="131" y="110"/>
                  <a:pt x="132" y="110"/>
                </a:cubicBezTo>
                <a:close/>
                <a:moveTo>
                  <a:pt x="137" y="153"/>
                </a:moveTo>
                <a:cubicBezTo>
                  <a:pt x="139" y="150"/>
                  <a:pt x="143" y="148"/>
                  <a:pt x="143" y="147"/>
                </a:cubicBezTo>
                <a:cubicBezTo>
                  <a:pt x="140" y="149"/>
                  <a:pt x="138" y="151"/>
                  <a:pt x="137" y="153"/>
                </a:cubicBezTo>
                <a:close/>
                <a:moveTo>
                  <a:pt x="105" y="131"/>
                </a:moveTo>
                <a:cubicBezTo>
                  <a:pt x="110" y="128"/>
                  <a:pt x="114" y="123"/>
                  <a:pt x="118" y="120"/>
                </a:cubicBezTo>
                <a:cubicBezTo>
                  <a:pt x="117" y="119"/>
                  <a:pt x="117" y="119"/>
                  <a:pt x="117" y="119"/>
                </a:cubicBezTo>
                <a:cubicBezTo>
                  <a:pt x="113" y="123"/>
                  <a:pt x="107" y="128"/>
                  <a:pt x="105" y="131"/>
                </a:cubicBezTo>
                <a:close/>
                <a:moveTo>
                  <a:pt x="144" y="153"/>
                </a:moveTo>
                <a:cubicBezTo>
                  <a:pt x="144" y="154"/>
                  <a:pt x="143" y="155"/>
                  <a:pt x="143" y="155"/>
                </a:cubicBezTo>
                <a:cubicBezTo>
                  <a:pt x="146" y="153"/>
                  <a:pt x="146" y="153"/>
                  <a:pt x="146" y="153"/>
                </a:cubicBezTo>
                <a:cubicBezTo>
                  <a:pt x="145" y="153"/>
                  <a:pt x="146" y="152"/>
                  <a:pt x="144" y="153"/>
                </a:cubicBezTo>
                <a:close/>
                <a:moveTo>
                  <a:pt x="124" y="137"/>
                </a:moveTo>
                <a:cubicBezTo>
                  <a:pt x="125" y="137"/>
                  <a:pt x="126" y="136"/>
                  <a:pt x="126" y="136"/>
                </a:cubicBezTo>
                <a:cubicBezTo>
                  <a:pt x="125" y="136"/>
                  <a:pt x="123" y="138"/>
                  <a:pt x="122" y="139"/>
                </a:cubicBezTo>
                <a:cubicBezTo>
                  <a:pt x="121" y="140"/>
                  <a:pt x="121" y="140"/>
                  <a:pt x="122" y="140"/>
                </a:cubicBezTo>
                <a:cubicBezTo>
                  <a:pt x="124" y="138"/>
                  <a:pt x="123" y="138"/>
                  <a:pt x="124" y="137"/>
                </a:cubicBezTo>
                <a:close/>
                <a:moveTo>
                  <a:pt x="112" y="136"/>
                </a:moveTo>
                <a:cubicBezTo>
                  <a:pt x="109" y="139"/>
                  <a:pt x="114" y="135"/>
                  <a:pt x="111" y="138"/>
                </a:cubicBezTo>
                <a:cubicBezTo>
                  <a:pt x="113" y="136"/>
                  <a:pt x="113" y="136"/>
                  <a:pt x="115" y="135"/>
                </a:cubicBezTo>
                <a:cubicBezTo>
                  <a:pt x="115" y="135"/>
                  <a:pt x="116" y="134"/>
                  <a:pt x="115" y="134"/>
                </a:cubicBezTo>
                <a:cubicBezTo>
                  <a:pt x="113" y="136"/>
                  <a:pt x="114" y="134"/>
                  <a:pt x="112" y="136"/>
                </a:cubicBezTo>
                <a:close/>
                <a:moveTo>
                  <a:pt x="125" y="156"/>
                </a:moveTo>
                <a:cubicBezTo>
                  <a:pt x="126" y="156"/>
                  <a:pt x="128" y="154"/>
                  <a:pt x="129" y="152"/>
                </a:cubicBezTo>
                <a:cubicBezTo>
                  <a:pt x="128" y="153"/>
                  <a:pt x="126" y="154"/>
                  <a:pt x="125" y="156"/>
                </a:cubicBezTo>
                <a:close/>
                <a:moveTo>
                  <a:pt x="113" y="150"/>
                </a:moveTo>
                <a:cubicBezTo>
                  <a:pt x="117" y="147"/>
                  <a:pt x="116" y="148"/>
                  <a:pt x="120" y="145"/>
                </a:cubicBezTo>
                <a:cubicBezTo>
                  <a:pt x="118" y="145"/>
                  <a:pt x="121" y="143"/>
                  <a:pt x="120" y="143"/>
                </a:cubicBezTo>
                <a:cubicBezTo>
                  <a:pt x="119" y="145"/>
                  <a:pt x="113" y="149"/>
                  <a:pt x="113" y="150"/>
                </a:cubicBezTo>
                <a:close/>
                <a:moveTo>
                  <a:pt x="112" y="138"/>
                </a:moveTo>
                <a:cubicBezTo>
                  <a:pt x="110" y="140"/>
                  <a:pt x="110" y="138"/>
                  <a:pt x="108" y="140"/>
                </a:cubicBezTo>
                <a:cubicBezTo>
                  <a:pt x="107" y="142"/>
                  <a:pt x="109" y="140"/>
                  <a:pt x="110" y="141"/>
                </a:cubicBezTo>
                <a:cubicBezTo>
                  <a:pt x="111" y="140"/>
                  <a:pt x="114" y="137"/>
                  <a:pt x="112" y="138"/>
                </a:cubicBezTo>
                <a:close/>
                <a:moveTo>
                  <a:pt x="96" y="141"/>
                </a:moveTo>
                <a:cubicBezTo>
                  <a:pt x="99" y="138"/>
                  <a:pt x="99" y="138"/>
                  <a:pt x="99" y="138"/>
                </a:cubicBezTo>
                <a:cubicBezTo>
                  <a:pt x="98" y="137"/>
                  <a:pt x="98" y="137"/>
                  <a:pt x="98" y="137"/>
                </a:cubicBezTo>
                <a:cubicBezTo>
                  <a:pt x="96" y="139"/>
                  <a:pt x="97" y="139"/>
                  <a:pt x="96" y="141"/>
                </a:cubicBezTo>
                <a:close/>
                <a:moveTo>
                  <a:pt x="119" y="170"/>
                </a:moveTo>
                <a:cubicBezTo>
                  <a:pt x="119" y="171"/>
                  <a:pt x="120" y="168"/>
                  <a:pt x="120" y="169"/>
                </a:cubicBezTo>
                <a:cubicBezTo>
                  <a:pt x="121" y="168"/>
                  <a:pt x="125" y="165"/>
                  <a:pt x="123" y="166"/>
                </a:cubicBezTo>
                <a:cubicBezTo>
                  <a:pt x="121" y="168"/>
                  <a:pt x="121" y="168"/>
                  <a:pt x="119" y="170"/>
                </a:cubicBezTo>
                <a:close/>
                <a:moveTo>
                  <a:pt x="111" y="161"/>
                </a:moveTo>
                <a:cubicBezTo>
                  <a:pt x="113" y="159"/>
                  <a:pt x="114" y="159"/>
                  <a:pt x="115" y="158"/>
                </a:cubicBezTo>
                <a:cubicBezTo>
                  <a:pt x="114" y="158"/>
                  <a:pt x="115" y="157"/>
                  <a:pt x="114" y="157"/>
                </a:cubicBezTo>
                <a:cubicBezTo>
                  <a:pt x="113" y="159"/>
                  <a:pt x="111" y="160"/>
                  <a:pt x="111" y="161"/>
                </a:cubicBezTo>
                <a:close/>
                <a:moveTo>
                  <a:pt x="85" y="151"/>
                </a:moveTo>
                <a:cubicBezTo>
                  <a:pt x="83" y="153"/>
                  <a:pt x="82" y="154"/>
                  <a:pt x="81" y="155"/>
                </a:cubicBezTo>
                <a:cubicBezTo>
                  <a:pt x="81" y="156"/>
                  <a:pt x="81" y="156"/>
                  <a:pt x="81" y="156"/>
                </a:cubicBezTo>
                <a:cubicBezTo>
                  <a:pt x="81" y="156"/>
                  <a:pt x="81" y="156"/>
                  <a:pt x="81" y="156"/>
                </a:cubicBezTo>
                <a:cubicBezTo>
                  <a:pt x="82" y="156"/>
                  <a:pt x="82" y="156"/>
                  <a:pt x="82" y="156"/>
                </a:cubicBezTo>
                <a:cubicBezTo>
                  <a:pt x="83" y="155"/>
                  <a:pt x="83" y="155"/>
                  <a:pt x="83" y="155"/>
                </a:cubicBezTo>
                <a:cubicBezTo>
                  <a:pt x="84" y="154"/>
                  <a:pt x="85" y="152"/>
                  <a:pt x="86" y="151"/>
                </a:cubicBezTo>
                <a:cubicBezTo>
                  <a:pt x="89" y="149"/>
                  <a:pt x="91" y="146"/>
                  <a:pt x="93" y="143"/>
                </a:cubicBezTo>
                <a:cubicBezTo>
                  <a:pt x="90" y="146"/>
                  <a:pt x="87" y="149"/>
                  <a:pt x="85" y="151"/>
                </a:cubicBezTo>
                <a:close/>
                <a:moveTo>
                  <a:pt x="88" y="156"/>
                </a:moveTo>
                <a:cubicBezTo>
                  <a:pt x="90" y="154"/>
                  <a:pt x="91" y="154"/>
                  <a:pt x="93" y="152"/>
                </a:cubicBezTo>
                <a:cubicBezTo>
                  <a:pt x="93" y="151"/>
                  <a:pt x="93" y="150"/>
                  <a:pt x="94" y="149"/>
                </a:cubicBezTo>
                <a:cubicBezTo>
                  <a:pt x="91" y="152"/>
                  <a:pt x="87" y="156"/>
                  <a:pt x="88" y="156"/>
                </a:cubicBezTo>
                <a:close/>
                <a:moveTo>
                  <a:pt x="86" y="154"/>
                </a:moveTo>
                <a:cubicBezTo>
                  <a:pt x="88" y="153"/>
                  <a:pt x="87" y="154"/>
                  <a:pt x="89" y="152"/>
                </a:cubicBezTo>
                <a:cubicBezTo>
                  <a:pt x="89" y="152"/>
                  <a:pt x="89" y="152"/>
                  <a:pt x="90" y="151"/>
                </a:cubicBezTo>
                <a:cubicBezTo>
                  <a:pt x="89" y="151"/>
                  <a:pt x="89" y="151"/>
                  <a:pt x="90" y="151"/>
                </a:cubicBezTo>
                <a:cubicBezTo>
                  <a:pt x="90" y="150"/>
                  <a:pt x="90" y="150"/>
                  <a:pt x="90" y="150"/>
                </a:cubicBezTo>
                <a:cubicBezTo>
                  <a:pt x="89" y="152"/>
                  <a:pt x="86" y="154"/>
                  <a:pt x="86" y="154"/>
                </a:cubicBezTo>
                <a:close/>
                <a:moveTo>
                  <a:pt x="96" y="160"/>
                </a:moveTo>
                <a:cubicBezTo>
                  <a:pt x="96" y="161"/>
                  <a:pt x="94" y="163"/>
                  <a:pt x="94" y="164"/>
                </a:cubicBezTo>
                <a:cubicBezTo>
                  <a:pt x="96" y="162"/>
                  <a:pt x="96" y="161"/>
                  <a:pt x="98" y="160"/>
                </a:cubicBezTo>
                <a:cubicBezTo>
                  <a:pt x="97" y="159"/>
                  <a:pt x="97" y="160"/>
                  <a:pt x="96" y="160"/>
                </a:cubicBezTo>
                <a:close/>
                <a:moveTo>
                  <a:pt x="95" y="158"/>
                </a:moveTo>
                <a:cubicBezTo>
                  <a:pt x="95" y="158"/>
                  <a:pt x="95" y="158"/>
                  <a:pt x="95" y="158"/>
                </a:cubicBezTo>
                <a:cubicBezTo>
                  <a:pt x="93" y="159"/>
                  <a:pt x="94" y="159"/>
                  <a:pt x="92" y="160"/>
                </a:cubicBezTo>
                <a:cubicBezTo>
                  <a:pt x="93" y="161"/>
                  <a:pt x="93" y="161"/>
                  <a:pt x="93" y="161"/>
                </a:cubicBezTo>
                <a:cubicBezTo>
                  <a:pt x="94" y="159"/>
                  <a:pt x="94" y="160"/>
                  <a:pt x="95" y="158"/>
                </a:cubicBezTo>
                <a:close/>
                <a:moveTo>
                  <a:pt x="85" y="163"/>
                </a:moveTo>
                <a:cubicBezTo>
                  <a:pt x="86" y="162"/>
                  <a:pt x="86" y="162"/>
                  <a:pt x="86" y="162"/>
                </a:cubicBezTo>
                <a:cubicBezTo>
                  <a:pt x="86" y="162"/>
                  <a:pt x="85" y="162"/>
                  <a:pt x="85" y="163"/>
                </a:cubicBezTo>
                <a:close/>
                <a:moveTo>
                  <a:pt x="91" y="167"/>
                </a:moveTo>
                <a:cubicBezTo>
                  <a:pt x="91" y="167"/>
                  <a:pt x="91" y="167"/>
                  <a:pt x="91" y="168"/>
                </a:cubicBezTo>
                <a:cubicBezTo>
                  <a:pt x="92" y="168"/>
                  <a:pt x="92" y="168"/>
                  <a:pt x="92" y="167"/>
                </a:cubicBezTo>
                <a:cubicBezTo>
                  <a:pt x="92" y="167"/>
                  <a:pt x="92" y="167"/>
                  <a:pt x="92" y="167"/>
                </a:cubicBezTo>
                <a:cubicBezTo>
                  <a:pt x="92" y="167"/>
                  <a:pt x="91" y="166"/>
                  <a:pt x="91" y="167"/>
                </a:cubicBezTo>
                <a:close/>
                <a:moveTo>
                  <a:pt x="101" y="179"/>
                </a:moveTo>
                <a:cubicBezTo>
                  <a:pt x="101" y="179"/>
                  <a:pt x="101" y="179"/>
                  <a:pt x="102" y="180"/>
                </a:cubicBezTo>
                <a:cubicBezTo>
                  <a:pt x="102" y="179"/>
                  <a:pt x="102" y="178"/>
                  <a:pt x="103" y="178"/>
                </a:cubicBezTo>
                <a:cubicBezTo>
                  <a:pt x="103" y="178"/>
                  <a:pt x="103" y="178"/>
                  <a:pt x="103" y="177"/>
                </a:cubicBezTo>
                <a:cubicBezTo>
                  <a:pt x="102" y="178"/>
                  <a:pt x="102" y="178"/>
                  <a:pt x="101" y="179"/>
                </a:cubicBezTo>
                <a:close/>
                <a:moveTo>
                  <a:pt x="111" y="187"/>
                </a:moveTo>
                <a:cubicBezTo>
                  <a:pt x="111" y="188"/>
                  <a:pt x="112" y="187"/>
                  <a:pt x="112" y="187"/>
                </a:cubicBezTo>
                <a:cubicBezTo>
                  <a:pt x="111" y="187"/>
                  <a:pt x="112" y="187"/>
                  <a:pt x="112" y="186"/>
                </a:cubicBezTo>
                <a:cubicBezTo>
                  <a:pt x="111" y="186"/>
                  <a:pt x="112" y="187"/>
                  <a:pt x="111" y="187"/>
                </a:cubicBezTo>
                <a:close/>
                <a:moveTo>
                  <a:pt x="100" y="178"/>
                </a:moveTo>
                <a:cubicBezTo>
                  <a:pt x="100" y="179"/>
                  <a:pt x="101" y="179"/>
                  <a:pt x="101" y="178"/>
                </a:cubicBezTo>
                <a:cubicBezTo>
                  <a:pt x="101" y="178"/>
                  <a:pt x="101" y="178"/>
                  <a:pt x="101" y="178"/>
                </a:cubicBezTo>
                <a:cubicBezTo>
                  <a:pt x="101" y="178"/>
                  <a:pt x="101" y="178"/>
                  <a:pt x="101" y="178"/>
                </a:cubicBezTo>
                <a:cubicBezTo>
                  <a:pt x="101" y="178"/>
                  <a:pt x="100" y="178"/>
                  <a:pt x="100" y="178"/>
                </a:cubicBezTo>
                <a:close/>
                <a:moveTo>
                  <a:pt x="101" y="180"/>
                </a:moveTo>
                <a:cubicBezTo>
                  <a:pt x="101" y="179"/>
                  <a:pt x="101" y="181"/>
                  <a:pt x="102" y="180"/>
                </a:cubicBezTo>
                <a:cubicBezTo>
                  <a:pt x="102" y="180"/>
                  <a:pt x="101" y="179"/>
                  <a:pt x="101" y="179"/>
                </a:cubicBezTo>
                <a:cubicBezTo>
                  <a:pt x="101" y="179"/>
                  <a:pt x="100" y="180"/>
                  <a:pt x="101" y="180"/>
                </a:cubicBezTo>
                <a:close/>
                <a:moveTo>
                  <a:pt x="76" y="157"/>
                </a:moveTo>
                <a:cubicBezTo>
                  <a:pt x="76" y="157"/>
                  <a:pt x="77" y="156"/>
                  <a:pt x="76" y="156"/>
                </a:cubicBezTo>
                <a:cubicBezTo>
                  <a:pt x="76" y="156"/>
                  <a:pt x="76" y="157"/>
                  <a:pt x="76" y="157"/>
                </a:cubicBezTo>
                <a:close/>
                <a:moveTo>
                  <a:pt x="99" y="179"/>
                </a:moveTo>
                <a:cubicBezTo>
                  <a:pt x="99" y="178"/>
                  <a:pt x="100" y="180"/>
                  <a:pt x="100" y="179"/>
                </a:cubicBezTo>
                <a:cubicBezTo>
                  <a:pt x="99" y="179"/>
                  <a:pt x="100" y="179"/>
                  <a:pt x="100" y="178"/>
                </a:cubicBezTo>
                <a:cubicBezTo>
                  <a:pt x="100" y="178"/>
                  <a:pt x="99" y="179"/>
                  <a:pt x="99" y="179"/>
                </a:cubicBezTo>
                <a:close/>
                <a:moveTo>
                  <a:pt x="104" y="186"/>
                </a:moveTo>
                <a:cubicBezTo>
                  <a:pt x="105" y="185"/>
                  <a:pt x="105" y="185"/>
                  <a:pt x="105" y="185"/>
                </a:cubicBezTo>
                <a:cubicBezTo>
                  <a:pt x="105" y="184"/>
                  <a:pt x="104" y="185"/>
                  <a:pt x="104" y="186"/>
                </a:cubicBezTo>
                <a:close/>
                <a:moveTo>
                  <a:pt x="100" y="181"/>
                </a:moveTo>
                <a:cubicBezTo>
                  <a:pt x="100" y="181"/>
                  <a:pt x="100" y="181"/>
                  <a:pt x="100" y="181"/>
                </a:cubicBezTo>
                <a:cubicBezTo>
                  <a:pt x="100" y="181"/>
                  <a:pt x="100" y="181"/>
                  <a:pt x="100" y="181"/>
                </a:cubicBezTo>
                <a:cubicBezTo>
                  <a:pt x="100" y="181"/>
                  <a:pt x="101" y="181"/>
                  <a:pt x="101" y="181"/>
                </a:cubicBezTo>
                <a:cubicBezTo>
                  <a:pt x="100" y="181"/>
                  <a:pt x="100" y="180"/>
                  <a:pt x="100" y="181"/>
                </a:cubicBezTo>
                <a:close/>
                <a:moveTo>
                  <a:pt x="108" y="192"/>
                </a:moveTo>
                <a:cubicBezTo>
                  <a:pt x="108" y="191"/>
                  <a:pt x="109" y="190"/>
                  <a:pt x="109" y="190"/>
                </a:cubicBezTo>
                <a:cubicBezTo>
                  <a:pt x="108" y="191"/>
                  <a:pt x="107" y="191"/>
                  <a:pt x="108" y="192"/>
                </a:cubicBezTo>
                <a:close/>
                <a:moveTo>
                  <a:pt x="76" y="161"/>
                </a:moveTo>
                <a:cubicBezTo>
                  <a:pt x="76" y="161"/>
                  <a:pt x="77" y="162"/>
                  <a:pt x="77" y="161"/>
                </a:cubicBezTo>
                <a:cubicBezTo>
                  <a:pt x="77" y="161"/>
                  <a:pt x="77" y="161"/>
                  <a:pt x="77" y="161"/>
                </a:cubicBezTo>
                <a:cubicBezTo>
                  <a:pt x="77" y="161"/>
                  <a:pt x="78" y="161"/>
                  <a:pt x="77" y="161"/>
                </a:cubicBezTo>
                <a:cubicBezTo>
                  <a:pt x="77" y="161"/>
                  <a:pt x="77" y="161"/>
                  <a:pt x="76" y="161"/>
                </a:cubicBezTo>
                <a:close/>
                <a:moveTo>
                  <a:pt x="99" y="182"/>
                </a:moveTo>
                <a:cubicBezTo>
                  <a:pt x="99" y="182"/>
                  <a:pt x="99" y="182"/>
                  <a:pt x="99" y="182"/>
                </a:cubicBezTo>
                <a:cubicBezTo>
                  <a:pt x="100" y="182"/>
                  <a:pt x="100" y="182"/>
                  <a:pt x="100" y="181"/>
                </a:cubicBezTo>
                <a:cubicBezTo>
                  <a:pt x="99" y="181"/>
                  <a:pt x="99" y="182"/>
                  <a:pt x="99" y="182"/>
                </a:cubicBezTo>
                <a:close/>
                <a:moveTo>
                  <a:pt x="102" y="184"/>
                </a:moveTo>
                <a:cubicBezTo>
                  <a:pt x="102" y="184"/>
                  <a:pt x="102" y="185"/>
                  <a:pt x="102" y="185"/>
                </a:cubicBezTo>
                <a:cubicBezTo>
                  <a:pt x="102" y="185"/>
                  <a:pt x="102" y="185"/>
                  <a:pt x="102" y="185"/>
                </a:cubicBezTo>
                <a:cubicBezTo>
                  <a:pt x="102" y="185"/>
                  <a:pt x="103" y="185"/>
                  <a:pt x="103" y="184"/>
                </a:cubicBezTo>
                <a:cubicBezTo>
                  <a:pt x="103" y="185"/>
                  <a:pt x="102" y="184"/>
                  <a:pt x="102" y="184"/>
                </a:cubicBezTo>
                <a:close/>
                <a:moveTo>
                  <a:pt x="103" y="187"/>
                </a:moveTo>
                <a:cubicBezTo>
                  <a:pt x="104" y="186"/>
                  <a:pt x="104" y="186"/>
                  <a:pt x="104" y="185"/>
                </a:cubicBezTo>
                <a:cubicBezTo>
                  <a:pt x="104" y="186"/>
                  <a:pt x="103" y="186"/>
                  <a:pt x="103" y="187"/>
                </a:cubicBezTo>
                <a:close/>
                <a:moveTo>
                  <a:pt x="99" y="185"/>
                </a:moveTo>
                <a:cubicBezTo>
                  <a:pt x="99" y="185"/>
                  <a:pt x="100" y="185"/>
                  <a:pt x="100" y="185"/>
                </a:cubicBezTo>
                <a:cubicBezTo>
                  <a:pt x="100" y="185"/>
                  <a:pt x="101" y="185"/>
                  <a:pt x="101" y="186"/>
                </a:cubicBezTo>
                <a:cubicBezTo>
                  <a:pt x="102" y="186"/>
                  <a:pt x="100" y="184"/>
                  <a:pt x="102" y="184"/>
                </a:cubicBezTo>
                <a:cubicBezTo>
                  <a:pt x="101" y="184"/>
                  <a:pt x="101" y="184"/>
                  <a:pt x="101" y="183"/>
                </a:cubicBezTo>
                <a:cubicBezTo>
                  <a:pt x="100" y="184"/>
                  <a:pt x="99" y="184"/>
                  <a:pt x="99" y="185"/>
                </a:cubicBezTo>
                <a:close/>
                <a:moveTo>
                  <a:pt x="84" y="169"/>
                </a:moveTo>
                <a:cubicBezTo>
                  <a:pt x="84" y="169"/>
                  <a:pt x="85" y="169"/>
                  <a:pt x="85" y="168"/>
                </a:cubicBezTo>
                <a:cubicBezTo>
                  <a:pt x="85" y="169"/>
                  <a:pt x="84" y="169"/>
                  <a:pt x="84" y="169"/>
                </a:cubicBezTo>
                <a:close/>
                <a:moveTo>
                  <a:pt x="97" y="181"/>
                </a:moveTo>
                <a:cubicBezTo>
                  <a:pt x="98" y="181"/>
                  <a:pt x="97" y="182"/>
                  <a:pt x="98" y="182"/>
                </a:cubicBezTo>
                <a:cubicBezTo>
                  <a:pt x="98" y="181"/>
                  <a:pt x="98" y="181"/>
                  <a:pt x="98" y="181"/>
                </a:cubicBezTo>
                <a:cubicBezTo>
                  <a:pt x="98" y="181"/>
                  <a:pt x="98" y="181"/>
                  <a:pt x="97" y="181"/>
                </a:cubicBezTo>
                <a:close/>
                <a:moveTo>
                  <a:pt x="105" y="194"/>
                </a:moveTo>
                <a:cubicBezTo>
                  <a:pt x="106" y="194"/>
                  <a:pt x="106" y="192"/>
                  <a:pt x="107" y="192"/>
                </a:cubicBezTo>
                <a:cubicBezTo>
                  <a:pt x="107" y="192"/>
                  <a:pt x="107" y="192"/>
                  <a:pt x="107" y="192"/>
                </a:cubicBezTo>
                <a:cubicBezTo>
                  <a:pt x="106" y="192"/>
                  <a:pt x="105" y="193"/>
                  <a:pt x="105" y="194"/>
                </a:cubicBezTo>
                <a:close/>
                <a:moveTo>
                  <a:pt x="91" y="184"/>
                </a:moveTo>
                <a:cubicBezTo>
                  <a:pt x="92" y="184"/>
                  <a:pt x="91" y="185"/>
                  <a:pt x="91" y="185"/>
                </a:cubicBezTo>
                <a:cubicBezTo>
                  <a:pt x="92" y="185"/>
                  <a:pt x="92" y="184"/>
                  <a:pt x="93" y="184"/>
                </a:cubicBezTo>
                <a:cubicBezTo>
                  <a:pt x="92" y="184"/>
                  <a:pt x="92" y="184"/>
                  <a:pt x="92" y="183"/>
                </a:cubicBezTo>
                <a:cubicBezTo>
                  <a:pt x="92" y="184"/>
                  <a:pt x="92" y="184"/>
                  <a:pt x="91" y="184"/>
                </a:cubicBezTo>
                <a:close/>
                <a:moveTo>
                  <a:pt x="72" y="169"/>
                </a:moveTo>
                <a:cubicBezTo>
                  <a:pt x="73" y="170"/>
                  <a:pt x="73" y="170"/>
                  <a:pt x="73" y="170"/>
                </a:cubicBezTo>
                <a:cubicBezTo>
                  <a:pt x="73" y="169"/>
                  <a:pt x="75" y="168"/>
                  <a:pt x="74" y="167"/>
                </a:cubicBezTo>
                <a:cubicBezTo>
                  <a:pt x="73" y="168"/>
                  <a:pt x="73" y="169"/>
                  <a:pt x="72" y="169"/>
                </a:cubicBezTo>
                <a:close/>
                <a:moveTo>
                  <a:pt x="74" y="170"/>
                </a:moveTo>
                <a:cubicBezTo>
                  <a:pt x="75" y="170"/>
                  <a:pt x="76" y="169"/>
                  <a:pt x="76" y="168"/>
                </a:cubicBezTo>
                <a:cubicBezTo>
                  <a:pt x="75" y="169"/>
                  <a:pt x="74" y="170"/>
                  <a:pt x="74" y="170"/>
                </a:cubicBezTo>
                <a:close/>
                <a:moveTo>
                  <a:pt x="88" y="184"/>
                </a:moveTo>
                <a:cubicBezTo>
                  <a:pt x="89" y="185"/>
                  <a:pt x="89" y="185"/>
                  <a:pt x="89" y="185"/>
                </a:cubicBezTo>
                <a:cubicBezTo>
                  <a:pt x="90" y="184"/>
                  <a:pt x="90" y="184"/>
                  <a:pt x="90" y="183"/>
                </a:cubicBezTo>
                <a:cubicBezTo>
                  <a:pt x="90" y="183"/>
                  <a:pt x="89" y="184"/>
                  <a:pt x="88" y="184"/>
                </a:cubicBezTo>
                <a:close/>
                <a:moveTo>
                  <a:pt x="71" y="168"/>
                </a:moveTo>
                <a:cubicBezTo>
                  <a:pt x="71" y="168"/>
                  <a:pt x="71" y="167"/>
                  <a:pt x="71" y="167"/>
                </a:cubicBezTo>
                <a:cubicBezTo>
                  <a:pt x="71" y="167"/>
                  <a:pt x="71" y="168"/>
                  <a:pt x="71" y="168"/>
                </a:cubicBezTo>
                <a:close/>
                <a:moveTo>
                  <a:pt x="89" y="187"/>
                </a:moveTo>
                <a:cubicBezTo>
                  <a:pt x="90" y="188"/>
                  <a:pt x="90" y="187"/>
                  <a:pt x="90" y="187"/>
                </a:cubicBezTo>
                <a:cubicBezTo>
                  <a:pt x="91" y="187"/>
                  <a:pt x="91" y="186"/>
                  <a:pt x="91" y="186"/>
                </a:cubicBezTo>
                <a:cubicBezTo>
                  <a:pt x="90" y="186"/>
                  <a:pt x="90" y="187"/>
                  <a:pt x="89" y="186"/>
                </a:cubicBezTo>
                <a:cubicBezTo>
                  <a:pt x="89" y="186"/>
                  <a:pt x="90" y="187"/>
                  <a:pt x="89" y="187"/>
                </a:cubicBezTo>
                <a:close/>
                <a:moveTo>
                  <a:pt x="84" y="182"/>
                </a:moveTo>
                <a:cubicBezTo>
                  <a:pt x="84" y="182"/>
                  <a:pt x="85" y="180"/>
                  <a:pt x="84" y="180"/>
                </a:cubicBezTo>
                <a:cubicBezTo>
                  <a:pt x="84" y="181"/>
                  <a:pt x="83" y="181"/>
                  <a:pt x="84" y="182"/>
                </a:cubicBezTo>
                <a:close/>
                <a:moveTo>
                  <a:pt x="72" y="173"/>
                </a:moveTo>
                <a:cubicBezTo>
                  <a:pt x="72" y="173"/>
                  <a:pt x="73" y="173"/>
                  <a:pt x="73" y="173"/>
                </a:cubicBezTo>
                <a:cubicBezTo>
                  <a:pt x="73" y="173"/>
                  <a:pt x="73" y="173"/>
                  <a:pt x="73" y="172"/>
                </a:cubicBezTo>
                <a:cubicBezTo>
                  <a:pt x="72" y="172"/>
                  <a:pt x="75" y="172"/>
                  <a:pt x="74" y="171"/>
                </a:cubicBezTo>
                <a:cubicBezTo>
                  <a:pt x="73" y="171"/>
                  <a:pt x="73" y="172"/>
                  <a:pt x="72" y="173"/>
                </a:cubicBezTo>
                <a:close/>
                <a:moveTo>
                  <a:pt x="97" y="197"/>
                </a:moveTo>
                <a:cubicBezTo>
                  <a:pt x="98" y="196"/>
                  <a:pt x="99" y="195"/>
                  <a:pt x="99" y="194"/>
                </a:cubicBezTo>
                <a:cubicBezTo>
                  <a:pt x="99" y="195"/>
                  <a:pt x="97" y="195"/>
                  <a:pt x="97" y="197"/>
                </a:cubicBezTo>
                <a:close/>
                <a:moveTo>
                  <a:pt x="69" y="174"/>
                </a:moveTo>
                <a:cubicBezTo>
                  <a:pt x="70" y="173"/>
                  <a:pt x="71" y="172"/>
                  <a:pt x="72" y="171"/>
                </a:cubicBezTo>
                <a:cubicBezTo>
                  <a:pt x="72" y="170"/>
                  <a:pt x="72" y="170"/>
                  <a:pt x="72" y="170"/>
                </a:cubicBezTo>
                <a:cubicBezTo>
                  <a:pt x="71" y="172"/>
                  <a:pt x="69" y="172"/>
                  <a:pt x="69" y="174"/>
                </a:cubicBezTo>
                <a:close/>
                <a:moveTo>
                  <a:pt x="91" y="189"/>
                </a:moveTo>
                <a:cubicBezTo>
                  <a:pt x="91" y="189"/>
                  <a:pt x="92" y="189"/>
                  <a:pt x="91" y="188"/>
                </a:cubicBezTo>
                <a:cubicBezTo>
                  <a:pt x="91" y="189"/>
                  <a:pt x="90" y="189"/>
                  <a:pt x="91" y="189"/>
                </a:cubicBezTo>
                <a:close/>
                <a:moveTo>
                  <a:pt x="69" y="171"/>
                </a:moveTo>
                <a:cubicBezTo>
                  <a:pt x="69" y="170"/>
                  <a:pt x="70" y="169"/>
                  <a:pt x="70" y="169"/>
                </a:cubicBezTo>
                <a:cubicBezTo>
                  <a:pt x="69" y="169"/>
                  <a:pt x="68" y="170"/>
                  <a:pt x="69" y="171"/>
                </a:cubicBezTo>
                <a:close/>
                <a:moveTo>
                  <a:pt x="67" y="172"/>
                </a:moveTo>
                <a:cubicBezTo>
                  <a:pt x="68" y="173"/>
                  <a:pt x="68" y="172"/>
                  <a:pt x="68" y="171"/>
                </a:cubicBezTo>
                <a:lnTo>
                  <a:pt x="67" y="172"/>
                </a:lnTo>
                <a:close/>
                <a:moveTo>
                  <a:pt x="96" y="198"/>
                </a:moveTo>
                <a:cubicBezTo>
                  <a:pt x="97" y="198"/>
                  <a:pt x="97" y="197"/>
                  <a:pt x="97" y="197"/>
                </a:cubicBezTo>
                <a:cubicBezTo>
                  <a:pt x="96" y="197"/>
                  <a:pt x="96" y="198"/>
                  <a:pt x="96" y="198"/>
                </a:cubicBezTo>
                <a:close/>
                <a:moveTo>
                  <a:pt x="75" y="181"/>
                </a:moveTo>
                <a:cubicBezTo>
                  <a:pt x="76" y="181"/>
                  <a:pt x="77" y="180"/>
                  <a:pt x="76" y="180"/>
                </a:cubicBezTo>
                <a:cubicBezTo>
                  <a:pt x="76" y="180"/>
                  <a:pt x="75" y="181"/>
                  <a:pt x="75" y="181"/>
                </a:cubicBezTo>
                <a:close/>
                <a:moveTo>
                  <a:pt x="90" y="195"/>
                </a:moveTo>
                <a:cubicBezTo>
                  <a:pt x="91" y="196"/>
                  <a:pt x="91" y="194"/>
                  <a:pt x="92" y="194"/>
                </a:cubicBezTo>
                <a:cubicBezTo>
                  <a:pt x="92" y="194"/>
                  <a:pt x="92" y="194"/>
                  <a:pt x="91" y="193"/>
                </a:cubicBezTo>
                <a:cubicBezTo>
                  <a:pt x="91" y="194"/>
                  <a:pt x="91" y="195"/>
                  <a:pt x="90" y="195"/>
                </a:cubicBezTo>
                <a:close/>
                <a:moveTo>
                  <a:pt x="65" y="173"/>
                </a:moveTo>
                <a:cubicBezTo>
                  <a:pt x="66" y="173"/>
                  <a:pt x="66" y="172"/>
                  <a:pt x="66" y="172"/>
                </a:cubicBezTo>
                <a:cubicBezTo>
                  <a:pt x="66" y="172"/>
                  <a:pt x="65" y="173"/>
                  <a:pt x="65" y="173"/>
                </a:cubicBezTo>
                <a:close/>
                <a:moveTo>
                  <a:pt x="67" y="176"/>
                </a:moveTo>
                <a:cubicBezTo>
                  <a:pt x="68" y="177"/>
                  <a:pt x="69" y="175"/>
                  <a:pt x="68" y="175"/>
                </a:cubicBezTo>
                <a:cubicBezTo>
                  <a:pt x="68" y="176"/>
                  <a:pt x="67" y="176"/>
                  <a:pt x="67" y="176"/>
                </a:cubicBezTo>
                <a:close/>
                <a:moveTo>
                  <a:pt x="70" y="178"/>
                </a:moveTo>
                <a:cubicBezTo>
                  <a:pt x="70" y="179"/>
                  <a:pt x="70" y="178"/>
                  <a:pt x="70" y="177"/>
                </a:cubicBezTo>
                <a:cubicBezTo>
                  <a:pt x="70" y="177"/>
                  <a:pt x="70" y="178"/>
                  <a:pt x="70" y="178"/>
                </a:cubicBezTo>
                <a:close/>
                <a:moveTo>
                  <a:pt x="88" y="196"/>
                </a:moveTo>
                <a:cubicBezTo>
                  <a:pt x="89" y="196"/>
                  <a:pt x="90" y="195"/>
                  <a:pt x="89" y="194"/>
                </a:cubicBezTo>
                <a:cubicBezTo>
                  <a:pt x="89" y="196"/>
                  <a:pt x="87" y="195"/>
                  <a:pt x="88" y="196"/>
                </a:cubicBezTo>
                <a:close/>
                <a:moveTo>
                  <a:pt x="63" y="174"/>
                </a:moveTo>
                <a:cubicBezTo>
                  <a:pt x="63" y="174"/>
                  <a:pt x="63" y="174"/>
                  <a:pt x="63" y="174"/>
                </a:cubicBezTo>
                <a:cubicBezTo>
                  <a:pt x="64" y="174"/>
                  <a:pt x="64" y="173"/>
                  <a:pt x="64" y="172"/>
                </a:cubicBezTo>
                <a:cubicBezTo>
                  <a:pt x="64" y="172"/>
                  <a:pt x="64" y="173"/>
                  <a:pt x="63" y="174"/>
                </a:cubicBezTo>
                <a:close/>
                <a:moveTo>
                  <a:pt x="87" y="195"/>
                </a:moveTo>
                <a:cubicBezTo>
                  <a:pt x="87" y="194"/>
                  <a:pt x="87" y="194"/>
                  <a:pt x="88" y="194"/>
                </a:cubicBezTo>
                <a:cubicBezTo>
                  <a:pt x="87" y="193"/>
                  <a:pt x="87" y="193"/>
                  <a:pt x="87" y="193"/>
                </a:cubicBezTo>
                <a:cubicBezTo>
                  <a:pt x="87" y="194"/>
                  <a:pt x="86" y="194"/>
                  <a:pt x="87" y="195"/>
                </a:cubicBezTo>
                <a:close/>
                <a:moveTo>
                  <a:pt x="89" y="196"/>
                </a:moveTo>
                <a:cubicBezTo>
                  <a:pt x="89" y="196"/>
                  <a:pt x="90" y="197"/>
                  <a:pt x="90" y="197"/>
                </a:cubicBezTo>
                <a:cubicBezTo>
                  <a:pt x="90" y="196"/>
                  <a:pt x="90" y="196"/>
                  <a:pt x="89" y="196"/>
                </a:cubicBezTo>
                <a:close/>
                <a:moveTo>
                  <a:pt x="70" y="180"/>
                </a:moveTo>
                <a:cubicBezTo>
                  <a:pt x="70" y="180"/>
                  <a:pt x="70" y="180"/>
                  <a:pt x="70" y="179"/>
                </a:cubicBezTo>
                <a:cubicBezTo>
                  <a:pt x="70" y="179"/>
                  <a:pt x="69" y="179"/>
                  <a:pt x="69" y="180"/>
                </a:cubicBezTo>
                <a:cubicBezTo>
                  <a:pt x="69" y="180"/>
                  <a:pt x="69" y="180"/>
                  <a:pt x="70" y="180"/>
                </a:cubicBezTo>
                <a:close/>
                <a:moveTo>
                  <a:pt x="63" y="175"/>
                </a:moveTo>
                <a:cubicBezTo>
                  <a:pt x="62" y="175"/>
                  <a:pt x="61" y="176"/>
                  <a:pt x="61" y="177"/>
                </a:cubicBezTo>
                <a:cubicBezTo>
                  <a:pt x="62" y="177"/>
                  <a:pt x="63" y="175"/>
                  <a:pt x="63" y="174"/>
                </a:cubicBezTo>
                <a:cubicBezTo>
                  <a:pt x="63" y="174"/>
                  <a:pt x="63" y="175"/>
                  <a:pt x="63" y="175"/>
                </a:cubicBezTo>
                <a:close/>
                <a:moveTo>
                  <a:pt x="88" y="201"/>
                </a:moveTo>
                <a:cubicBezTo>
                  <a:pt x="88" y="202"/>
                  <a:pt x="88" y="202"/>
                  <a:pt x="89" y="202"/>
                </a:cubicBezTo>
                <a:cubicBezTo>
                  <a:pt x="89" y="201"/>
                  <a:pt x="89" y="201"/>
                  <a:pt x="90" y="200"/>
                </a:cubicBezTo>
                <a:cubicBezTo>
                  <a:pt x="90" y="200"/>
                  <a:pt x="90" y="200"/>
                  <a:pt x="90" y="199"/>
                </a:cubicBezTo>
                <a:cubicBezTo>
                  <a:pt x="90" y="199"/>
                  <a:pt x="90" y="199"/>
                  <a:pt x="90" y="199"/>
                </a:cubicBezTo>
                <a:cubicBezTo>
                  <a:pt x="89" y="200"/>
                  <a:pt x="89" y="201"/>
                  <a:pt x="88" y="201"/>
                </a:cubicBezTo>
                <a:close/>
                <a:moveTo>
                  <a:pt x="92" y="203"/>
                </a:moveTo>
                <a:cubicBezTo>
                  <a:pt x="92" y="203"/>
                  <a:pt x="93" y="202"/>
                  <a:pt x="93" y="202"/>
                </a:cubicBezTo>
                <a:cubicBezTo>
                  <a:pt x="92" y="202"/>
                  <a:pt x="92" y="202"/>
                  <a:pt x="92" y="203"/>
                </a:cubicBezTo>
                <a:close/>
                <a:moveTo>
                  <a:pt x="62" y="177"/>
                </a:moveTo>
                <a:cubicBezTo>
                  <a:pt x="62" y="177"/>
                  <a:pt x="63" y="177"/>
                  <a:pt x="63" y="176"/>
                </a:cubicBezTo>
                <a:cubicBezTo>
                  <a:pt x="62" y="176"/>
                  <a:pt x="62" y="177"/>
                  <a:pt x="62" y="177"/>
                </a:cubicBezTo>
                <a:close/>
                <a:moveTo>
                  <a:pt x="62" y="177"/>
                </a:moveTo>
                <a:cubicBezTo>
                  <a:pt x="62" y="178"/>
                  <a:pt x="63" y="178"/>
                  <a:pt x="63" y="178"/>
                </a:cubicBezTo>
                <a:cubicBezTo>
                  <a:pt x="63" y="177"/>
                  <a:pt x="63" y="177"/>
                  <a:pt x="62" y="177"/>
                </a:cubicBezTo>
                <a:close/>
                <a:moveTo>
                  <a:pt x="90" y="205"/>
                </a:moveTo>
                <a:cubicBezTo>
                  <a:pt x="90" y="205"/>
                  <a:pt x="92" y="204"/>
                  <a:pt x="91" y="203"/>
                </a:cubicBezTo>
                <a:cubicBezTo>
                  <a:pt x="91" y="203"/>
                  <a:pt x="90" y="204"/>
                  <a:pt x="90" y="205"/>
                </a:cubicBezTo>
                <a:close/>
                <a:moveTo>
                  <a:pt x="89" y="203"/>
                </a:moveTo>
                <a:cubicBezTo>
                  <a:pt x="90" y="204"/>
                  <a:pt x="91" y="202"/>
                  <a:pt x="90" y="202"/>
                </a:cubicBezTo>
                <a:cubicBezTo>
                  <a:pt x="90" y="203"/>
                  <a:pt x="90" y="203"/>
                  <a:pt x="89" y="203"/>
                </a:cubicBezTo>
                <a:close/>
                <a:moveTo>
                  <a:pt x="78" y="193"/>
                </a:moveTo>
                <a:cubicBezTo>
                  <a:pt x="76" y="194"/>
                  <a:pt x="79" y="195"/>
                  <a:pt x="78" y="196"/>
                </a:cubicBezTo>
                <a:cubicBezTo>
                  <a:pt x="79" y="196"/>
                  <a:pt x="80" y="194"/>
                  <a:pt x="80" y="194"/>
                </a:cubicBezTo>
                <a:cubicBezTo>
                  <a:pt x="79" y="195"/>
                  <a:pt x="78" y="194"/>
                  <a:pt x="78" y="193"/>
                </a:cubicBezTo>
                <a:close/>
                <a:moveTo>
                  <a:pt x="70" y="188"/>
                </a:moveTo>
                <a:cubicBezTo>
                  <a:pt x="69" y="188"/>
                  <a:pt x="70" y="188"/>
                  <a:pt x="69" y="188"/>
                </a:cubicBezTo>
                <a:cubicBezTo>
                  <a:pt x="69" y="189"/>
                  <a:pt x="67" y="189"/>
                  <a:pt x="68" y="190"/>
                </a:cubicBezTo>
                <a:cubicBezTo>
                  <a:pt x="68" y="189"/>
                  <a:pt x="70" y="190"/>
                  <a:pt x="70" y="188"/>
                </a:cubicBezTo>
                <a:cubicBezTo>
                  <a:pt x="70" y="188"/>
                  <a:pt x="70" y="188"/>
                  <a:pt x="70" y="188"/>
                </a:cubicBezTo>
                <a:close/>
                <a:moveTo>
                  <a:pt x="66" y="185"/>
                </a:moveTo>
                <a:cubicBezTo>
                  <a:pt x="65" y="185"/>
                  <a:pt x="65" y="185"/>
                  <a:pt x="66" y="186"/>
                </a:cubicBezTo>
                <a:cubicBezTo>
                  <a:pt x="66" y="185"/>
                  <a:pt x="66" y="184"/>
                  <a:pt x="66" y="185"/>
                </a:cubicBezTo>
                <a:close/>
                <a:moveTo>
                  <a:pt x="79" y="199"/>
                </a:moveTo>
                <a:cubicBezTo>
                  <a:pt x="80" y="199"/>
                  <a:pt x="81" y="198"/>
                  <a:pt x="81" y="198"/>
                </a:cubicBezTo>
                <a:cubicBezTo>
                  <a:pt x="80" y="198"/>
                  <a:pt x="79" y="199"/>
                  <a:pt x="79" y="199"/>
                </a:cubicBezTo>
                <a:close/>
                <a:moveTo>
                  <a:pt x="84" y="202"/>
                </a:moveTo>
                <a:cubicBezTo>
                  <a:pt x="85" y="202"/>
                  <a:pt x="85" y="201"/>
                  <a:pt x="85" y="201"/>
                </a:cubicBezTo>
                <a:cubicBezTo>
                  <a:pt x="84" y="201"/>
                  <a:pt x="84" y="202"/>
                  <a:pt x="84" y="202"/>
                </a:cubicBezTo>
                <a:close/>
                <a:moveTo>
                  <a:pt x="58" y="182"/>
                </a:moveTo>
                <a:cubicBezTo>
                  <a:pt x="58" y="183"/>
                  <a:pt x="60" y="181"/>
                  <a:pt x="59" y="181"/>
                </a:cubicBezTo>
                <a:cubicBezTo>
                  <a:pt x="59" y="181"/>
                  <a:pt x="57" y="182"/>
                  <a:pt x="58" y="182"/>
                </a:cubicBezTo>
                <a:close/>
                <a:moveTo>
                  <a:pt x="76" y="197"/>
                </a:moveTo>
                <a:cubicBezTo>
                  <a:pt x="77" y="198"/>
                  <a:pt x="78" y="196"/>
                  <a:pt x="77" y="197"/>
                </a:cubicBezTo>
                <a:cubicBezTo>
                  <a:pt x="77" y="197"/>
                  <a:pt x="76" y="197"/>
                  <a:pt x="76" y="197"/>
                </a:cubicBezTo>
                <a:close/>
                <a:moveTo>
                  <a:pt x="68" y="191"/>
                </a:moveTo>
                <a:cubicBezTo>
                  <a:pt x="68" y="191"/>
                  <a:pt x="68" y="191"/>
                  <a:pt x="69" y="191"/>
                </a:cubicBezTo>
                <a:cubicBezTo>
                  <a:pt x="68" y="191"/>
                  <a:pt x="69" y="190"/>
                  <a:pt x="69" y="190"/>
                </a:cubicBezTo>
                <a:cubicBezTo>
                  <a:pt x="68" y="190"/>
                  <a:pt x="68" y="191"/>
                  <a:pt x="68" y="191"/>
                </a:cubicBezTo>
                <a:close/>
                <a:moveTo>
                  <a:pt x="69" y="194"/>
                </a:moveTo>
                <a:cubicBezTo>
                  <a:pt x="70" y="195"/>
                  <a:pt x="70" y="194"/>
                  <a:pt x="71" y="194"/>
                </a:cubicBezTo>
                <a:cubicBezTo>
                  <a:pt x="70" y="193"/>
                  <a:pt x="71" y="193"/>
                  <a:pt x="70" y="193"/>
                </a:cubicBezTo>
                <a:cubicBezTo>
                  <a:pt x="70" y="193"/>
                  <a:pt x="70" y="194"/>
                  <a:pt x="69" y="194"/>
                </a:cubicBezTo>
                <a:close/>
                <a:moveTo>
                  <a:pt x="64" y="195"/>
                </a:moveTo>
                <a:cubicBezTo>
                  <a:pt x="64" y="194"/>
                  <a:pt x="64" y="195"/>
                  <a:pt x="64" y="194"/>
                </a:cubicBezTo>
                <a:cubicBezTo>
                  <a:pt x="65" y="193"/>
                  <a:pt x="65" y="191"/>
                  <a:pt x="67" y="190"/>
                </a:cubicBezTo>
                <a:cubicBezTo>
                  <a:pt x="67" y="191"/>
                  <a:pt x="67" y="192"/>
                  <a:pt x="68" y="191"/>
                </a:cubicBezTo>
                <a:cubicBezTo>
                  <a:pt x="67" y="193"/>
                  <a:pt x="66" y="194"/>
                  <a:pt x="65" y="195"/>
                </a:cubicBezTo>
                <a:cubicBezTo>
                  <a:pt x="65" y="194"/>
                  <a:pt x="66" y="194"/>
                  <a:pt x="66" y="193"/>
                </a:cubicBezTo>
                <a:cubicBezTo>
                  <a:pt x="65" y="192"/>
                  <a:pt x="65" y="195"/>
                  <a:pt x="64" y="195"/>
                </a:cubicBezTo>
                <a:cubicBezTo>
                  <a:pt x="64" y="195"/>
                  <a:pt x="64" y="195"/>
                  <a:pt x="64" y="195"/>
                </a:cubicBezTo>
                <a:close/>
                <a:moveTo>
                  <a:pt x="66" y="192"/>
                </a:moveTo>
                <a:cubicBezTo>
                  <a:pt x="66" y="192"/>
                  <a:pt x="68" y="192"/>
                  <a:pt x="67" y="191"/>
                </a:cubicBezTo>
                <a:cubicBezTo>
                  <a:pt x="67" y="192"/>
                  <a:pt x="66" y="192"/>
                  <a:pt x="66" y="192"/>
                </a:cubicBezTo>
                <a:close/>
                <a:moveTo>
                  <a:pt x="68" y="196"/>
                </a:moveTo>
                <a:cubicBezTo>
                  <a:pt x="69" y="196"/>
                  <a:pt x="69" y="195"/>
                  <a:pt x="69" y="195"/>
                </a:cubicBezTo>
                <a:cubicBezTo>
                  <a:pt x="69" y="195"/>
                  <a:pt x="68" y="196"/>
                  <a:pt x="68" y="196"/>
                </a:cubicBezTo>
                <a:close/>
                <a:moveTo>
                  <a:pt x="81" y="205"/>
                </a:moveTo>
                <a:cubicBezTo>
                  <a:pt x="81" y="206"/>
                  <a:pt x="80" y="206"/>
                  <a:pt x="80" y="207"/>
                </a:cubicBezTo>
                <a:cubicBezTo>
                  <a:pt x="81" y="207"/>
                  <a:pt x="81" y="206"/>
                  <a:pt x="81" y="205"/>
                </a:cubicBezTo>
                <a:close/>
                <a:moveTo>
                  <a:pt x="85" y="210"/>
                </a:moveTo>
                <a:cubicBezTo>
                  <a:pt x="85" y="211"/>
                  <a:pt x="84" y="211"/>
                  <a:pt x="84" y="213"/>
                </a:cubicBezTo>
                <a:cubicBezTo>
                  <a:pt x="84" y="212"/>
                  <a:pt x="87" y="210"/>
                  <a:pt x="86" y="210"/>
                </a:cubicBezTo>
                <a:cubicBezTo>
                  <a:pt x="86" y="210"/>
                  <a:pt x="85" y="210"/>
                  <a:pt x="85" y="210"/>
                </a:cubicBezTo>
                <a:close/>
                <a:moveTo>
                  <a:pt x="81" y="210"/>
                </a:moveTo>
                <a:cubicBezTo>
                  <a:pt x="82" y="210"/>
                  <a:pt x="83" y="209"/>
                  <a:pt x="83" y="207"/>
                </a:cubicBezTo>
                <a:cubicBezTo>
                  <a:pt x="82" y="208"/>
                  <a:pt x="81" y="209"/>
                  <a:pt x="81" y="210"/>
                </a:cubicBezTo>
                <a:close/>
                <a:moveTo>
                  <a:pt x="67" y="196"/>
                </a:moveTo>
                <a:cubicBezTo>
                  <a:pt x="67" y="195"/>
                  <a:pt x="67" y="195"/>
                  <a:pt x="67" y="195"/>
                </a:cubicBezTo>
                <a:cubicBezTo>
                  <a:pt x="66" y="194"/>
                  <a:pt x="67" y="195"/>
                  <a:pt x="67" y="196"/>
                </a:cubicBezTo>
                <a:close/>
                <a:moveTo>
                  <a:pt x="54" y="186"/>
                </a:moveTo>
                <a:cubicBezTo>
                  <a:pt x="55" y="186"/>
                  <a:pt x="55" y="186"/>
                  <a:pt x="55" y="186"/>
                </a:cubicBezTo>
                <a:cubicBezTo>
                  <a:pt x="55" y="186"/>
                  <a:pt x="55" y="187"/>
                  <a:pt x="55" y="187"/>
                </a:cubicBezTo>
                <a:cubicBezTo>
                  <a:pt x="56" y="186"/>
                  <a:pt x="55" y="186"/>
                  <a:pt x="55" y="186"/>
                </a:cubicBezTo>
                <a:cubicBezTo>
                  <a:pt x="55" y="185"/>
                  <a:pt x="55" y="186"/>
                  <a:pt x="54" y="186"/>
                </a:cubicBezTo>
                <a:cubicBezTo>
                  <a:pt x="54" y="186"/>
                  <a:pt x="54" y="186"/>
                  <a:pt x="54" y="186"/>
                </a:cubicBezTo>
                <a:close/>
                <a:moveTo>
                  <a:pt x="63" y="194"/>
                </a:moveTo>
                <a:cubicBezTo>
                  <a:pt x="63" y="194"/>
                  <a:pt x="64" y="194"/>
                  <a:pt x="64" y="193"/>
                </a:cubicBezTo>
                <a:cubicBezTo>
                  <a:pt x="63" y="193"/>
                  <a:pt x="62" y="194"/>
                  <a:pt x="63" y="194"/>
                </a:cubicBezTo>
                <a:close/>
                <a:moveTo>
                  <a:pt x="68" y="198"/>
                </a:moveTo>
                <a:cubicBezTo>
                  <a:pt x="68" y="197"/>
                  <a:pt x="68" y="197"/>
                  <a:pt x="68" y="197"/>
                </a:cubicBezTo>
                <a:cubicBezTo>
                  <a:pt x="68" y="197"/>
                  <a:pt x="67" y="198"/>
                  <a:pt x="68" y="198"/>
                </a:cubicBezTo>
                <a:close/>
                <a:moveTo>
                  <a:pt x="68" y="200"/>
                </a:moveTo>
                <a:cubicBezTo>
                  <a:pt x="69" y="201"/>
                  <a:pt x="69" y="200"/>
                  <a:pt x="70" y="200"/>
                </a:cubicBezTo>
                <a:cubicBezTo>
                  <a:pt x="70" y="200"/>
                  <a:pt x="70" y="199"/>
                  <a:pt x="70" y="199"/>
                </a:cubicBezTo>
                <a:cubicBezTo>
                  <a:pt x="70" y="199"/>
                  <a:pt x="70" y="199"/>
                  <a:pt x="70" y="198"/>
                </a:cubicBezTo>
                <a:cubicBezTo>
                  <a:pt x="69" y="199"/>
                  <a:pt x="69" y="200"/>
                  <a:pt x="68" y="200"/>
                </a:cubicBezTo>
                <a:close/>
                <a:moveTo>
                  <a:pt x="53" y="186"/>
                </a:moveTo>
                <a:cubicBezTo>
                  <a:pt x="53" y="185"/>
                  <a:pt x="54" y="185"/>
                  <a:pt x="53" y="184"/>
                </a:cubicBezTo>
                <a:cubicBezTo>
                  <a:pt x="53" y="184"/>
                  <a:pt x="53" y="185"/>
                  <a:pt x="53" y="186"/>
                </a:cubicBezTo>
                <a:close/>
                <a:moveTo>
                  <a:pt x="66" y="197"/>
                </a:moveTo>
                <a:cubicBezTo>
                  <a:pt x="67" y="196"/>
                  <a:pt x="66" y="197"/>
                  <a:pt x="66" y="196"/>
                </a:cubicBezTo>
                <a:cubicBezTo>
                  <a:pt x="66" y="196"/>
                  <a:pt x="66" y="197"/>
                  <a:pt x="66" y="197"/>
                </a:cubicBezTo>
                <a:close/>
                <a:moveTo>
                  <a:pt x="71" y="202"/>
                </a:moveTo>
                <a:cubicBezTo>
                  <a:pt x="71" y="202"/>
                  <a:pt x="72" y="202"/>
                  <a:pt x="72" y="201"/>
                </a:cubicBezTo>
                <a:cubicBezTo>
                  <a:pt x="71" y="201"/>
                  <a:pt x="70" y="202"/>
                  <a:pt x="71" y="202"/>
                </a:cubicBezTo>
                <a:close/>
                <a:moveTo>
                  <a:pt x="60" y="193"/>
                </a:moveTo>
                <a:cubicBezTo>
                  <a:pt x="61" y="193"/>
                  <a:pt x="61" y="193"/>
                  <a:pt x="61" y="194"/>
                </a:cubicBezTo>
                <a:cubicBezTo>
                  <a:pt x="61" y="193"/>
                  <a:pt x="61" y="194"/>
                  <a:pt x="61" y="194"/>
                </a:cubicBezTo>
                <a:cubicBezTo>
                  <a:pt x="61" y="194"/>
                  <a:pt x="62" y="193"/>
                  <a:pt x="61" y="193"/>
                </a:cubicBezTo>
                <a:cubicBezTo>
                  <a:pt x="61" y="193"/>
                  <a:pt x="61" y="193"/>
                  <a:pt x="60" y="193"/>
                </a:cubicBezTo>
                <a:close/>
                <a:moveTo>
                  <a:pt x="54" y="191"/>
                </a:moveTo>
                <a:cubicBezTo>
                  <a:pt x="55" y="191"/>
                  <a:pt x="56" y="190"/>
                  <a:pt x="56" y="189"/>
                </a:cubicBezTo>
                <a:cubicBezTo>
                  <a:pt x="55" y="189"/>
                  <a:pt x="54" y="190"/>
                  <a:pt x="54" y="191"/>
                </a:cubicBezTo>
                <a:close/>
                <a:moveTo>
                  <a:pt x="76" y="210"/>
                </a:moveTo>
                <a:cubicBezTo>
                  <a:pt x="77" y="209"/>
                  <a:pt x="78" y="209"/>
                  <a:pt x="78" y="208"/>
                </a:cubicBezTo>
                <a:cubicBezTo>
                  <a:pt x="78" y="208"/>
                  <a:pt x="76" y="210"/>
                  <a:pt x="76" y="210"/>
                </a:cubicBezTo>
                <a:close/>
                <a:moveTo>
                  <a:pt x="75" y="208"/>
                </a:moveTo>
                <a:cubicBezTo>
                  <a:pt x="75" y="208"/>
                  <a:pt x="75" y="208"/>
                  <a:pt x="75" y="208"/>
                </a:cubicBezTo>
                <a:cubicBezTo>
                  <a:pt x="75" y="208"/>
                  <a:pt x="75" y="207"/>
                  <a:pt x="75" y="207"/>
                </a:cubicBezTo>
                <a:cubicBezTo>
                  <a:pt x="75" y="207"/>
                  <a:pt x="75" y="207"/>
                  <a:pt x="75" y="207"/>
                </a:cubicBezTo>
                <a:cubicBezTo>
                  <a:pt x="74" y="207"/>
                  <a:pt x="75" y="207"/>
                  <a:pt x="74" y="208"/>
                </a:cubicBezTo>
                <a:lnTo>
                  <a:pt x="75" y="208"/>
                </a:lnTo>
                <a:close/>
                <a:moveTo>
                  <a:pt x="74" y="206"/>
                </a:moveTo>
                <a:cubicBezTo>
                  <a:pt x="73" y="207"/>
                  <a:pt x="73" y="205"/>
                  <a:pt x="73" y="206"/>
                </a:cubicBezTo>
                <a:cubicBezTo>
                  <a:pt x="73" y="206"/>
                  <a:pt x="72" y="207"/>
                  <a:pt x="73" y="207"/>
                </a:cubicBezTo>
                <a:cubicBezTo>
                  <a:pt x="73" y="207"/>
                  <a:pt x="73" y="207"/>
                  <a:pt x="73" y="207"/>
                </a:cubicBezTo>
                <a:cubicBezTo>
                  <a:pt x="73" y="207"/>
                  <a:pt x="73" y="207"/>
                  <a:pt x="73" y="207"/>
                </a:cubicBezTo>
                <a:cubicBezTo>
                  <a:pt x="74" y="207"/>
                  <a:pt x="74" y="206"/>
                  <a:pt x="74" y="206"/>
                </a:cubicBezTo>
                <a:close/>
                <a:moveTo>
                  <a:pt x="50" y="189"/>
                </a:moveTo>
                <a:cubicBezTo>
                  <a:pt x="51" y="190"/>
                  <a:pt x="52" y="189"/>
                  <a:pt x="51" y="188"/>
                </a:cubicBezTo>
                <a:cubicBezTo>
                  <a:pt x="51" y="189"/>
                  <a:pt x="51" y="189"/>
                  <a:pt x="50" y="189"/>
                </a:cubicBezTo>
                <a:close/>
                <a:moveTo>
                  <a:pt x="53" y="192"/>
                </a:moveTo>
                <a:cubicBezTo>
                  <a:pt x="54" y="193"/>
                  <a:pt x="54" y="192"/>
                  <a:pt x="54" y="192"/>
                </a:cubicBezTo>
                <a:cubicBezTo>
                  <a:pt x="54" y="192"/>
                  <a:pt x="54" y="191"/>
                  <a:pt x="54" y="191"/>
                </a:cubicBezTo>
                <a:lnTo>
                  <a:pt x="53" y="192"/>
                </a:lnTo>
                <a:close/>
                <a:moveTo>
                  <a:pt x="73" y="209"/>
                </a:moveTo>
                <a:cubicBezTo>
                  <a:pt x="73" y="209"/>
                  <a:pt x="73" y="210"/>
                  <a:pt x="73" y="209"/>
                </a:cubicBezTo>
                <a:cubicBezTo>
                  <a:pt x="73" y="209"/>
                  <a:pt x="74" y="210"/>
                  <a:pt x="74" y="209"/>
                </a:cubicBezTo>
                <a:cubicBezTo>
                  <a:pt x="74" y="209"/>
                  <a:pt x="74" y="208"/>
                  <a:pt x="74" y="208"/>
                </a:cubicBezTo>
                <a:cubicBezTo>
                  <a:pt x="73" y="209"/>
                  <a:pt x="73" y="208"/>
                  <a:pt x="73" y="208"/>
                </a:cubicBezTo>
                <a:cubicBezTo>
                  <a:pt x="73" y="208"/>
                  <a:pt x="73" y="209"/>
                  <a:pt x="73" y="209"/>
                </a:cubicBezTo>
                <a:cubicBezTo>
                  <a:pt x="73" y="209"/>
                  <a:pt x="73" y="209"/>
                  <a:pt x="73" y="209"/>
                </a:cubicBezTo>
                <a:close/>
                <a:moveTo>
                  <a:pt x="49" y="190"/>
                </a:moveTo>
                <a:cubicBezTo>
                  <a:pt x="49" y="190"/>
                  <a:pt x="50" y="189"/>
                  <a:pt x="50" y="189"/>
                </a:cubicBezTo>
                <a:cubicBezTo>
                  <a:pt x="50" y="189"/>
                  <a:pt x="49" y="190"/>
                  <a:pt x="49" y="190"/>
                </a:cubicBezTo>
                <a:close/>
                <a:moveTo>
                  <a:pt x="52" y="194"/>
                </a:moveTo>
                <a:cubicBezTo>
                  <a:pt x="53" y="194"/>
                  <a:pt x="54" y="193"/>
                  <a:pt x="53" y="192"/>
                </a:cubicBezTo>
                <a:cubicBezTo>
                  <a:pt x="53" y="193"/>
                  <a:pt x="52" y="193"/>
                  <a:pt x="52" y="194"/>
                </a:cubicBezTo>
                <a:close/>
                <a:moveTo>
                  <a:pt x="66" y="205"/>
                </a:moveTo>
                <a:cubicBezTo>
                  <a:pt x="66" y="205"/>
                  <a:pt x="67" y="204"/>
                  <a:pt x="67" y="204"/>
                </a:cubicBezTo>
                <a:cubicBezTo>
                  <a:pt x="67" y="204"/>
                  <a:pt x="67" y="204"/>
                  <a:pt x="67" y="204"/>
                </a:cubicBezTo>
                <a:cubicBezTo>
                  <a:pt x="67" y="204"/>
                  <a:pt x="66" y="205"/>
                  <a:pt x="66" y="205"/>
                </a:cubicBezTo>
                <a:close/>
                <a:moveTo>
                  <a:pt x="58" y="198"/>
                </a:moveTo>
                <a:cubicBezTo>
                  <a:pt x="57" y="198"/>
                  <a:pt x="57" y="197"/>
                  <a:pt x="57" y="197"/>
                </a:cubicBezTo>
                <a:cubicBezTo>
                  <a:pt x="56" y="197"/>
                  <a:pt x="57" y="198"/>
                  <a:pt x="58" y="198"/>
                </a:cubicBezTo>
                <a:close/>
                <a:moveTo>
                  <a:pt x="50" y="197"/>
                </a:moveTo>
                <a:cubicBezTo>
                  <a:pt x="51" y="196"/>
                  <a:pt x="51" y="195"/>
                  <a:pt x="52" y="195"/>
                </a:cubicBezTo>
                <a:cubicBezTo>
                  <a:pt x="52" y="194"/>
                  <a:pt x="52" y="194"/>
                  <a:pt x="52" y="194"/>
                </a:cubicBezTo>
                <a:cubicBezTo>
                  <a:pt x="51" y="195"/>
                  <a:pt x="50" y="196"/>
                  <a:pt x="50" y="197"/>
                </a:cubicBezTo>
                <a:close/>
                <a:moveTo>
                  <a:pt x="79" y="218"/>
                </a:moveTo>
                <a:cubicBezTo>
                  <a:pt x="80" y="219"/>
                  <a:pt x="80" y="218"/>
                  <a:pt x="80" y="218"/>
                </a:cubicBezTo>
                <a:cubicBezTo>
                  <a:pt x="80" y="218"/>
                  <a:pt x="80" y="218"/>
                  <a:pt x="79" y="218"/>
                </a:cubicBezTo>
                <a:close/>
                <a:moveTo>
                  <a:pt x="45" y="192"/>
                </a:moveTo>
                <a:cubicBezTo>
                  <a:pt x="45" y="192"/>
                  <a:pt x="47" y="192"/>
                  <a:pt x="46" y="191"/>
                </a:cubicBezTo>
                <a:cubicBezTo>
                  <a:pt x="46" y="192"/>
                  <a:pt x="45" y="191"/>
                  <a:pt x="45" y="192"/>
                </a:cubicBezTo>
                <a:close/>
                <a:moveTo>
                  <a:pt x="42" y="196"/>
                </a:moveTo>
                <a:cubicBezTo>
                  <a:pt x="44" y="196"/>
                  <a:pt x="43" y="194"/>
                  <a:pt x="45" y="193"/>
                </a:cubicBezTo>
                <a:cubicBezTo>
                  <a:pt x="44" y="193"/>
                  <a:pt x="44" y="193"/>
                  <a:pt x="44" y="193"/>
                </a:cubicBezTo>
                <a:cubicBezTo>
                  <a:pt x="44" y="194"/>
                  <a:pt x="42" y="194"/>
                  <a:pt x="42" y="196"/>
                </a:cubicBezTo>
                <a:close/>
                <a:moveTo>
                  <a:pt x="49" y="199"/>
                </a:moveTo>
                <a:cubicBezTo>
                  <a:pt x="49" y="198"/>
                  <a:pt x="50" y="198"/>
                  <a:pt x="49" y="197"/>
                </a:cubicBezTo>
                <a:cubicBezTo>
                  <a:pt x="49" y="198"/>
                  <a:pt x="48" y="198"/>
                  <a:pt x="49" y="199"/>
                </a:cubicBezTo>
                <a:close/>
                <a:moveTo>
                  <a:pt x="67" y="214"/>
                </a:moveTo>
                <a:cubicBezTo>
                  <a:pt x="67" y="214"/>
                  <a:pt x="66" y="215"/>
                  <a:pt x="67" y="215"/>
                </a:cubicBezTo>
                <a:cubicBezTo>
                  <a:pt x="66" y="214"/>
                  <a:pt x="68" y="214"/>
                  <a:pt x="68" y="214"/>
                </a:cubicBezTo>
                <a:cubicBezTo>
                  <a:pt x="67" y="214"/>
                  <a:pt x="67" y="214"/>
                  <a:pt x="67" y="214"/>
                </a:cubicBezTo>
                <a:close/>
                <a:moveTo>
                  <a:pt x="72" y="224"/>
                </a:moveTo>
                <a:cubicBezTo>
                  <a:pt x="72" y="224"/>
                  <a:pt x="74" y="222"/>
                  <a:pt x="74" y="221"/>
                </a:cubicBezTo>
                <a:cubicBezTo>
                  <a:pt x="74" y="222"/>
                  <a:pt x="72" y="224"/>
                  <a:pt x="72" y="224"/>
                </a:cubicBezTo>
                <a:close/>
                <a:moveTo>
                  <a:pt x="59" y="212"/>
                </a:moveTo>
                <a:cubicBezTo>
                  <a:pt x="59" y="211"/>
                  <a:pt x="61" y="211"/>
                  <a:pt x="61" y="211"/>
                </a:cubicBezTo>
                <a:cubicBezTo>
                  <a:pt x="60" y="211"/>
                  <a:pt x="59" y="211"/>
                  <a:pt x="59" y="212"/>
                </a:cubicBezTo>
                <a:close/>
                <a:moveTo>
                  <a:pt x="71" y="219"/>
                </a:moveTo>
                <a:cubicBezTo>
                  <a:pt x="71" y="219"/>
                  <a:pt x="70" y="219"/>
                  <a:pt x="70" y="218"/>
                </a:cubicBezTo>
                <a:cubicBezTo>
                  <a:pt x="70" y="219"/>
                  <a:pt x="70" y="219"/>
                  <a:pt x="71" y="219"/>
                </a:cubicBezTo>
                <a:close/>
                <a:moveTo>
                  <a:pt x="41" y="197"/>
                </a:moveTo>
                <a:cubicBezTo>
                  <a:pt x="42" y="198"/>
                  <a:pt x="42" y="197"/>
                  <a:pt x="42" y="196"/>
                </a:cubicBezTo>
                <a:cubicBezTo>
                  <a:pt x="42" y="196"/>
                  <a:pt x="42" y="196"/>
                  <a:pt x="41" y="197"/>
                </a:cubicBezTo>
                <a:close/>
                <a:moveTo>
                  <a:pt x="57" y="214"/>
                </a:moveTo>
                <a:cubicBezTo>
                  <a:pt x="57" y="214"/>
                  <a:pt x="57" y="214"/>
                  <a:pt x="57" y="215"/>
                </a:cubicBezTo>
                <a:cubicBezTo>
                  <a:pt x="58" y="214"/>
                  <a:pt x="58" y="214"/>
                  <a:pt x="58" y="213"/>
                </a:cubicBezTo>
                <a:cubicBezTo>
                  <a:pt x="58" y="214"/>
                  <a:pt x="58" y="214"/>
                  <a:pt x="57" y="214"/>
                </a:cubicBezTo>
                <a:close/>
                <a:moveTo>
                  <a:pt x="62" y="219"/>
                </a:moveTo>
                <a:cubicBezTo>
                  <a:pt x="62" y="218"/>
                  <a:pt x="62" y="218"/>
                  <a:pt x="62" y="218"/>
                </a:cubicBezTo>
                <a:cubicBezTo>
                  <a:pt x="61" y="218"/>
                  <a:pt x="61" y="218"/>
                  <a:pt x="62" y="219"/>
                </a:cubicBezTo>
                <a:close/>
                <a:moveTo>
                  <a:pt x="62" y="219"/>
                </a:moveTo>
                <a:cubicBezTo>
                  <a:pt x="62" y="220"/>
                  <a:pt x="63" y="220"/>
                  <a:pt x="63" y="220"/>
                </a:cubicBezTo>
                <a:cubicBezTo>
                  <a:pt x="63" y="220"/>
                  <a:pt x="62" y="219"/>
                  <a:pt x="62" y="219"/>
                </a:cubicBezTo>
                <a:close/>
                <a:moveTo>
                  <a:pt x="43" y="206"/>
                </a:moveTo>
                <a:cubicBezTo>
                  <a:pt x="43" y="205"/>
                  <a:pt x="44" y="204"/>
                  <a:pt x="43" y="204"/>
                </a:cubicBezTo>
                <a:cubicBezTo>
                  <a:pt x="42" y="205"/>
                  <a:pt x="42" y="205"/>
                  <a:pt x="43" y="206"/>
                </a:cubicBezTo>
                <a:close/>
                <a:moveTo>
                  <a:pt x="59" y="218"/>
                </a:moveTo>
                <a:cubicBezTo>
                  <a:pt x="60" y="219"/>
                  <a:pt x="60" y="218"/>
                  <a:pt x="60" y="217"/>
                </a:cubicBezTo>
                <a:cubicBezTo>
                  <a:pt x="60" y="217"/>
                  <a:pt x="59" y="218"/>
                  <a:pt x="59" y="218"/>
                </a:cubicBezTo>
                <a:close/>
                <a:moveTo>
                  <a:pt x="57" y="218"/>
                </a:moveTo>
                <a:cubicBezTo>
                  <a:pt x="57" y="217"/>
                  <a:pt x="58" y="217"/>
                  <a:pt x="58" y="216"/>
                </a:cubicBezTo>
                <a:cubicBezTo>
                  <a:pt x="58" y="216"/>
                  <a:pt x="57" y="217"/>
                  <a:pt x="57" y="218"/>
                </a:cubicBezTo>
                <a:close/>
                <a:moveTo>
                  <a:pt x="64" y="226"/>
                </a:moveTo>
                <a:cubicBezTo>
                  <a:pt x="65" y="225"/>
                  <a:pt x="66" y="225"/>
                  <a:pt x="66" y="224"/>
                </a:cubicBezTo>
                <a:cubicBezTo>
                  <a:pt x="66" y="224"/>
                  <a:pt x="66" y="224"/>
                  <a:pt x="66" y="223"/>
                </a:cubicBezTo>
                <a:cubicBezTo>
                  <a:pt x="65" y="224"/>
                  <a:pt x="64" y="225"/>
                  <a:pt x="64" y="226"/>
                </a:cubicBezTo>
                <a:close/>
                <a:moveTo>
                  <a:pt x="49" y="214"/>
                </a:moveTo>
                <a:cubicBezTo>
                  <a:pt x="50" y="214"/>
                  <a:pt x="51" y="213"/>
                  <a:pt x="51" y="212"/>
                </a:cubicBezTo>
                <a:cubicBezTo>
                  <a:pt x="50" y="213"/>
                  <a:pt x="49" y="213"/>
                  <a:pt x="49" y="214"/>
                </a:cubicBezTo>
                <a:close/>
                <a:moveTo>
                  <a:pt x="57" y="221"/>
                </a:moveTo>
                <a:cubicBezTo>
                  <a:pt x="58" y="220"/>
                  <a:pt x="59" y="220"/>
                  <a:pt x="59" y="219"/>
                </a:cubicBezTo>
                <a:cubicBezTo>
                  <a:pt x="58" y="219"/>
                  <a:pt x="56" y="220"/>
                  <a:pt x="57" y="221"/>
                </a:cubicBezTo>
                <a:close/>
                <a:moveTo>
                  <a:pt x="41" y="208"/>
                </a:moveTo>
                <a:cubicBezTo>
                  <a:pt x="41" y="208"/>
                  <a:pt x="41" y="207"/>
                  <a:pt x="41" y="207"/>
                </a:cubicBezTo>
                <a:cubicBezTo>
                  <a:pt x="41" y="207"/>
                  <a:pt x="40" y="208"/>
                  <a:pt x="41" y="208"/>
                </a:cubicBezTo>
                <a:close/>
                <a:moveTo>
                  <a:pt x="62" y="226"/>
                </a:moveTo>
                <a:cubicBezTo>
                  <a:pt x="62" y="225"/>
                  <a:pt x="63" y="225"/>
                  <a:pt x="62" y="224"/>
                </a:cubicBezTo>
                <a:cubicBezTo>
                  <a:pt x="62" y="225"/>
                  <a:pt x="61" y="225"/>
                  <a:pt x="62" y="226"/>
                </a:cubicBezTo>
                <a:close/>
                <a:moveTo>
                  <a:pt x="53" y="219"/>
                </a:moveTo>
                <a:cubicBezTo>
                  <a:pt x="54" y="219"/>
                  <a:pt x="54" y="220"/>
                  <a:pt x="55" y="219"/>
                </a:cubicBezTo>
                <a:cubicBezTo>
                  <a:pt x="54" y="219"/>
                  <a:pt x="54" y="218"/>
                  <a:pt x="53" y="219"/>
                </a:cubicBezTo>
                <a:close/>
                <a:moveTo>
                  <a:pt x="68" y="232"/>
                </a:moveTo>
                <a:cubicBezTo>
                  <a:pt x="69" y="233"/>
                  <a:pt x="70" y="231"/>
                  <a:pt x="69" y="231"/>
                </a:cubicBezTo>
                <a:cubicBezTo>
                  <a:pt x="69" y="231"/>
                  <a:pt x="69" y="232"/>
                  <a:pt x="68" y="232"/>
                </a:cubicBezTo>
                <a:close/>
                <a:moveTo>
                  <a:pt x="55" y="224"/>
                </a:moveTo>
                <a:cubicBezTo>
                  <a:pt x="56" y="223"/>
                  <a:pt x="57" y="222"/>
                  <a:pt x="57" y="221"/>
                </a:cubicBezTo>
                <a:cubicBezTo>
                  <a:pt x="56" y="222"/>
                  <a:pt x="56" y="223"/>
                  <a:pt x="55" y="224"/>
                </a:cubicBezTo>
                <a:close/>
                <a:moveTo>
                  <a:pt x="62" y="228"/>
                </a:moveTo>
                <a:cubicBezTo>
                  <a:pt x="63" y="228"/>
                  <a:pt x="63" y="228"/>
                  <a:pt x="64" y="228"/>
                </a:cubicBezTo>
                <a:cubicBezTo>
                  <a:pt x="63" y="227"/>
                  <a:pt x="64" y="227"/>
                  <a:pt x="63" y="226"/>
                </a:cubicBezTo>
                <a:cubicBezTo>
                  <a:pt x="63" y="227"/>
                  <a:pt x="62" y="228"/>
                  <a:pt x="62" y="228"/>
                </a:cubicBezTo>
                <a:close/>
                <a:moveTo>
                  <a:pt x="53" y="220"/>
                </a:moveTo>
                <a:cubicBezTo>
                  <a:pt x="53" y="220"/>
                  <a:pt x="54" y="219"/>
                  <a:pt x="53" y="219"/>
                </a:cubicBezTo>
                <a:cubicBezTo>
                  <a:pt x="52" y="221"/>
                  <a:pt x="51" y="222"/>
                  <a:pt x="53" y="220"/>
                </a:cubicBezTo>
                <a:close/>
                <a:moveTo>
                  <a:pt x="47" y="216"/>
                </a:moveTo>
                <a:cubicBezTo>
                  <a:pt x="47" y="217"/>
                  <a:pt x="46" y="217"/>
                  <a:pt x="47" y="218"/>
                </a:cubicBezTo>
                <a:cubicBezTo>
                  <a:pt x="47" y="217"/>
                  <a:pt x="47" y="217"/>
                  <a:pt x="48" y="217"/>
                </a:cubicBezTo>
                <a:cubicBezTo>
                  <a:pt x="48" y="216"/>
                  <a:pt x="48" y="216"/>
                  <a:pt x="47" y="216"/>
                </a:cubicBezTo>
                <a:close/>
                <a:moveTo>
                  <a:pt x="59" y="227"/>
                </a:moveTo>
                <a:cubicBezTo>
                  <a:pt x="59" y="227"/>
                  <a:pt x="59" y="227"/>
                  <a:pt x="59" y="228"/>
                </a:cubicBezTo>
                <a:cubicBezTo>
                  <a:pt x="59" y="227"/>
                  <a:pt x="60" y="227"/>
                  <a:pt x="60" y="226"/>
                </a:cubicBezTo>
                <a:cubicBezTo>
                  <a:pt x="60" y="227"/>
                  <a:pt x="59" y="226"/>
                  <a:pt x="59" y="227"/>
                </a:cubicBezTo>
                <a:close/>
                <a:moveTo>
                  <a:pt x="57" y="227"/>
                </a:moveTo>
                <a:cubicBezTo>
                  <a:pt x="57" y="227"/>
                  <a:pt x="59" y="226"/>
                  <a:pt x="58" y="226"/>
                </a:cubicBezTo>
                <a:cubicBezTo>
                  <a:pt x="58" y="226"/>
                  <a:pt x="57" y="226"/>
                  <a:pt x="57" y="227"/>
                </a:cubicBezTo>
                <a:close/>
                <a:moveTo>
                  <a:pt x="51" y="223"/>
                </a:moveTo>
                <a:cubicBezTo>
                  <a:pt x="51" y="222"/>
                  <a:pt x="52" y="222"/>
                  <a:pt x="52" y="221"/>
                </a:cubicBezTo>
                <a:cubicBezTo>
                  <a:pt x="51" y="222"/>
                  <a:pt x="51" y="222"/>
                  <a:pt x="51" y="223"/>
                </a:cubicBezTo>
                <a:close/>
                <a:moveTo>
                  <a:pt x="33" y="211"/>
                </a:moveTo>
                <a:cubicBezTo>
                  <a:pt x="34" y="212"/>
                  <a:pt x="35" y="210"/>
                  <a:pt x="35" y="209"/>
                </a:cubicBezTo>
                <a:cubicBezTo>
                  <a:pt x="34" y="210"/>
                  <a:pt x="34" y="211"/>
                  <a:pt x="33" y="211"/>
                </a:cubicBezTo>
                <a:close/>
                <a:moveTo>
                  <a:pt x="40" y="214"/>
                </a:moveTo>
                <a:cubicBezTo>
                  <a:pt x="40" y="214"/>
                  <a:pt x="41" y="214"/>
                  <a:pt x="40" y="213"/>
                </a:cubicBezTo>
                <a:cubicBezTo>
                  <a:pt x="40" y="213"/>
                  <a:pt x="39" y="214"/>
                  <a:pt x="40" y="214"/>
                </a:cubicBezTo>
                <a:close/>
                <a:moveTo>
                  <a:pt x="35" y="215"/>
                </a:moveTo>
                <a:cubicBezTo>
                  <a:pt x="36" y="215"/>
                  <a:pt x="37" y="214"/>
                  <a:pt x="37" y="213"/>
                </a:cubicBezTo>
                <a:cubicBezTo>
                  <a:pt x="36" y="214"/>
                  <a:pt x="35" y="215"/>
                  <a:pt x="35" y="215"/>
                </a:cubicBezTo>
                <a:close/>
                <a:moveTo>
                  <a:pt x="48" y="223"/>
                </a:moveTo>
                <a:cubicBezTo>
                  <a:pt x="49" y="223"/>
                  <a:pt x="49" y="222"/>
                  <a:pt x="48" y="222"/>
                </a:cubicBezTo>
                <a:cubicBezTo>
                  <a:pt x="48" y="222"/>
                  <a:pt x="48" y="223"/>
                  <a:pt x="48" y="223"/>
                </a:cubicBezTo>
                <a:close/>
                <a:moveTo>
                  <a:pt x="38" y="217"/>
                </a:moveTo>
                <a:cubicBezTo>
                  <a:pt x="38" y="217"/>
                  <a:pt x="39" y="216"/>
                  <a:pt x="39" y="215"/>
                </a:cubicBezTo>
                <a:lnTo>
                  <a:pt x="38" y="217"/>
                </a:lnTo>
                <a:close/>
                <a:moveTo>
                  <a:pt x="43" y="223"/>
                </a:moveTo>
                <a:cubicBezTo>
                  <a:pt x="43" y="223"/>
                  <a:pt x="45" y="222"/>
                  <a:pt x="44" y="221"/>
                </a:cubicBezTo>
                <a:cubicBezTo>
                  <a:pt x="44" y="222"/>
                  <a:pt x="42" y="223"/>
                  <a:pt x="43" y="223"/>
                </a:cubicBezTo>
                <a:close/>
                <a:moveTo>
                  <a:pt x="62" y="237"/>
                </a:moveTo>
                <a:cubicBezTo>
                  <a:pt x="62" y="237"/>
                  <a:pt x="63" y="236"/>
                  <a:pt x="62" y="235"/>
                </a:cubicBezTo>
                <a:cubicBezTo>
                  <a:pt x="62" y="236"/>
                  <a:pt x="61" y="237"/>
                  <a:pt x="62" y="237"/>
                </a:cubicBezTo>
                <a:close/>
                <a:moveTo>
                  <a:pt x="30" y="213"/>
                </a:moveTo>
                <a:cubicBezTo>
                  <a:pt x="30" y="212"/>
                  <a:pt x="31" y="212"/>
                  <a:pt x="30" y="211"/>
                </a:cubicBezTo>
                <a:cubicBezTo>
                  <a:pt x="30" y="212"/>
                  <a:pt x="29" y="212"/>
                  <a:pt x="30" y="213"/>
                </a:cubicBezTo>
                <a:close/>
                <a:moveTo>
                  <a:pt x="49" y="228"/>
                </a:moveTo>
                <a:cubicBezTo>
                  <a:pt x="50" y="229"/>
                  <a:pt x="50" y="227"/>
                  <a:pt x="50" y="228"/>
                </a:cubicBezTo>
                <a:cubicBezTo>
                  <a:pt x="51" y="227"/>
                  <a:pt x="51" y="227"/>
                  <a:pt x="51" y="227"/>
                </a:cubicBezTo>
                <a:cubicBezTo>
                  <a:pt x="51" y="227"/>
                  <a:pt x="51" y="227"/>
                  <a:pt x="51" y="227"/>
                </a:cubicBezTo>
                <a:cubicBezTo>
                  <a:pt x="50" y="228"/>
                  <a:pt x="49" y="227"/>
                  <a:pt x="49" y="228"/>
                </a:cubicBezTo>
                <a:close/>
                <a:moveTo>
                  <a:pt x="44" y="225"/>
                </a:moveTo>
                <a:cubicBezTo>
                  <a:pt x="44" y="224"/>
                  <a:pt x="45" y="224"/>
                  <a:pt x="44" y="223"/>
                </a:cubicBezTo>
                <a:cubicBezTo>
                  <a:pt x="44" y="224"/>
                  <a:pt x="44" y="224"/>
                  <a:pt x="44" y="225"/>
                </a:cubicBezTo>
                <a:close/>
                <a:moveTo>
                  <a:pt x="64" y="238"/>
                </a:moveTo>
                <a:cubicBezTo>
                  <a:pt x="63" y="238"/>
                  <a:pt x="63" y="239"/>
                  <a:pt x="63" y="239"/>
                </a:cubicBezTo>
                <a:cubicBezTo>
                  <a:pt x="64" y="239"/>
                  <a:pt x="64" y="239"/>
                  <a:pt x="64" y="238"/>
                </a:cubicBezTo>
                <a:close/>
                <a:moveTo>
                  <a:pt x="29" y="217"/>
                </a:moveTo>
                <a:cubicBezTo>
                  <a:pt x="30" y="217"/>
                  <a:pt x="30" y="216"/>
                  <a:pt x="30" y="215"/>
                </a:cubicBezTo>
                <a:cubicBezTo>
                  <a:pt x="30" y="216"/>
                  <a:pt x="29" y="216"/>
                  <a:pt x="29" y="217"/>
                </a:cubicBezTo>
                <a:close/>
                <a:moveTo>
                  <a:pt x="55" y="237"/>
                </a:moveTo>
                <a:cubicBezTo>
                  <a:pt x="55" y="236"/>
                  <a:pt x="56" y="236"/>
                  <a:pt x="56" y="235"/>
                </a:cubicBezTo>
                <a:cubicBezTo>
                  <a:pt x="55" y="235"/>
                  <a:pt x="55" y="236"/>
                  <a:pt x="55" y="237"/>
                </a:cubicBezTo>
                <a:close/>
                <a:moveTo>
                  <a:pt x="47" y="231"/>
                </a:moveTo>
                <a:cubicBezTo>
                  <a:pt x="47" y="232"/>
                  <a:pt x="48" y="230"/>
                  <a:pt x="48" y="230"/>
                </a:cubicBezTo>
                <a:cubicBezTo>
                  <a:pt x="47" y="230"/>
                  <a:pt x="47" y="230"/>
                  <a:pt x="47" y="231"/>
                </a:cubicBezTo>
                <a:close/>
                <a:moveTo>
                  <a:pt x="61" y="240"/>
                </a:moveTo>
                <a:cubicBezTo>
                  <a:pt x="62" y="240"/>
                  <a:pt x="61" y="240"/>
                  <a:pt x="61" y="239"/>
                </a:cubicBezTo>
                <a:cubicBezTo>
                  <a:pt x="61" y="240"/>
                  <a:pt x="61" y="240"/>
                  <a:pt x="61" y="240"/>
                </a:cubicBezTo>
                <a:close/>
                <a:moveTo>
                  <a:pt x="34" y="223"/>
                </a:moveTo>
                <a:cubicBezTo>
                  <a:pt x="34" y="222"/>
                  <a:pt x="35" y="222"/>
                  <a:pt x="35" y="221"/>
                </a:cubicBezTo>
                <a:cubicBezTo>
                  <a:pt x="34" y="221"/>
                  <a:pt x="33" y="222"/>
                  <a:pt x="34" y="223"/>
                </a:cubicBezTo>
                <a:close/>
                <a:moveTo>
                  <a:pt x="26" y="217"/>
                </a:moveTo>
                <a:cubicBezTo>
                  <a:pt x="26" y="217"/>
                  <a:pt x="27" y="217"/>
                  <a:pt x="26" y="216"/>
                </a:cubicBezTo>
                <a:cubicBezTo>
                  <a:pt x="26" y="217"/>
                  <a:pt x="26" y="217"/>
                  <a:pt x="26" y="217"/>
                </a:cubicBezTo>
                <a:close/>
                <a:moveTo>
                  <a:pt x="32" y="222"/>
                </a:moveTo>
                <a:cubicBezTo>
                  <a:pt x="33" y="222"/>
                  <a:pt x="33" y="222"/>
                  <a:pt x="33" y="221"/>
                </a:cubicBezTo>
                <a:cubicBezTo>
                  <a:pt x="32" y="221"/>
                  <a:pt x="32" y="222"/>
                  <a:pt x="32" y="222"/>
                </a:cubicBezTo>
                <a:close/>
                <a:moveTo>
                  <a:pt x="27" y="218"/>
                </a:moveTo>
                <a:cubicBezTo>
                  <a:pt x="27" y="219"/>
                  <a:pt x="26" y="220"/>
                  <a:pt x="27" y="221"/>
                </a:cubicBezTo>
                <a:cubicBezTo>
                  <a:pt x="27" y="220"/>
                  <a:pt x="27" y="220"/>
                  <a:pt x="28" y="219"/>
                </a:cubicBezTo>
                <a:cubicBezTo>
                  <a:pt x="28" y="219"/>
                  <a:pt x="28" y="218"/>
                  <a:pt x="27" y="218"/>
                </a:cubicBezTo>
                <a:close/>
                <a:moveTo>
                  <a:pt x="32" y="225"/>
                </a:moveTo>
                <a:cubicBezTo>
                  <a:pt x="33" y="224"/>
                  <a:pt x="33" y="224"/>
                  <a:pt x="34" y="223"/>
                </a:cubicBezTo>
                <a:cubicBezTo>
                  <a:pt x="33" y="223"/>
                  <a:pt x="33" y="223"/>
                  <a:pt x="33" y="223"/>
                </a:cubicBezTo>
                <a:cubicBezTo>
                  <a:pt x="32" y="223"/>
                  <a:pt x="32" y="224"/>
                  <a:pt x="32" y="225"/>
                </a:cubicBezTo>
                <a:close/>
                <a:moveTo>
                  <a:pt x="23" y="221"/>
                </a:moveTo>
                <a:cubicBezTo>
                  <a:pt x="24" y="220"/>
                  <a:pt x="25" y="219"/>
                  <a:pt x="26" y="217"/>
                </a:cubicBezTo>
                <a:cubicBezTo>
                  <a:pt x="25" y="219"/>
                  <a:pt x="24" y="220"/>
                  <a:pt x="23" y="221"/>
                </a:cubicBezTo>
                <a:close/>
                <a:moveTo>
                  <a:pt x="57" y="242"/>
                </a:moveTo>
                <a:cubicBezTo>
                  <a:pt x="58" y="243"/>
                  <a:pt x="58" y="243"/>
                  <a:pt x="58" y="243"/>
                </a:cubicBezTo>
                <a:cubicBezTo>
                  <a:pt x="59" y="243"/>
                  <a:pt x="58" y="242"/>
                  <a:pt x="58" y="241"/>
                </a:cubicBezTo>
                <a:lnTo>
                  <a:pt x="57" y="242"/>
                </a:lnTo>
                <a:close/>
                <a:moveTo>
                  <a:pt x="25" y="220"/>
                </a:moveTo>
                <a:cubicBezTo>
                  <a:pt x="26" y="220"/>
                  <a:pt x="26" y="219"/>
                  <a:pt x="26" y="218"/>
                </a:cubicBezTo>
                <a:cubicBezTo>
                  <a:pt x="26" y="218"/>
                  <a:pt x="25" y="219"/>
                  <a:pt x="25" y="220"/>
                </a:cubicBezTo>
                <a:close/>
                <a:moveTo>
                  <a:pt x="44" y="234"/>
                </a:moveTo>
                <a:cubicBezTo>
                  <a:pt x="44" y="234"/>
                  <a:pt x="45" y="233"/>
                  <a:pt x="45" y="233"/>
                </a:cubicBezTo>
                <a:cubicBezTo>
                  <a:pt x="44" y="233"/>
                  <a:pt x="43" y="233"/>
                  <a:pt x="44" y="234"/>
                </a:cubicBezTo>
                <a:close/>
                <a:moveTo>
                  <a:pt x="49" y="243"/>
                </a:moveTo>
                <a:cubicBezTo>
                  <a:pt x="50" y="242"/>
                  <a:pt x="52" y="240"/>
                  <a:pt x="52" y="239"/>
                </a:cubicBezTo>
                <a:cubicBezTo>
                  <a:pt x="51" y="241"/>
                  <a:pt x="49" y="241"/>
                  <a:pt x="49" y="243"/>
                </a:cubicBezTo>
                <a:close/>
                <a:moveTo>
                  <a:pt x="31" y="225"/>
                </a:moveTo>
                <a:cubicBezTo>
                  <a:pt x="32" y="225"/>
                  <a:pt x="31" y="226"/>
                  <a:pt x="31" y="226"/>
                </a:cubicBezTo>
                <a:cubicBezTo>
                  <a:pt x="32" y="226"/>
                  <a:pt x="32" y="226"/>
                  <a:pt x="32" y="225"/>
                </a:cubicBezTo>
                <a:cubicBezTo>
                  <a:pt x="32" y="225"/>
                  <a:pt x="32" y="225"/>
                  <a:pt x="31" y="225"/>
                </a:cubicBezTo>
                <a:close/>
                <a:moveTo>
                  <a:pt x="42" y="242"/>
                </a:moveTo>
                <a:cubicBezTo>
                  <a:pt x="43" y="241"/>
                  <a:pt x="45" y="239"/>
                  <a:pt x="46" y="236"/>
                </a:cubicBezTo>
                <a:cubicBezTo>
                  <a:pt x="46" y="237"/>
                  <a:pt x="46" y="238"/>
                  <a:pt x="47" y="237"/>
                </a:cubicBezTo>
                <a:cubicBezTo>
                  <a:pt x="47" y="236"/>
                  <a:pt x="46" y="236"/>
                  <a:pt x="46" y="235"/>
                </a:cubicBezTo>
                <a:cubicBezTo>
                  <a:pt x="45" y="238"/>
                  <a:pt x="42" y="240"/>
                  <a:pt x="42" y="242"/>
                </a:cubicBezTo>
                <a:close/>
                <a:moveTo>
                  <a:pt x="23" y="220"/>
                </a:moveTo>
                <a:cubicBezTo>
                  <a:pt x="23" y="220"/>
                  <a:pt x="22" y="220"/>
                  <a:pt x="23" y="219"/>
                </a:cubicBezTo>
                <a:cubicBezTo>
                  <a:pt x="22" y="219"/>
                  <a:pt x="22" y="219"/>
                  <a:pt x="22" y="219"/>
                </a:cubicBezTo>
                <a:cubicBezTo>
                  <a:pt x="22" y="219"/>
                  <a:pt x="22" y="221"/>
                  <a:pt x="23" y="220"/>
                </a:cubicBezTo>
                <a:close/>
                <a:moveTo>
                  <a:pt x="30" y="227"/>
                </a:moveTo>
                <a:cubicBezTo>
                  <a:pt x="30" y="227"/>
                  <a:pt x="30" y="227"/>
                  <a:pt x="31" y="228"/>
                </a:cubicBezTo>
                <a:cubicBezTo>
                  <a:pt x="31" y="227"/>
                  <a:pt x="31" y="227"/>
                  <a:pt x="31" y="227"/>
                </a:cubicBezTo>
                <a:cubicBezTo>
                  <a:pt x="31" y="226"/>
                  <a:pt x="32" y="227"/>
                  <a:pt x="31" y="226"/>
                </a:cubicBezTo>
                <a:cubicBezTo>
                  <a:pt x="31" y="226"/>
                  <a:pt x="31" y="226"/>
                  <a:pt x="30" y="227"/>
                </a:cubicBezTo>
                <a:close/>
                <a:moveTo>
                  <a:pt x="31" y="230"/>
                </a:moveTo>
                <a:cubicBezTo>
                  <a:pt x="32" y="229"/>
                  <a:pt x="33" y="228"/>
                  <a:pt x="33" y="228"/>
                </a:cubicBezTo>
                <a:cubicBezTo>
                  <a:pt x="32" y="228"/>
                  <a:pt x="31" y="229"/>
                  <a:pt x="31" y="230"/>
                </a:cubicBezTo>
                <a:close/>
                <a:moveTo>
                  <a:pt x="57" y="246"/>
                </a:moveTo>
                <a:cubicBezTo>
                  <a:pt x="57" y="246"/>
                  <a:pt x="57" y="246"/>
                  <a:pt x="58" y="246"/>
                </a:cubicBezTo>
                <a:cubicBezTo>
                  <a:pt x="57" y="246"/>
                  <a:pt x="57" y="246"/>
                  <a:pt x="57" y="246"/>
                </a:cubicBezTo>
                <a:close/>
                <a:moveTo>
                  <a:pt x="21" y="224"/>
                </a:moveTo>
                <a:cubicBezTo>
                  <a:pt x="22" y="224"/>
                  <a:pt x="22" y="223"/>
                  <a:pt x="22" y="223"/>
                </a:cubicBezTo>
                <a:cubicBezTo>
                  <a:pt x="22" y="223"/>
                  <a:pt x="21" y="224"/>
                  <a:pt x="21" y="224"/>
                </a:cubicBezTo>
                <a:close/>
                <a:moveTo>
                  <a:pt x="52" y="249"/>
                </a:moveTo>
                <a:cubicBezTo>
                  <a:pt x="52" y="249"/>
                  <a:pt x="52" y="249"/>
                  <a:pt x="51" y="249"/>
                </a:cubicBezTo>
                <a:cubicBezTo>
                  <a:pt x="52" y="250"/>
                  <a:pt x="52" y="249"/>
                  <a:pt x="52" y="250"/>
                </a:cubicBezTo>
                <a:cubicBezTo>
                  <a:pt x="53" y="248"/>
                  <a:pt x="53" y="248"/>
                  <a:pt x="54" y="247"/>
                </a:cubicBezTo>
                <a:cubicBezTo>
                  <a:pt x="53" y="247"/>
                  <a:pt x="52" y="248"/>
                  <a:pt x="52" y="249"/>
                </a:cubicBezTo>
                <a:close/>
                <a:moveTo>
                  <a:pt x="29" y="230"/>
                </a:moveTo>
                <a:cubicBezTo>
                  <a:pt x="29" y="230"/>
                  <a:pt x="29" y="230"/>
                  <a:pt x="29" y="230"/>
                </a:cubicBezTo>
                <a:cubicBezTo>
                  <a:pt x="29" y="229"/>
                  <a:pt x="28" y="230"/>
                  <a:pt x="29" y="230"/>
                </a:cubicBezTo>
                <a:close/>
                <a:moveTo>
                  <a:pt x="54" y="249"/>
                </a:moveTo>
                <a:cubicBezTo>
                  <a:pt x="55" y="250"/>
                  <a:pt x="54" y="251"/>
                  <a:pt x="55" y="250"/>
                </a:cubicBezTo>
                <a:cubicBezTo>
                  <a:pt x="56" y="251"/>
                  <a:pt x="55" y="250"/>
                  <a:pt x="55" y="251"/>
                </a:cubicBezTo>
                <a:cubicBezTo>
                  <a:pt x="56" y="251"/>
                  <a:pt x="56" y="250"/>
                  <a:pt x="56" y="250"/>
                </a:cubicBezTo>
                <a:cubicBezTo>
                  <a:pt x="55" y="249"/>
                  <a:pt x="55" y="249"/>
                  <a:pt x="54" y="249"/>
                </a:cubicBezTo>
                <a:close/>
                <a:moveTo>
                  <a:pt x="47" y="245"/>
                </a:moveTo>
                <a:cubicBezTo>
                  <a:pt x="47" y="246"/>
                  <a:pt x="46" y="246"/>
                  <a:pt x="47" y="246"/>
                </a:cubicBezTo>
                <a:cubicBezTo>
                  <a:pt x="48" y="245"/>
                  <a:pt x="48" y="245"/>
                  <a:pt x="48" y="245"/>
                </a:cubicBezTo>
                <a:cubicBezTo>
                  <a:pt x="48" y="245"/>
                  <a:pt x="47" y="245"/>
                  <a:pt x="47" y="245"/>
                </a:cubicBezTo>
                <a:close/>
                <a:moveTo>
                  <a:pt x="28" y="231"/>
                </a:moveTo>
                <a:cubicBezTo>
                  <a:pt x="28" y="232"/>
                  <a:pt x="27" y="232"/>
                  <a:pt x="27" y="233"/>
                </a:cubicBezTo>
                <a:cubicBezTo>
                  <a:pt x="28" y="232"/>
                  <a:pt x="28" y="231"/>
                  <a:pt x="28" y="231"/>
                </a:cubicBezTo>
                <a:cubicBezTo>
                  <a:pt x="28" y="231"/>
                  <a:pt x="28" y="230"/>
                  <a:pt x="28" y="231"/>
                </a:cubicBezTo>
                <a:close/>
                <a:moveTo>
                  <a:pt x="28" y="235"/>
                </a:moveTo>
                <a:cubicBezTo>
                  <a:pt x="29" y="234"/>
                  <a:pt x="30" y="233"/>
                  <a:pt x="29" y="232"/>
                </a:cubicBezTo>
                <a:cubicBezTo>
                  <a:pt x="29" y="233"/>
                  <a:pt x="29" y="234"/>
                  <a:pt x="28" y="235"/>
                </a:cubicBezTo>
                <a:close/>
                <a:moveTo>
                  <a:pt x="48" y="247"/>
                </a:moveTo>
                <a:cubicBezTo>
                  <a:pt x="48" y="248"/>
                  <a:pt x="49" y="248"/>
                  <a:pt x="49" y="248"/>
                </a:cubicBezTo>
                <a:cubicBezTo>
                  <a:pt x="49" y="248"/>
                  <a:pt x="49" y="248"/>
                  <a:pt x="49" y="248"/>
                </a:cubicBezTo>
                <a:cubicBezTo>
                  <a:pt x="49" y="248"/>
                  <a:pt x="49" y="247"/>
                  <a:pt x="48" y="247"/>
                </a:cubicBezTo>
                <a:close/>
                <a:moveTo>
                  <a:pt x="17" y="226"/>
                </a:moveTo>
                <a:cubicBezTo>
                  <a:pt x="17" y="226"/>
                  <a:pt x="17" y="227"/>
                  <a:pt x="17" y="227"/>
                </a:cubicBezTo>
                <a:cubicBezTo>
                  <a:pt x="17" y="226"/>
                  <a:pt x="18" y="227"/>
                  <a:pt x="18" y="227"/>
                </a:cubicBezTo>
                <a:cubicBezTo>
                  <a:pt x="18" y="226"/>
                  <a:pt x="17" y="226"/>
                  <a:pt x="17" y="225"/>
                </a:cubicBezTo>
                <a:lnTo>
                  <a:pt x="17" y="226"/>
                </a:lnTo>
                <a:close/>
                <a:moveTo>
                  <a:pt x="41" y="244"/>
                </a:moveTo>
                <a:cubicBezTo>
                  <a:pt x="41" y="244"/>
                  <a:pt x="42" y="243"/>
                  <a:pt x="41" y="243"/>
                </a:cubicBezTo>
                <a:cubicBezTo>
                  <a:pt x="40" y="245"/>
                  <a:pt x="39" y="245"/>
                  <a:pt x="41" y="244"/>
                </a:cubicBezTo>
                <a:close/>
                <a:moveTo>
                  <a:pt x="50" y="252"/>
                </a:moveTo>
                <a:cubicBezTo>
                  <a:pt x="50" y="251"/>
                  <a:pt x="51" y="252"/>
                  <a:pt x="51" y="252"/>
                </a:cubicBezTo>
                <a:cubicBezTo>
                  <a:pt x="50" y="252"/>
                  <a:pt x="51" y="251"/>
                  <a:pt x="51" y="250"/>
                </a:cubicBezTo>
                <a:cubicBezTo>
                  <a:pt x="51" y="252"/>
                  <a:pt x="49" y="251"/>
                  <a:pt x="50" y="252"/>
                </a:cubicBezTo>
                <a:close/>
                <a:moveTo>
                  <a:pt x="42" y="245"/>
                </a:moveTo>
                <a:cubicBezTo>
                  <a:pt x="42" y="246"/>
                  <a:pt x="42" y="246"/>
                  <a:pt x="43" y="246"/>
                </a:cubicBezTo>
                <a:cubicBezTo>
                  <a:pt x="43" y="245"/>
                  <a:pt x="42" y="245"/>
                  <a:pt x="42" y="245"/>
                </a:cubicBezTo>
                <a:close/>
                <a:moveTo>
                  <a:pt x="53" y="255"/>
                </a:moveTo>
                <a:cubicBezTo>
                  <a:pt x="53" y="254"/>
                  <a:pt x="54" y="254"/>
                  <a:pt x="53" y="253"/>
                </a:cubicBezTo>
                <a:cubicBezTo>
                  <a:pt x="53" y="254"/>
                  <a:pt x="52" y="254"/>
                  <a:pt x="53" y="255"/>
                </a:cubicBezTo>
                <a:close/>
                <a:moveTo>
                  <a:pt x="40" y="247"/>
                </a:moveTo>
                <a:cubicBezTo>
                  <a:pt x="41" y="247"/>
                  <a:pt x="42" y="246"/>
                  <a:pt x="41" y="246"/>
                </a:cubicBezTo>
                <a:lnTo>
                  <a:pt x="40" y="247"/>
                </a:lnTo>
                <a:close/>
                <a:moveTo>
                  <a:pt x="43" y="248"/>
                </a:moveTo>
                <a:cubicBezTo>
                  <a:pt x="44" y="249"/>
                  <a:pt x="44" y="249"/>
                  <a:pt x="44" y="249"/>
                </a:cubicBezTo>
                <a:cubicBezTo>
                  <a:pt x="44" y="248"/>
                  <a:pt x="43" y="248"/>
                  <a:pt x="43" y="248"/>
                </a:cubicBezTo>
                <a:close/>
                <a:moveTo>
                  <a:pt x="15" y="234"/>
                </a:moveTo>
                <a:cubicBezTo>
                  <a:pt x="15" y="233"/>
                  <a:pt x="15" y="233"/>
                  <a:pt x="15" y="232"/>
                </a:cubicBezTo>
                <a:cubicBezTo>
                  <a:pt x="15" y="233"/>
                  <a:pt x="15" y="233"/>
                  <a:pt x="15" y="233"/>
                </a:cubicBezTo>
                <a:cubicBezTo>
                  <a:pt x="16" y="234"/>
                  <a:pt x="16" y="234"/>
                  <a:pt x="16" y="234"/>
                </a:cubicBezTo>
                <a:cubicBezTo>
                  <a:pt x="17" y="232"/>
                  <a:pt x="17" y="233"/>
                  <a:pt x="18" y="231"/>
                </a:cubicBezTo>
                <a:cubicBezTo>
                  <a:pt x="18" y="231"/>
                  <a:pt x="17" y="231"/>
                  <a:pt x="17" y="230"/>
                </a:cubicBezTo>
                <a:cubicBezTo>
                  <a:pt x="17" y="230"/>
                  <a:pt x="17" y="231"/>
                  <a:pt x="17" y="230"/>
                </a:cubicBezTo>
                <a:cubicBezTo>
                  <a:pt x="17" y="232"/>
                  <a:pt x="16" y="232"/>
                  <a:pt x="15" y="234"/>
                </a:cubicBezTo>
                <a:close/>
                <a:moveTo>
                  <a:pt x="51" y="255"/>
                </a:moveTo>
                <a:cubicBezTo>
                  <a:pt x="51" y="256"/>
                  <a:pt x="50" y="257"/>
                  <a:pt x="51" y="257"/>
                </a:cubicBezTo>
                <a:cubicBezTo>
                  <a:pt x="51" y="256"/>
                  <a:pt x="52" y="256"/>
                  <a:pt x="52" y="255"/>
                </a:cubicBezTo>
                <a:cubicBezTo>
                  <a:pt x="51" y="255"/>
                  <a:pt x="51" y="255"/>
                  <a:pt x="51" y="255"/>
                </a:cubicBezTo>
                <a:close/>
                <a:moveTo>
                  <a:pt x="20" y="235"/>
                </a:moveTo>
                <a:cubicBezTo>
                  <a:pt x="19" y="235"/>
                  <a:pt x="19" y="236"/>
                  <a:pt x="19" y="236"/>
                </a:cubicBezTo>
                <a:cubicBezTo>
                  <a:pt x="20" y="236"/>
                  <a:pt x="20" y="236"/>
                  <a:pt x="20" y="236"/>
                </a:cubicBezTo>
                <a:cubicBezTo>
                  <a:pt x="20" y="236"/>
                  <a:pt x="21" y="235"/>
                  <a:pt x="21" y="235"/>
                </a:cubicBezTo>
                <a:cubicBezTo>
                  <a:pt x="20" y="235"/>
                  <a:pt x="20" y="236"/>
                  <a:pt x="20" y="235"/>
                </a:cubicBezTo>
                <a:close/>
                <a:moveTo>
                  <a:pt x="21" y="238"/>
                </a:moveTo>
                <a:cubicBezTo>
                  <a:pt x="21" y="237"/>
                  <a:pt x="22" y="237"/>
                  <a:pt x="22" y="236"/>
                </a:cubicBezTo>
                <a:cubicBezTo>
                  <a:pt x="21" y="236"/>
                  <a:pt x="21" y="237"/>
                  <a:pt x="21" y="238"/>
                </a:cubicBezTo>
                <a:close/>
                <a:moveTo>
                  <a:pt x="17" y="236"/>
                </a:moveTo>
                <a:cubicBezTo>
                  <a:pt x="18" y="236"/>
                  <a:pt x="18" y="235"/>
                  <a:pt x="18" y="235"/>
                </a:cubicBezTo>
                <a:cubicBezTo>
                  <a:pt x="18" y="235"/>
                  <a:pt x="17" y="236"/>
                  <a:pt x="17" y="236"/>
                </a:cubicBezTo>
                <a:close/>
                <a:moveTo>
                  <a:pt x="23" y="243"/>
                </a:moveTo>
                <a:cubicBezTo>
                  <a:pt x="24" y="243"/>
                  <a:pt x="25" y="241"/>
                  <a:pt x="26" y="240"/>
                </a:cubicBezTo>
                <a:cubicBezTo>
                  <a:pt x="25" y="240"/>
                  <a:pt x="25" y="240"/>
                  <a:pt x="25" y="240"/>
                </a:cubicBezTo>
                <a:cubicBezTo>
                  <a:pt x="24" y="241"/>
                  <a:pt x="24" y="242"/>
                  <a:pt x="23" y="243"/>
                </a:cubicBezTo>
                <a:close/>
                <a:moveTo>
                  <a:pt x="17" y="238"/>
                </a:moveTo>
                <a:cubicBezTo>
                  <a:pt x="17" y="237"/>
                  <a:pt x="18" y="237"/>
                  <a:pt x="18" y="236"/>
                </a:cubicBezTo>
                <a:cubicBezTo>
                  <a:pt x="17" y="236"/>
                  <a:pt x="16" y="237"/>
                  <a:pt x="17" y="238"/>
                </a:cubicBezTo>
                <a:close/>
                <a:moveTo>
                  <a:pt x="35" y="251"/>
                </a:moveTo>
                <a:cubicBezTo>
                  <a:pt x="35" y="252"/>
                  <a:pt x="36" y="250"/>
                  <a:pt x="36" y="250"/>
                </a:cubicBezTo>
                <a:lnTo>
                  <a:pt x="35" y="251"/>
                </a:lnTo>
                <a:close/>
                <a:moveTo>
                  <a:pt x="38" y="255"/>
                </a:moveTo>
                <a:cubicBezTo>
                  <a:pt x="39" y="254"/>
                  <a:pt x="39" y="254"/>
                  <a:pt x="39" y="254"/>
                </a:cubicBezTo>
                <a:cubicBezTo>
                  <a:pt x="39" y="254"/>
                  <a:pt x="38" y="254"/>
                  <a:pt x="38" y="255"/>
                </a:cubicBezTo>
                <a:close/>
                <a:moveTo>
                  <a:pt x="12" y="236"/>
                </a:moveTo>
                <a:cubicBezTo>
                  <a:pt x="12" y="236"/>
                  <a:pt x="12" y="237"/>
                  <a:pt x="12" y="237"/>
                </a:cubicBezTo>
                <a:cubicBezTo>
                  <a:pt x="13" y="236"/>
                  <a:pt x="13" y="236"/>
                  <a:pt x="13" y="236"/>
                </a:cubicBezTo>
                <a:cubicBezTo>
                  <a:pt x="13" y="236"/>
                  <a:pt x="12" y="236"/>
                  <a:pt x="12" y="236"/>
                </a:cubicBezTo>
                <a:close/>
                <a:moveTo>
                  <a:pt x="38" y="253"/>
                </a:moveTo>
                <a:cubicBezTo>
                  <a:pt x="36" y="252"/>
                  <a:pt x="36" y="252"/>
                  <a:pt x="36" y="252"/>
                </a:cubicBezTo>
                <a:cubicBezTo>
                  <a:pt x="36" y="253"/>
                  <a:pt x="37" y="254"/>
                  <a:pt x="38" y="253"/>
                </a:cubicBezTo>
                <a:close/>
                <a:moveTo>
                  <a:pt x="12" y="239"/>
                </a:moveTo>
                <a:cubicBezTo>
                  <a:pt x="13" y="238"/>
                  <a:pt x="13" y="238"/>
                  <a:pt x="13" y="238"/>
                </a:cubicBezTo>
                <a:cubicBezTo>
                  <a:pt x="13" y="238"/>
                  <a:pt x="13" y="239"/>
                  <a:pt x="13" y="238"/>
                </a:cubicBezTo>
                <a:cubicBezTo>
                  <a:pt x="12" y="238"/>
                  <a:pt x="14" y="237"/>
                  <a:pt x="13" y="237"/>
                </a:cubicBezTo>
                <a:cubicBezTo>
                  <a:pt x="12" y="237"/>
                  <a:pt x="12" y="238"/>
                  <a:pt x="12" y="239"/>
                </a:cubicBezTo>
                <a:close/>
                <a:moveTo>
                  <a:pt x="35" y="256"/>
                </a:moveTo>
                <a:cubicBezTo>
                  <a:pt x="35" y="256"/>
                  <a:pt x="36" y="257"/>
                  <a:pt x="36" y="257"/>
                </a:cubicBezTo>
                <a:cubicBezTo>
                  <a:pt x="36" y="256"/>
                  <a:pt x="35" y="256"/>
                  <a:pt x="35" y="256"/>
                </a:cubicBezTo>
                <a:close/>
                <a:moveTo>
                  <a:pt x="27" y="255"/>
                </a:moveTo>
                <a:cubicBezTo>
                  <a:pt x="27" y="255"/>
                  <a:pt x="28" y="254"/>
                  <a:pt x="28" y="254"/>
                </a:cubicBezTo>
                <a:cubicBezTo>
                  <a:pt x="27" y="254"/>
                  <a:pt x="27" y="254"/>
                  <a:pt x="27" y="255"/>
                </a:cubicBezTo>
                <a:close/>
                <a:moveTo>
                  <a:pt x="8" y="244"/>
                </a:moveTo>
                <a:cubicBezTo>
                  <a:pt x="7" y="244"/>
                  <a:pt x="7" y="244"/>
                  <a:pt x="7" y="244"/>
                </a:cubicBezTo>
                <a:cubicBezTo>
                  <a:pt x="8" y="245"/>
                  <a:pt x="8" y="243"/>
                  <a:pt x="7" y="243"/>
                </a:cubicBezTo>
                <a:cubicBezTo>
                  <a:pt x="7" y="243"/>
                  <a:pt x="7" y="243"/>
                  <a:pt x="8" y="244"/>
                </a:cubicBezTo>
                <a:close/>
                <a:moveTo>
                  <a:pt x="6" y="247"/>
                </a:moveTo>
                <a:cubicBezTo>
                  <a:pt x="7" y="248"/>
                  <a:pt x="9" y="244"/>
                  <a:pt x="8" y="244"/>
                </a:cubicBezTo>
                <a:cubicBezTo>
                  <a:pt x="7" y="245"/>
                  <a:pt x="7" y="246"/>
                  <a:pt x="6" y="247"/>
                </a:cubicBezTo>
                <a:close/>
                <a:moveTo>
                  <a:pt x="11" y="248"/>
                </a:moveTo>
                <a:cubicBezTo>
                  <a:pt x="12" y="248"/>
                  <a:pt x="12" y="247"/>
                  <a:pt x="11" y="247"/>
                </a:cubicBezTo>
                <a:cubicBezTo>
                  <a:pt x="11" y="247"/>
                  <a:pt x="11" y="248"/>
                  <a:pt x="11" y="248"/>
                </a:cubicBezTo>
                <a:close/>
                <a:moveTo>
                  <a:pt x="32" y="264"/>
                </a:moveTo>
                <a:cubicBezTo>
                  <a:pt x="33" y="264"/>
                  <a:pt x="33" y="264"/>
                  <a:pt x="33" y="263"/>
                </a:cubicBezTo>
                <a:cubicBezTo>
                  <a:pt x="32" y="263"/>
                  <a:pt x="32" y="263"/>
                  <a:pt x="32" y="264"/>
                </a:cubicBezTo>
                <a:close/>
                <a:moveTo>
                  <a:pt x="10" y="250"/>
                </a:moveTo>
                <a:cubicBezTo>
                  <a:pt x="10" y="250"/>
                  <a:pt x="11" y="249"/>
                  <a:pt x="11" y="249"/>
                </a:cubicBezTo>
                <a:cubicBezTo>
                  <a:pt x="10" y="248"/>
                  <a:pt x="10" y="248"/>
                  <a:pt x="10" y="248"/>
                </a:cubicBezTo>
                <a:cubicBezTo>
                  <a:pt x="10" y="249"/>
                  <a:pt x="9" y="249"/>
                  <a:pt x="10" y="250"/>
                </a:cubicBezTo>
                <a:close/>
                <a:moveTo>
                  <a:pt x="7" y="252"/>
                </a:moveTo>
                <a:cubicBezTo>
                  <a:pt x="7" y="251"/>
                  <a:pt x="9" y="249"/>
                  <a:pt x="8" y="248"/>
                </a:cubicBezTo>
                <a:cubicBezTo>
                  <a:pt x="8" y="249"/>
                  <a:pt x="6" y="251"/>
                  <a:pt x="7" y="252"/>
                </a:cubicBezTo>
                <a:close/>
                <a:moveTo>
                  <a:pt x="3" y="247"/>
                </a:moveTo>
                <a:cubicBezTo>
                  <a:pt x="3" y="246"/>
                  <a:pt x="4" y="246"/>
                  <a:pt x="4" y="246"/>
                </a:cubicBezTo>
                <a:cubicBezTo>
                  <a:pt x="3" y="246"/>
                  <a:pt x="2" y="246"/>
                  <a:pt x="3" y="247"/>
                </a:cubicBezTo>
                <a:close/>
                <a:moveTo>
                  <a:pt x="0" y="255"/>
                </a:moveTo>
                <a:cubicBezTo>
                  <a:pt x="1" y="253"/>
                  <a:pt x="3" y="253"/>
                  <a:pt x="2" y="251"/>
                </a:cubicBezTo>
                <a:cubicBezTo>
                  <a:pt x="2" y="253"/>
                  <a:pt x="0" y="254"/>
                  <a:pt x="0" y="255"/>
                </a:cubicBezTo>
                <a:close/>
                <a:moveTo>
                  <a:pt x="30" y="271"/>
                </a:moveTo>
                <a:cubicBezTo>
                  <a:pt x="30" y="271"/>
                  <a:pt x="31" y="271"/>
                  <a:pt x="31" y="271"/>
                </a:cubicBezTo>
                <a:cubicBezTo>
                  <a:pt x="31" y="271"/>
                  <a:pt x="30" y="270"/>
                  <a:pt x="30" y="271"/>
                </a:cubicBezTo>
                <a:close/>
                <a:moveTo>
                  <a:pt x="34" y="274"/>
                </a:moveTo>
                <a:cubicBezTo>
                  <a:pt x="35" y="275"/>
                  <a:pt x="34" y="275"/>
                  <a:pt x="35" y="275"/>
                </a:cubicBezTo>
                <a:cubicBezTo>
                  <a:pt x="36" y="275"/>
                  <a:pt x="35" y="275"/>
                  <a:pt x="35" y="274"/>
                </a:cubicBezTo>
                <a:cubicBezTo>
                  <a:pt x="35" y="274"/>
                  <a:pt x="35" y="274"/>
                  <a:pt x="34" y="274"/>
                </a:cubicBezTo>
                <a:close/>
                <a:moveTo>
                  <a:pt x="3" y="254"/>
                </a:moveTo>
                <a:cubicBezTo>
                  <a:pt x="2" y="254"/>
                  <a:pt x="2" y="254"/>
                  <a:pt x="2" y="253"/>
                </a:cubicBezTo>
                <a:cubicBezTo>
                  <a:pt x="2" y="254"/>
                  <a:pt x="2" y="254"/>
                  <a:pt x="2" y="254"/>
                </a:cubicBezTo>
                <a:cubicBezTo>
                  <a:pt x="2" y="254"/>
                  <a:pt x="4" y="254"/>
                  <a:pt x="3" y="253"/>
                </a:cubicBezTo>
                <a:lnTo>
                  <a:pt x="3" y="254"/>
                </a:lnTo>
                <a:close/>
                <a:moveTo>
                  <a:pt x="27" y="271"/>
                </a:moveTo>
                <a:cubicBezTo>
                  <a:pt x="27" y="271"/>
                  <a:pt x="27" y="272"/>
                  <a:pt x="28" y="271"/>
                </a:cubicBezTo>
                <a:cubicBezTo>
                  <a:pt x="28" y="271"/>
                  <a:pt x="27" y="270"/>
                  <a:pt x="27" y="271"/>
                </a:cubicBezTo>
                <a:close/>
                <a:moveTo>
                  <a:pt x="31" y="278"/>
                </a:moveTo>
                <a:cubicBezTo>
                  <a:pt x="31" y="277"/>
                  <a:pt x="30" y="277"/>
                  <a:pt x="30" y="276"/>
                </a:cubicBezTo>
                <a:cubicBezTo>
                  <a:pt x="30" y="277"/>
                  <a:pt x="31" y="277"/>
                  <a:pt x="31" y="278"/>
                </a:cubicBezTo>
                <a:close/>
                <a:moveTo>
                  <a:pt x="31" y="281"/>
                </a:moveTo>
                <a:cubicBezTo>
                  <a:pt x="32" y="281"/>
                  <a:pt x="32" y="281"/>
                  <a:pt x="32" y="281"/>
                </a:cubicBezTo>
                <a:cubicBezTo>
                  <a:pt x="32" y="280"/>
                  <a:pt x="32" y="280"/>
                  <a:pt x="33" y="280"/>
                </a:cubicBezTo>
                <a:cubicBezTo>
                  <a:pt x="33" y="280"/>
                  <a:pt x="33" y="279"/>
                  <a:pt x="33" y="279"/>
                </a:cubicBezTo>
                <a:cubicBezTo>
                  <a:pt x="32" y="280"/>
                  <a:pt x="32" y="281"/>
                  <a:pt x="31" y="281"/>
                </a:cubicBezTo>
                <a:close/>
                <a:moveTo>
                  <a:pt x="782" y="255"/>
                </a:moveTo>
                <a:cubicBezTo>
                  <a:pt x="781" y="255"/>
                  <a:pt x="779" y="253"/>
                  <a:pt x="779" y="256"/>
                </a:cubicBezTo>
                <a:cubicBezTo>
                  <a:pt x="781" y="259"/>
                  <a:pt x="782" y="261"/>
                  <a:pt x="783" y="263"/>
                </a:cubicBezTo>
                <a:cubicBezTo>
                  <a:pt x="781" y="263"/>
                  <a:pt x="777" y="259"/>
                  <a:pt x="774" y="258"/>
                </a:cubicBezTo>
                <a:cubicBezTo>
                  <a:pt x="775" y="259"/>
                  <a:pt x="777" y="263"/>
                  <a:pt x="778" y="264"/>
                </a:cubicBezTo>
                <a:cubicBezTo>
                  <a:pt x="779" y="267"/>
                  <a:pt x="779" y="268"/>
                  <a:pt x="780" y="271"/>
                </a:cubicBezTo>
                <a:cubicBezTo>
                  <a:pt x="779" y="271"/>
                  <a:pt x="779" y="271"/>
                  <a:pt x="779" y="272"/>
                </a:cubicBezTo>
                <a:cubicBezTo>
                  <a:pt x="776" y="269"/>
                  <a:pt x="775" y="267"/>
                  <a:pt x="772" y="264"/>
                </a:cubicBezTo>
                <a:cubicBezTo>
                  <a:pt x="771" y="262"/>
                  <a:pt x="772" y="262"/>
                  <a:pt x="771" y="260"/>
                </a:cubicBezTo>
                <a:cubicBezTo>
                  <a:pt x="770" y="259"/>
                  <a:pt x="767" y="254"/>
                  <a:pt x="766" y="252"/>
                </a:cubicBezTo>
                <a:cubicBezTo>
                  <a:pt x="766" y="254"/>
                  <a:pt x="763" y="249"/>
                  <a:pt x="762" y="246"/>
                </a:cubicBezTo>
                <a:cubicBezTo>
                  <a:pt x="763" y="250"/>
                  <a:pt x="761" y="249"/>
                  <a:pt x="764" y="255"/>
                </a:cubicBezTo>
                <a:cubicBezTo>
                  <a:pt x="763" y="252"/>
                  <a:pt x="764" y="254"/>
                  <a:pt x="765" y="256"/>
                </a:cubicBezTo>
                <a:cubicBezTo>
                  <a:pt x="765" y="257"/>
                  <a:pt x="765" y="255"/>
                  <a:pt x="765" y="255"/>
                </a:cubicBezTo>
                <a:cubicBezTo>
                  <a:pt x="766" y="256"/>
                  <a:pt x="766" y="257"/>
                  <a:pt x="766" y="258"/>
                </a:cubicBezTo>
                <a:cubicBezTo>
                  <a:pt x="767" y="259"/>
                  <a:pt x="768" y="260"/>
                  <a:pt x="770" y="260"/>
                </a:cubicBezTo>
                <a:cubicBezTo>
                  <a:pt x="770" y="262"/>
                  <a:pt x="771" y="264"/>
                  <a:pt x="772" y="267"/>
                </a:cubicBezTo>
                <a:cubicBezTo>
                  <a:pt x="771" y="267"/>
                  <a:pt x="768" y="261"/>
                  <a:pt x="769" y="264"/>
                </a:cubicBezTo>
                <a:cubicBezTo>
                  <a:pt x="768" y="262"/>
                  <a:pt x="766" y="259"/>
                  <a:pt x="766" y="260"/>
                </a:cubicBezTo>
                <a:cubicBezTo>
                  <a:pt x="766" y="259"/>
                  <a:pt x="764" y="256"/>
                  <a:pt x="764" y="255"/>
                </a:cubicBezTo>
                <a:cubicBezTo>
                  <a:pt x="763" y="254"/>
                  <a:pt x="762" y="254"/>
                  <a:pt x="761" y="253"/>
                </a:cubicBezTo>
                <a:cubicBezTo>
                  <a:pt x="761" y="252"/>
                  <a:pt x="762" y="253"/>
                  <a:pt x="762" y="252"/>
                </a:cubicBezTo>
                <a:cubicBezTo>
                  <a:pt x="762" y="251"/>
                  <a:pt x="761" y="249"/>
                  <a:pt x="761" y="249"/>
                </a:cubicBezTo>
                <a:cubicBezTo>
                  <a:pt x="757" y="243"/>
                  <a:pt x="757" y="246"/>
                  <a:pt x="752" y="241"/>
                </a:cubicBezTo>
                <a:cubicBezTo>
                  <a:pt x="752" y="241"/>
                  <a:pt x="755" y="244"/>
                  <a:pt x="755" y="245"/>
                </a:cubicBezTo>
                <a:cubicBezTo>
                  <a:pt x="755" y="246"/>
                  <a:pt x="755" y="245"/>
                  <a:pt x="755" y="244"/>
                </a:cubicBezTo>
                <a:cubicBezTo>
                  <a:pt x="755" y="244"/>
                  <a:pt x="755" y="246"/>
                  <a:pt x="756" y="246"/>
                </a:cubicBezTo>
                <a:cubicBezTo>
                  <a:pt x="757" y="248"/>
                  <a:pt x="756" y="247"/>
                  <a:pt x="757" y="249"/>
                </a:cubicBezTo>
                <a:cubicBezTo>
                  <a:pt x="755" y="246"/>
                  <a:pt x="755" y="248"/>
                  <a:pt x="753" y="248"/>
                </a:cubicBezTo>
                <a:cubicBezTo>
                  <a:pt x="752" y="245"/>
                  <a:pt x="751" y="244"/>
                  <a:pt x="750" y="245"/>
                </a:cubicBezTo>
                <a:cubicBezTo>
                  <a:pt x="748" y="242"/>
                  <a:pt x="747" y="243"/>
                  <a:pt x="745" y="239"/>
                </a:cubicBezTo>
                <a:cubicBezTo>
                  <a:pt x="744" y="239"/>
                  <a:pt x="744" y="239"/>
                  <a:pt x="744" y="239"/>
                </a:cubicBezTo>
                <a:cubicBezTo>
                  <a:pt x="743" y="237"/>
                  <a:pt x="741" y="236"/>
                  <a:pt x="739" y="233"/>
                </a:cubicBezTo>
                <a:cubicBezTo>
                  <a:pt x="739" y="232"/>
                  <a:pt x="739" y="231"/>
                  <a:pt x="740" y="231"/>
                </a:cubicBezTo>
                <a:cubicBezTo>
                  <a:pt x="741" y="233"/>
                  <a:pt x="741" y="234"/>
                  <a:pt x="742" y="234"/>
                </a:cubicBezTo>
                <a:cubicBezTo>
                  <a:pt x="742" y="234"/>
                  <a:pt x="741" y="231"/>
                  <a:pt x="743" y="234"/>
                </a:cubicBezTo>
                <a:cubicBezTo>
                  <a:pt x="743" y="233"/>
                  <a:pt x="742" y="232"/>
                  <a:pt x="741" y="231"/>
                </a:cubicBezTo>
                <a:cubicBezTo>
                  <a:pt x="740" y="230"/>
                  <a:pt x="741" y="231"/>
                  <a:pt x="740" y="231"/>
                </a:cubicBezTo>
                <a:cubicBezTo>
                  <a:pt x="739" y="227"/>
                  <a:pt x="737" y="229"/>
                  <a:pt x="736" y="226"/>
                </a:cubicBezTo>
                <a:cubicBezTo>
                  <a:pt x="736" y="227"/>
                  <a:pt x="735" y="226"/>
                  <a:pt x="733" y="224"/>
                </a:cubicBezTo>
                <a:cubicBezTo>
                  <a:pt x="734" y="226"/>
                  <a:pt x="737" y="229"/>
                  <a:pt x="738" y="231"/>
                </a:cubicBezTo>
                <a:cubicBezTo>
                  <a:pt x="735" y="229"/>
                  <a:pt x="728" y="217"/>
                  <a:pt x="726" y="218"/>
                </a:cubicBezTo>
                <a:cubicBezTo>
                  <a:pt x="724" y="215"/>
                  <a:pt x="723" y="213"/>
                  <a:pt x="721" y="210"/>
                </a:cubicBezTo>
                <a:cubicBezTo>
                  <a:pt x="715" y="205"/>
                  <a:pt x="707" y="195"/>
                  <a:pt x="698" y="186"/>
                </a:cubicBezTo>
                <a:cubicBezTo>
                  <a:pt x="698" y="186"/>
                  <a:pt x="701" y="188"/>
                  <a:pt x="700" y="188"/>
                </a:cubicBezTo>
                <a:cubicBezTo>
                  <a:pt x="696" y="184"/>
                  <a:pt x="693" y="182"/>
                  <a:pt x="688" y="177"/>
                </a:cubicBezTo>
                <a:cubicBezTo>
                  <a:pt x="689" y="178"/>
                  <a:pt x="690" y="178"/>
                  <a:pt x="690" y="177"/>
                </a:cubicBezTo>
                <a:cubicBezTo>
                  <a:pt x="689" y="176"/>
                  <a:pt x="689" y="176"/>
                  <a:pt x="689" y="176"/>
                </a:cubicBezTo>
                <a:cubicBezTo>
                  <a:pt x="687" y="174"/>
                  <a:pt x="689" y="177"/>
                  <a:pt x="688" y="177"/>
                </a:cubicBezTo>
                <a:cubicBezTo>
                  <a:pt x="686" y="175"/>
                  <a:pt x="687" y="175"/>
                  <a:pt x="686" y="174"/>
                </a:cubicBezTo>
                <a:cubicBezTo>
                  <a:pt x="684" y="172"/>
                  <a:pt x="686" y="174"/>
                  <a:pt x="684" y="173"/>
                </a:cubicBezTo>
                <a:cubicBezTo>
                  <a:pt x="683" y="172"/>
                  <a:pt x="682" y="169"/>
                  <a:pt x="681" y="170"/>
                </a:cubicBezTo>
                <a:cubicBezTo>
                  <a:pt x="680" y="169"/>
                  <a:pt x="681" y="169"/>
                  <a:pt x="681" y="169"/>
                </a:cubicBezTo>
                <a:cubicBezTo>
                  <a:pt x="680" y="168"/>
                  <a:pt x="679" y="168"/>
                  <a:pt x="678" y="168"/>
                </a:cubicBezTo>
                <a:cubicBezTo>
                  <a:pt x="676" y="165"/>
                  <a:pt x="672" y="163"/>
                  <a:pt x="672" y="161"/>
                </a:cubicBezTo>
                <a:cubicBezTo>
                  <a:pt x="670" y="160"/>
                  <a:pt x="662" y="154"/>
                  <a:pt x="657" y="149"/>
                </a:cubicBezTo>
                <a:cubicBezTo>
                  <a:pt x="660" y="152"/>
                  <a:pt x="654" y="146"/>
                  <a:pt x="654" y="146"/>
                </a:cubicBezTo>
                <a:cubicBezTo>
                  <a:pt x="653" y="145"/>
                  <a:pt x="653" y="145"/>
                  <a:pt x="652" y="145"/>
                </a:cubicBezTo>
                <a:cubicBezTo>
                  <a:pt x="648" y="142"/>
                  <a:pt x="644" y="139"/>
                  <a:pt x="645" y="138"/>
                </a:cubicBezTo>
                <a:cubicBezTo>
                  <a:pt x="641" y="135"/>
                  <a:pt x="641" y="135"/>
                  <a:pt x="641" y="135"/>
                </a:cubicBezTo>
                <a:cubicBezTo>
                  <a:pt x="642" y="137"/>
                  <a:pt x="641" y="136"/>
                  <a:pt x="640" y="136"/>
                </a:cubicBezTo>
                <a:cubicBezTo>
                  <a:pt x="637" y="133"/>
                  <a:pt x="636" y="133"/>
                  <a:pt x="633" y="130"/>
                </a:cubicBezTo>
                <a:cubicBezTo>
                  <a:pt x="633" y="130"/>
                  <a:pt x="632" y="129"/>
                  <a:pt x="633" y="129"/>
                </a:cubicBezTo>
                <a:cubicBezTo>
                  <a:pt x="629" y="126"/>
                  <a:pt x="631" y="129"/>
                  <a:pt x="629" y="128"/>
                </a:cubicBezTo>
                <a:cubicBezTo>
                  <a:pt x="628" y="126"/>
                  <a:pt x="625" y="124"/>
                  <a:pt x="622" y="123"/>
                </a:cubicBezTo>
                <a:cubicBezTo>
                  <a:pt x="626" y="124"/>
                  <a:pt x="620" y="120"/>
                  <a:pt x="618" y="120"/>
                </a:cubicBezTo>
                <a:cubicBezTo>
                  <a:pt x="618" y="120"/>
                  <a:pt x="620" y="122"/>
                  <a:pt x="621" y="122"/>
                </a:cubicBezTo>
                <a:cubicBezTo>
                  <a:pt x="623" y="124"/>
                  <a:pt x="615" y="119"/>
                  <a:pt x="617" y="119"/>
                </a:cubicBezTo>
                <a:cubicBezTo>
                  <a:pt x="614" y="117"/>
                  <a:pt x="614" y="117"/>
                  <a:pt x="614" y="117"/>
                </a:cubicBezTo>
                <a:cubicBezTo>
                  <a:pt x="613" y="116"/>
                  <a:pt x="614" y="118"/>
                  <a:pt x="611" y="116"/>
                </a:cubicBezTo>
                <a:cubicBezTo>
                  <a:pt x="611" y="116"/>
                  <a:pt x="613" y="116"/>
                  <a:pt x="612" y="115"/>
                </a:cubicBezTo>
                <a:cubicBezTo>
                  <a:pt x="610" y="114"/>
                  <a:pt x="612" y="116"/>
                  <a:pt x="610" y="115"/>
                </a:cubicBezTo>
                <a:cubicBezTo>
                  <a:pt x="607" y="112"/>
                  <a:pt x="602" y="111"/>
                  <a:pt x="596" y="106"/>
                </a:cubicBezTo>
                <a:cubicBezTo>
                  <a:pt x="596" y="106"/>
                  <a:pt x="595" y="106"/>
                  <a:pt x="595" y="105"/>
                </a:cubicBezTo>
                <a:cubicBezTo>
                  <a:pt x="594" y="105"/>
                  <a:pt x="594" y="105"/>
                  <a:pt x="594" y="106"/>
                </a:cubicBezTo>
                <a:cubicBezTo>
                  <a:pt x="587" y="101"/>
                  <a:pt x="583" y="99"/>
                  <a:pt x="576" y="95"/>
                </a:cubicBezTo>
                <a:cubicBezTo>
                  <a:pt x="573" y="94"/>
                  <a:pt x="576" y="96"/>
                  <a:pt x="575" y="96"/>
                </a:cubicBezTo>
                <a:cubicBezTo>
                  <a:pt x="575" y="95"/>
                  <a:pt x="571" y="94"/>
                  <a:pt x="571" y="94"/>
                </a:cubicBezTo>
                <a:cubicBezTo>
                  <a:pt x="568" y="92"/>
                  <a:pt x="566" y="90"/>
                  <a:pt x="562" y="88"/>
                </a:cubicBezTo>
                <a:cubicBezTo>
                  <a:pt x="555" y="85"/>
                  <a:pt x="548" y="82"/>
                  <a:pt x="540" y="79"/>
                </a:cubicBezTo>
                <a:cubicBezTo>
                  <a:pt x="540" y="78"/>
                  <a:pt x="540" y="78"/>
                  <a:pt x="540" y="78"/>
                </a:cubicBezTo>
                <a:cubicBezTo>
                  <a:pt x="537" y="77"/>
                  <a:pt x="535" y="76"/>
                  <a:pt x="533" y="75"/>
                </a:cubicBezTo>
                <a:cubicBezTo>
                  <a:pt x="530" y="74"/>
                  <a:pt x="529" y="74"/>
                  <a:pt x="526" y="73"/>
                </a:cubicBezTo>
                <a:cubicBezTo>
                  <a:pt x="526" y="72"/>
                  <a:pt x="526" y="72"/>
                  <a:pt x="526" y="72"/>
                </a:cubicBezTo>
                <a:cubicBezTo>
                  <a:pt x="521" y="71"/>
                  <a:pt x="517" y="70"/>
                  <a:pt x="514" y="68"/>
                </a:cubicBezTo>
                <a:cubicBezTo>
                  <a:pt x="510" y="68"/>
                  <a:pt x="504" y="65"/>
                  <a:pt x="502" y="64"/>
                </a:cubicBezTo>
                <a:cubicBezTo>
                  <a:pt x="500" y="63"/>
                  <a:pt x="502" y="65"/>
                  <a:pt x="502" y="65"/>
                </a:cubicBezTo>
                <a:cubicBezTo>
                  <a:pt x="497" y="64"/>
                  <a:pt x="493" y="62"/>
                  <a:pt x="488" y="60"/>
                </a:cubicBezTo>
                <a:cubicBezTo>
                  <a:pt x="485" y="60"/>
                  <a:pt x="481" y="60"/>
                  <a:pt x="480" y="59"/>
                </a:cubicBezTo>
                <a:cubicBezTo>
                  <a:pt x="483" y="59"/>
                  <a:pt x="485" y="60"/>
                  <a:pt x="484" y="59"/>
                </a:cubicBezTo>
                <a:cubicBezTo>
                  <a:pt x="482" y="58"/>
                  <a:pt x="480" y="59"/>
                  <a:pt x="480" y="58"/>
                </a:cubicBezTo>
                <a:cubicBezTo>
                  <a:pt x="479" y="58"/>
                  <a:pt x="479" y="58"/>
                  <a:pt x="479" y="59"/>
                </a:cubicBezTo>
                <a:cubicBezTo>
                  <a:pt x="474" y="58"/>
                  <a:pt x="470" y="57"/>
                  <a:pt x="468" y="56"/>
                </a:cubicBezTo>
                <a:cubicBezTo>
                  <a:pt x="466" y="56"/>
                  <a:pt x="469" y="57"/>
                  <a:pt x="464" y="56"/>
                </a:cubicBezTo>
                <a:cubicBezTo>
                  <a:pt x="465" y="55"/>
                  <a:pt x="461" y="54"/>
                  <a:pt x="459" y="54"/>
                </a:cubicBezTo>
                <a:cubicBezTo>
                  <a:pt x="459" y="54"/>
                  <a:pt x="459" y="54"/>
                  <a:pt x="458" y="54"/>
                </a:cubicBezTo>
                <a:cubicBezTo>
                  <a:pt x="458" y="54"/>
                  <a:pt x="459" y="54"/>
                  <a:pt x="461" y="54"/>
                </a:cubicBezTo>
                <a:cubicBezTo>
                  <a:pt x="461" y="53"/>
                  <a:pt x="460" y="53"/>
                  <a:pt x="458" y="53"/>
                </a:cubicBezTo>
                <a:cubicBezTo>
                  <a:pt x="457" y="53"/>
                  <a:pt x="456" y="53"/>
                  <a:pt x="456" y="54"/>
                </a:cubicBezTo>
                <a:cubicBezTo>
                  <a:pt x="453" y="53"/>
                  <a:pt x="452" y="52"/>
                  <a:pt x="450" y="52"/>
                </a:cubicBezTo>
                <a:cubicBezTo>
                  <a:pt x="448" y="51"/>
                  <a:pt x="451" y="52"/>
                  <a:pt x="450" y="52"/>
                </a:cubicBezTo>
                <a:cubicBezTo>
                  <a:pt x="442" y="51"/>
                  <a:pt x="434" y="51"/>
                  <a:pt x="428" y="49"/>
                </a:cubicBezTo>
                <a:cubicBezTo>
                  <a:pt x="426" y="49"/>
                  <a:pt x="429" y="50"/>
                  <a:pt x="427" y="50"/>
                </a:cubicBezTo>
                <a:cubicBezTo>
                  <a:pt x="424" y="50"/>
                  <a:pt x="424" y="49"/>
                  <a:pt x="426" y="49"/>
                </a:cubicBezTo>
                <a:cubicBezTo>
                  <a:pt x="426" y="48"/>
                  <a:pt x="425" y="49"/>
                  <a:pt x="423" y="48"/>
                </a:cubicBezTo>
                <a:cubicBezTo>
                  <a:pt x="423" y="49"/>
                  <a:pt x="423" y="49"/>
                  <a:pt x="423" y="49"/>
                </a:cubicBezTo>
                <a:cubicBezTo>
                  <a:pt x="416" y="48"/>
                  <a:pt x="410" y="48"/>
                  <a:pt x="402" y="48"/>
                </a:cubicBezTo>
                <a:cubicBezTo>
                  <a:pt x="404" y="47"/>
                  <a:pt x="401" y="47"/>
                  <a:pt x="397" y="47"/>
                </a:cubicBezTo>
                <a:cubicBezTo>
                  <a:pt x="397" y="46"/>
                  <a:pt x="397" y="46"/>
                  <a:pt x="397" y="46"/>
                </a:cubicBezTo>
                <a:cubicBezTo>
                  <a:pt x="394" y="47"/>
                  <a:pt x="393" y="46"/>
                  <a:pt x="391" y="46"/>
                </a:cubicBezTo>
                <a:cubicBezTo>
                  <a:pt x="389" y="46"/>
                  <a:pt x="395" y="47"/>
                  <a:pt x="393" y="48"/>
                </a:cubicBezTo>
                <a:cubicBezTo>
                  <a:pt x="390" y="47"/>
                  <a:pt x="390" y="47"/>
                  <a:pt x="388" y="47"/>
                </a:cubicBezTo>
                <a:cubicBezTo>
                  <a:pt x="386" y="47"/>
                  <a:pt x="388" y="47"/>
                  <a:pt x="388" y="48"/>
                </a:cubicBezTo>
                <a:cubicBezTo>
                  <a:pt x="385" y="48"/>
                  <a:pt x="385" y="47"/>
                  <a:pt x="382" y="48"/>
                </a:cubicBezTo>
                <a:cubicBezTo>
                  <a:pt x="382" y="47"/>
                  <a:pt x="383" y="47"/>
                  <a:pt x="384" y="47"/>
                </a:cubicBezTo>
                <a:cubicBezTo>
                  <a:pt x="383" y="47"/>
                  <a:pt x="380" y="48"/>
                  <a:pt x="380" y="47"/>
                </a:cubicBezTo>
                <a:cubicBezTo>
                  <a:pt x="379" y="47"/>
                  <a:pt x="380" y="48"/>
                  <a:pt x="377" y="48"/>
                </a:cubicBezTo>
                <a:cubicBezTo>
                  <a:pt x="376" y="47"/>
                  <a:pt x="377" y="47"/>
                  <a:pt x="376" y="47"/>
                </a:cubicBezTo>
                <a:cubicBezTo>
                  <a:pt x="375" y="47"/>
                  <a:pt x="371" y="48"/>
                  <a:pt x="375" y="48"/>
                </a:cubicBezTo>
                <a:cubicBezTo>
                  <a:pt x="374" y="48"/>
                  <a:pt x="373" y="49"/>
                  <a:pt x="371" y="49"/>
                </a:cubicBezTo>
                <a:cubicBezTo>
                  <a:pt x="372" y="48"/>
                  <a:pt x="370" y="48"/>
                  <a:pt x="371" y="47"/>
                </a:cubicBezTo>
                <a:cubicBezTo>
                  <a:pt x="370" y="47"/>
                  <a:pt x="367" y="48"/>
                  <a:pt x="368" y="47"/>
                </a:cubicBezTo>
                <a:cubicBezTo>
                  <a:pt x="365" y="48"/>
                  <a:pt x="363" y="48"/>
                  <a:pt x="361" y="48"/>
                </a:cubicBezTo>
                <a:cubicBezTo>
                  <a:pt x="361" y="47"/>
                  <a:pt x="362" y="47"/>
                  <a:pt x="363" y="47"/>
                </a:cubicBezTo>
                <a:cubicBezTo>
                  <a:pt x="363" y="47"/>
                  <a:pt x="361" y="47"/>
                  <a:pt x="359" y="47"/>
                </a:cubicBezTo>
                <a:cubicBezTo>
                  <a:pt x="358" y="48"/>
                  <a:pt x="355" y="48"/>
                  <a:pt x="351" y="48"/>
                </a:cubicBezTo>
                <a:cubicBezTo>
                  <a:pt x="351" y="49"/>
                  <a:pt x="354" y="48"/>
                  <a:pt x="354" y="49"/>
                </a:cubicBezTo>
                <a:cubicBezTo>
                  <a:pt x="350" y="50"/>
                  <a:pt x="351" y="49"/>
                  <a:pt x="348" y="49"/>
                </a:cubicBezTo>
                <a:cubicBezTo>
                  <a:pt x="350" y="50"/>
                  <a:pt x="344" y="50"/>
                  <a:pt x="342" y="50"/>
                </a:cubicBezTo>
                <a:cubicBezTo>
                  <a:pt x="340" y="50"/>
                  <a:pt x="343" y="50"/>
                  <a:pt x="341" y="51"/>
                </a:cubicBezTo>
                <a:cubicBezTo>
                  <a:pt x="336" y="52"/>
                  <a:pt x="334" y="52"/>
                  <a:pt x="332" y="51"/>
                </a:cubicBezTo>
                <a:cubicBezTo>
                  <a:pt x="334" y="50"/>
                  <a:pt x="335" y="51"/>
                  <a:pt x="335" y="51"/>
                </a:cubicBezTo>
                <a:cubicBezTo>
                  <a:pt x="336" y="51"/>
                  <a:pt x="336" y="51"/>
                  <a:pt x="336" y="51"/>
                </a:cubicBezTo>
                <a:cubicBezTo>
                  <a:pt x="336" y="50"/>
                  <a:pt x="334" y="51"/>
                  <a:pt x="335" y="50"/>
                </a:cubicBezTo>
                <a:cubicBezTo>
                  <a:pt x="331" y="51"/>
                  <a:pt x="331" y="51"/>
                  <a:pt x="331" y="52"/>
                </a:cubicBezTo>
                <a:cubicBezTo>
                  <a:pt x="330" y="51"/>
                  <a:pt x="326" y="51"/>
                  <a:pt x="326" y="52"/>
                </a:cubicBezTo>
                <a:cubicBezTo>
                  <a:pt x="323" y="53"/>
                  <a:pt x="325" y="52"/>
                  <a:pt x="326" y="51"/>
                </a:cubicBezTo>
                <a:cubicBezTo>
                  <a:pt x="326" y="51"/>
                  <a:pt x="322" y="52"/>
                  <a:pt x="321" y="53"/>
                </a:cubicBezTo>
                <a:cubicBezTo>
                  <a:pt x="321" y="53"/>
                  <a:pt x="322" y="53"/>
                  <a:pt x="323" y="53"/>
                </a:cubicBezTo>
                <a:cubicBezTo>
                  <a:pt x="321" y="53"/>
                  <a:pt x="315" y="54"/>
                  <a:pt x="316" y="55"/>
                </a:cubicBezTo>
                <a:cubicBezTo>
                  <a:pt x="314" y="56"/>
                  <a:pt x="314" y="55"/>
                  <a:pt x="312" y="55"/>
                </a:cubicBezTo>
                <a:cubicBezTo>
                  <a:pt x="313" y="55"/>
                  <a:pt x="314" y="54"/>
                  <a:pt x="315" y="54"/>
                </a:cubicBezTo>
                <a:cubicBezTo>
                  <a:pt x="317" y="53"/>
                  <a:pt x="317" y="53"/>
                  <a:pt x="320" y="52"/>
                </a:cubicBezTo>
                <a:cubicBezTo>
                  <a:pt x="319" y="52"/>
                  <a:pt x="314" y="54"/>
                  <a:pt x="313" y="54"/>
                </a:cubicBezTo>
                <a:cubicBezTo>
                  <a:pt x="310" y="54"/>
                  <a:pt x="314" y="54"/>
                  <a:pt x="312" y="55"/>
                </a:cubicBezTo>
                <a:cubicBezTo>
                  <a:pt x="308" y="56"/>
                  <a:pt x="308" y="56"/>
                  <a:pt x="304" y="57"/>
                </a:cubicBezTo>
                <a:cubicBezTo>
                  <a:pt x="305" y="57"/>
                  <a:pt x="307" y="57"/>
                  <a:pt x="307" y="56"/>
                </a:cubicBezTo>
                <a:cubicBezTo>
                  <a:pt x="305" y="56"/>
                  <a:pt x="302" y="58"/>
                  <a:pt x="302" y="58"/>
                </a:cubicBezTo>
                <a:cubicBezTo>
                  <a:pt x="299" y="59"/>
                  <a:pt x="304" y="57"/>
                  <a:pt x="301" y="58"/>
                </a:cubicBezTo>
                <a:cubicBezTo>
                  <a:pt x="301" y="57"/>
                  <a:pt x="304" y="57"/>
                  <a:pt x="303" y="57"/>
                </a:cubicBezTo>
                <a:cubicBezTo>
                  <a:pt x="303" y="57"/>
                  <a:pt x="298" y="58"/>
                  <a:pt x="297" y="58"/>
                </a:cubicBezTo>
                <a:cubicBezTo>
                  <a:pt x="298" y="59"/>
                  <a:pt x="301" y="57"/>
                  <a:pt x="301" y="58"/>
                </a:cubicBezTo>
                <a:cubicBezTo>
                  <a:pt x="296" y="59"/>
                  <a:pt x="295" y="60"/>
                  <a:pt x="292" y="60"/>
                </a:cubicBezTo>
                <a:cubicBezTo>
                  <a:pt x="290" y="61"/>
                  <a:pt x="289" y="61"/>
                  <a:pt x="289" y="62"/>
                </a:cubicBezTo>
                <a:cubicBezTo>
                  <a:pt x="288" y="62"/>
                  <a:pt x="283" y="62"/>
                  <a:pt x="283" y="63"/>
                </a:cubicBezTo>
                <a:cubicBezTo>
                  <a:pt x="279" y="65"/>
                  <a:pt x="279" y="64"/>
                  <a:pt x="276" y="65"/>
                </a:cubicBezTo>
                <a:cubicBezTo>
                  <a:pt x="274" y="66"/>
                  <a:pt x="277" y="66"/>
                  <a:pt x="276" y="66"/>
                </a:cubicBezTo>
                <a:cubicBezTo>
                  <a:pt x="273" y="67"/>
                  <a:pt x="273" y="67"/>
                  <a:pt x="273" y="67"/>
                </a:cubicBezTo>
                <a:cubicBezTo>
                  <a:pt x="275" y="65"/>
                  <a:pt x="264" y="71"/>
                  <a:pt x="260" y="71"/>
                </a:cubicBezTo>
                <a:cubicBezTo>
                  <a:pt x="259" y="72"/>
                  <a:pt x="259" y="72"/>
                  <a:pt x="259" y="73"/>
                </a:cubicBezTo>
                <a:cubicBezTo>
                  <a:pt x="257" y="73"/>
                  <a:pt x="254" y="74"/>
                  <a:pt x="253" y="75"/>
                </a:cubicBezTo>
                <a:cubicBezTo>
                  <a:pt x="253" y="75"/>
                  <a:pt x="253" y="75"/>
                  <a:pt x="253" y="74"/>
                </a:cubicBezTo>
                <a:cubicBezTo>
                  <a:pt x="248" y="77"/>
                  <a:pt x="246" y="78"/>
                  <a:pt x="239" y="81"/>
                </a:cubicBezTo>
                <a:cubicBezTo>
                  <a:pt x="240" y="80"/>
                  <a:pt x="244" y="78"/>
                  <a:pt x="245" y="78"/>
                </a:cubicBezTo>
                <a:cubicBezTo>
                  <a:pt x="244" y="78"/>
                  <a:pt x="244" y="76"/>
                  <a:pt x="243" y="77"/>
                </a:cubicBezTo>
                <a:cubicBezTo>
                  <a:pt x="243" y="77"/>
                  <a:pt x="242" y="76"/>
                  <a:pt x="243" y="75"/>
                </a:cubicBezTo>
                <a:cubicBezTo>
                  <a:pt x="244" y="75"/>
                  <a:pt x="244" y="75"/>
                  <a:pt x="245" y="75"/>
                </a:cubicBezTo>
                <a:cubicBezTo>
                  <a:pt x="247" y="74"/>
                  <a:pt x="243" y="74"/>
                  <a:pt x="246" y="73"/>
                </a:cubicBezTo>
                <a:cubicBezTo>
                  <a:pt x="245" y="73"/>
                  <a:pt x="244" y="74"/>
                  <a:pt x="243" y="75"/>
                </a:cubicBezTo>
                <a:cubicBezTo>
                  <a:pt x="243" y="73"/>
                  <a:pt x="250" y="71"/>
                  <a:pt x="252" y="71"/>
                </a:cubicBezTo>
                <a:cubicBezTo>
                  <a:pt x="254" y="70"/>
                  <a:pt x="251" y="70"/>
                  <a:pt x="254" y="69"/>
                </a:cubicBezTo>
                <a:cubicBezTo>
                  <a:pt x="247" y="70"/>
                  <a:pt x="242" y="74"/>
                  <a:pt x="237" y="76"/>
                </a:cubicBezTo>
                <a:cubicBezTo>
                  <a:pt x="236" y="76"/>
                  <a:pt x="237" y="76"/>
                  <a:pt x="237" y="76"/>
                </a:cubicBezTo>
                <a:cubicBezTo>
                  <a:pt x="235" y="77"/>
                  <a:pt x="233" y="78"/>
                  <a:pt x="233" y="78"/>
                </a:cubicBezTo>
                <a:cubicBezTo>
                  <a:pt x="234" y="77"/>
                  <a:pt x="235" y="77"/>
                  <a:pt x="235" y="76"/>
                </a:cubicBezTo>
                <a:cubicBezTo>
                  <a:pt x="232" y="77"/>
                  <a:pt x="234" y="77"/>
                  <a:pt x="231" y="78"/>
                </a:cubicBezTo>
                <a:cubicBezTo>
                  <a:pt x="229" y="78"/>
                  <a:pt x="231" y="77"/>
                  <a:pt x="227" y="79"/>
                </a:cubicBezTo>
                <a:cubicBezTo>
                  <a:pt x="227" y="78"/>
                  <a:pt x="230" y="77"/>
                  <a:pt x="231" y="76"/>
                </a:cubicBezTo>
                <a:cubicBezTo>
                  <a:pt x="229" y="77"/>
                  <a:pt x="228" y="77"/>
                  <a:pt x="224" y="79"/>
                </a:cubicBezTo>
                <a:cubicBezTo>
                  <a:pt x="227" y="76"/>
                  <a:pt x="236" y="73"/>
                  <a:pt x="233" y="72"/>
                </a:cubicBezTo>
                <a:cubicBezTo>
                  <a:pt x="233" y="72"/>
                  <a:pt x="231" y="72"/>
                  <a:pt x="231" y="72"/>
                </a:cubicBezTo>
                <a:cubicBezTo>
                  <a:pt x="229" y="73"/>
                  <a:pt x="233" y="72"/>
                  <a:pt x="230" y="73"/>
                </a:cubicBezTo>
                <a:cubicBezTo>
                  <a:pt x="230" y="73"/>
                  <a:pt x="232" y="73"/>
                  <a:pt x="232" y="73"/>
                </a:cubicBezTo>
                <a:cubicBezTo>
                  <a:pt x="227" y="76"/>
                  <a:pt x="222" y="80"/>
                  <a:pt x="219" y="80"/>
                </a:cubicBezTo>
                <a:cubicBezTo>
                  <a:pt x="223" y="79"/>
                  <a:pt x="216" y="80"/>
                  <a:pt x="222" y="77"/>
                </a:cubicBezTo>
                <a:cubicBezTo>
                  <a:pt x="221" y="76"/>
                  <a:pt x="216" y="78"/>
                  <a:pt x="218" y="76"/>
                </a:cubicBezTo>
                <a:cubicBezTo>
                  <a:pt x="217" y="77"/>
                  <a:pt x="210" y="80"/>
                  <a:pt x="210" y="82"/>
                </a:cubicBezTo>
                <a:cubicBezTo>
                  <a:pt x="205" y="84"/>
                  <a:pt x="210" y="81"/>
                  <a:pt x="203" y="85"/>
                </a:cubicBezTo>
                <a:cubicBezTo>
                  <a:pt x="207" y="83"/>
                  <a:pt x="205" y="85"/>
                  <a:pt x="206" y="85"/>
                </a:cubicBezTo>
                <a:cubicBezTo>
                  <a:pt x="203" y="87"/>
                  <a:pt x="205" y="85"/>
                  <a:pt x="204" y="85"/>
                </a:cubicBezTo>
                <a:cubicBezTo>
                  <a:pt x="202" y="86"/>
                  <a:pt x="201" y="88"/>
                  <a:pt x="199" y="88"/>
                </a:cubicBezTo>
                <a:cubicBezTo>
                  <a:pt x="199" y="89"/>
                  <a:pt x="199" y="89"/>
                  <a:pt x="198" y="89"/>
                </a:cubicBezTo>
                <a:cubicBezTo>
                  <a:pt x="200" y="89"/>
                  <a:pt x="202" y="86"/>
                  <a:pt x="203" y="86"/>
                </a:cubicBezTo>
                <a:cubicBezTo>
                  <a:pt x="204" y="87"/>
                  <a:pt x="202" y="88"/>
                  <a:pt x="201" y="88"/>
                </a:cubicBezTo>
                <a:cubicBezTo>
                  <a:pt x="201" y="89"/>
                  <a:pt x="205" y="87"/>
                  <a:pt x="202" y="89"/>
                </a:cubicBezTo>
                <a:cubicBezTo>
                  <a:pt x="202" y="89"/>
                  <a:pt x="204" y="88"/>
                  <a:pt x="205" y="87"/>
                </a:cubicBezTo>
                <a:cubicBezTo>
                  <a:pt x="203" y="89"/>
                  <a:pt x="198" y="91"/>
                  <a:pt x="198" y="92"/>
                </a:cubicBezTo>
                <a:cubicBezTo>
                  <a:pt x="198" y="92"/>
                  <a:pt x="198" y="91"/>
                  <a:pt x="195" y="93"/>
                </a:cubicBezTo>
                <a:cubicBezTo>
                  <a:pt x="195" y="92"/>
                  <a:pt x="196" y="92"/>
                  <a:pt x="197" y="91"/>
                </a:cubicBezTo>
                <a:cubicBezTo>
                  <a:pt x="196" y="91"/>
                  <a:pt x="194" y="92"/>
                  <a:pt x="192" y="94"/>
                </a:cubicBezTo>
                <a:cubicBezTo>
                  <a:pt x="191" y="94"/>
                  <a:pt x="190" y="94"/>
                  <a:pt x="190" y="93"/>
                </a:cubicBezTo>
                <a:cubicBezTo>
                  <a:pt x="187" y="95"/>
                  <a:pt x="190" y="94"/>
                  <a:pt x="187" y="96"/>
                </a:cubicBezTo>
                <a:cubicBezTo>
                  <a:pt x="189" y="94"/>
                  <a:pt x="184" y="97"/>
                  <a:pt x="184" y="96"/>
                </a:cubicBezTo>
                <a:cubicBezTo>
                  <a:pt x="182" y="98"/>
                  <a:pt x="180" y="99"/>
                  <a:pt x="179" y="100"/>
                </a:cubicBezTo>
                <a:cubicBezTo>
                  <a:pt x="179" y="99"/>
                  <a:pt x="179" y="98"/>
                  <a:pt x="181" y="98"/>
                </a:cubicBezTo>
                <a:cubicBezTo>
                  <a:pt x="184" y="96"/>
                  <a:pt x="180" y="98"/>
                  <a:pt x="180" y="97"/>
                </a:cubicBezTo>
                <a:cubicBezTo>
                  <a:pt x="184" y="95"/>
                  <a:pt x="186" y="93"/>
                  <a:pt x="191" y="90"/>
                </a:cubicBezTo>
                <a:cubicBezTo>
                  <a:pt x="188" y="92"/>
                  <a:pt x="189" y="92"/>
                  <a:pt x="192" y="90"/>
                </a:cubicBezTo>
                <a:cubicBezTo>
                  <a:pt x="194" y="88"/>
                  <a:pt x="194" y="88"/>
                  <a:pt x="198" y="86"/>
                </a:cubicBezTo>
                <a:cubicBezTo>
                  <a:pt x="200" y="85"/>
                  <a:pt x="196" y="86"/>
                  <a:pt x="200" y="84"/>
                </a:cubicBezTo>
                <a:cubicBezTo>
                  <a:pt x="199" y="85"/>
                  <a:pt x="204" y="82"/>
                  <a:pt x="204" y="84"/>
                </a:cubicBezTo>
                <a:cubicBezTo>
                  <a:pt x="204" y="84"/>
                  <a:pt x="206" y="83"/>
                  <a:pt x="208" y="82"/>
                </a:cubicBezTo>
                <a:cubicBezTo>
                  <a:pt x="208" y="81"/>
                  <a:pt x="209" y="81"/>
                  <a:pt x="209" y="81"/>
                </a:cubicBezTo>
                <a:cubicBezTo>
                  <a:pt x="209" y="80"/>
                  <a:pt x="205" y="82"/>
                  <a:pt x="207" y="82"/>
                </a:cubicBezTo>
                <a:cubicBezTo>
                  <a:pt x="205" y="83"/>
                  <a:pt x="203" y="84"/>
                  <a:pt x="203" y="83"/>
                </a:cubicBezTo>
                <a:cubicBezTo>
                  <a:pt x="206" y="81"/>
                  <a:pt x="206" y="81"/>
                  <a:pt x="206" y="81"/>
                </a:cubicBezTo>
                <a:cubicBezTo>
                  <a:pt x="206" y="81"/>
                  <a:pt x="205" y="82"/>
                  <a:pt x="206" y="82"/>
                </a:cubicBezTo>
                <a:cubicBezTo>
                  <a:pt x="208" y="81"/>
                  <a:pt x="207" y="81"/>
                  <a:pt x="207" y="80"/>
                </a:cubicBezTo>
                <a:cubicBezTo>
                  <a:pt x="208" y="79"/>
                  <a:pt x="209" y="80"/>
                  <a:pt x="210" y="79"/>
                </a:cubicBezTo>
                <a:cubicBezTo>
                  <a:pt x="212" y="78"/>
                  <a:pt x="209" y="81"/>
                  <a:pt x="213" y="79"/>
                </a:cubicBezTo>
                <a:cubicBezTo>
                  <a:pt x="215" y="78"/>
                  <a:pt x="214" y="77"/>
                  <a:pt x="216" y="77"/>
                </a:cubicBezTo>
                <a:cubicBezTo>
                  <a:pt x="218" y="75"/>
                  <a:pt x="218" y="73"/>
                  <a:pt x="217" y="73"/>
                </a:cubicBezTo>
                <a:cubicBezTo>
                  <a:pt x="216" y="74"/>
                  <a:pt x="216" y="74"/>
                  <a:pt x="213" y="75"/>
                </a:cubicBezTo>
                <a:cubicBezTo>
                  <a:pt x="213" y="74"/>
                  <a:pt x="213" y="74"/>
                  <a:pt x="213" y="74"/>
                </a:cubicBezTo>
                <a:cubicBezTo>
                  <a:pt x="219" y="70"/>
                  <a:pt x="218" y="72"/>
                  <a:pt x="221" y="70"/>
                </a:cubicBezTo>
                <a:cubicBezTo>
                  <a:pt x="222" y="70"/>
                  <a:pt x="220" y="71"/>
                  <a:pt x="219" y="72"/>
                </a:cubicBezTo>
                <a:cubicBezTo>
                  <a:pt x="218" y="73"/>
                  <a:pt x="221" y="71"/>
                  <a:pt x="219" y="73"/>
                </a:cubicBezTo>
                <a:cubicBezTo>
                  <a:pt x="219" y="73"/>
                  <a:pt x="223" y="71"/>
                  <a:pt x="222" y="72"/>
                </a:cubicBezTo>
                <a:cubicBezTo>
                  <a:pt x="224" y="71"/>
                  <a:pt x="221" y="72"/>
                  <a:pt x="221" y="71"/>
                </a:cubicBezTo>
                <a:cubicBezTo>
                  <a:pt x="224" y="70"/>
                  <a:pt x="221" y="70"/>
                  <a:pt x="224" y="68"/>
                </a:cubicBezTo>
                <a:cubicBezTo>
                  <a:pt x="224" y="68"/>
                  <a:pt x="224" y="68"/>
                  <a:pt x="224" y="68"/>
                </a:cubicBezTo>
                <a:cubicBezTo>
                  <a:pt x="223" y="68"/>
                  <a:pt x="223" y="69"/>
                  <a:pt x="221" y="70"/>
                </a:cubicBezTo>
                <a:cubicBezTo>
                  <a:pt x="224" y="66"/>
                  <a:pt x="231" y="66"/>
                  <a:pt x="235" y="63"/>
                </a:cubicBezTo>
                <a:cubicBezTo>
                  <a:pt x="234" y="63"/>
                  <a:pt x="233" y="64"/>
                  <a:pt x="234" y="62"/>
                </a:cubicBezTo>
                <a:cubicBezTo>
                  <a:pt x="231" y="63"/>
                  <a:pt x="234" y="63"/>
                  <a:pt x="231" y="64"/>
                </a:cubicBezTo>
                <a:cubicBezTo>
                  <a:pt x="233" y="63"/>
                  <a:pt x="232" y="63"/>
                  <a:pt x="234" y="61"/>
                </a:cubicBezTo>
                <a:cubicBezTo>
                  <a:pt x="236" y="60"/>
                  <a:pt x="235" y="61"/>
                  <a:pt x="234" y="61"/>
                </a:cubicBezTo>
                <a:cubicBezTo>
                  <a:pt x="235" y="61"/>
                  <a:pt x="236" y="61"/>
                  <a:pt x="236" y="62"/>
                </a:cubicBezTo>
                <a:cubicBezTo>
                  <a:pt x="239" y="60"/>
                  <a:pt x="239" y="60"/>
                  <a:pt x="241" y="59"/>
                </a:cubicBezTo>
                <a:cubicBezTo>
                  <a:pt x="240" y="60"/>
                  <a:pt x="244" y="58"/>
                  <a:pt x="245" y="58"/>
                </a:cubicBezTo>
                <a:cubicBezTo>
                  <a:pt x="248" y="57"/>
                  <a:pt x="244" y="57"/>
                  <a:pt x="247" y="57"/>
                </a:cubicBezTo>
                <a:cubicBezTo>
                  <a:pt x="249" y="55"/>
                  <a:pt x="249" y="56"/>
                  <a:pt x="249" y="56"/>
                </a:cubicBezTo>
                <a:cubicBezTo>
                  <a:pt x="248" y="58"/>
                  <a:pt x="246" y="58"/>
                  <a:pt x="244" y="59"/>
                </a:cubicBezTo>
                <a:cubicBezTo>
                  <a:pt x="245" y="59"/>
                  <a:pt x="246" y="59"/>
                  <a:pt x="244" y="61"/>
                </a:cubicBezTo>
                <a:cubicBezTo>
                  <a:pt x="244" y="61"/>
                  <a:pt x="245" y="60"/>
                  <a:pt x="245" y="61"/>
                </a:cubicBezTo>
                <a:cubicBezTo>
                  <a:pt x="245" y="60"/>
                  <a:pt x="245" y="60"/>
                  <a:pt x="246" y="59"/>
                </a:cubicBezTo>
                <a:cubicBezTo>
                  <a:pt x="247" y="59"/>
                  <a:pt x="248" y="59"/>
                  <a:pt x="248" y="59"/>
                </a:cubicBezTo>
                <a:cubicBezTo>
                  <a:pt x="250" y="58"/>
                  <a:pt x="245" y="59"/>
                  <a:pt x="246" y="59"/>
                </a:cubicBezTo>
                <a:cubicBezTo>
                  <a:pt x="248" y="57"/>
                  <a:pt x="253" y="56"/>
                  <a:pt x="253" y="55"/>
                </a:cubicBezTo>
                <a:cubicBezTo>
                  <a:pt x="255" y="54"/>
                  <a:pt x="255" y="55"/>
                  <a:pt x="257" y="55"/>
                </a:cubicBezTo>
                <a:cubicBezTo>
                  <a:pt x="257" y="54"/>
                  <a:pt x="264" y="50"/>
                  <a:pt x="267" y="50"/>
                </a:cubicBezTo>
                <a:cubicBezTo>
                  <a:pt x="271" y="49"/>
                  <a:pt x="268" y="48"/>
                  <a:pt x="268" y="48"/>
                </a:cubicBezTo>
                <a:cubicBezTo>
                  <a:pt x="266" y="49"/>
                  <a:pt x="263" y="49"/>
                  <a:pt x="263" y="50"/>
                </a:cubicBezTo>
                <a:cubicBezTo>
                  <a:pt x="263" y="50"/>
                  <a:pt x="265" y="50"/>
                  <a:pt x="266" y="49"/>
                </a:cubicBezTo>
                <a:cubicBezTo>
                  <a:pt x="263" y="51"/>
                  <a:pt x="256" y="53"/>
                  <a:pt x="253" y="55"/>
                </a:cubicBezTo>
                <a:cubicBezTo>
                  <a:pt x="253" y="54"/>
                  <a:pt x="252" y="54"/>
                  <a:pt x="254" y="53"/>
                </a:cubicBezTo>
                <a:cubicBezTo>
                  <a:pt x="256" y="52"/>
                  <a:pt x="258" y="52"/>
                  <a:pt x="258" y="51"/>
                </a:cubicBezTo>
                <a:cubicBezTo>
                  <a:pt x="261" y="50"/>
                  <a:pt x="259" y="52"/>
                  <a:pt x="257" y="52"/>
                </a:cubicBezTo>
                <a:cubicBezTo>
                  <a:pt x="261" y="51"/>
                  <a:pt x="263" y="49"/>
                  <a:pt x="267" y="48"/>
                </a:cubicBezTo>
                <a:cubicBezTo>
                  <a:pt x="262" y="49"/>
                  <a:pt x="253" y="52"/>
                  <a:pt x="247" y="55"/>
                </a:cubicBezTo>
                <a:cubicBezTo>
                  <a:pt x="244" y="56"/>
                  <a:pt x="242" y="56"/>
                  <a:pt x="242" y="55"/>
                </a:cubicBezTo>
                <a:cubicBezTo>
                  <a:pt x="240" y="56"/>
                  <a:pt x="242" y="56"/>
                  <a:pt x="242" y="57"/>
                </a:cubicBezTo>
                <a:cubicBezTo>
                  <a:pt x="240" y="57"/>
                  <a:pt x="241" y="58"/>
                  <a:pt x="239" y="58"/>
                </a:cubicBezTo>
                <a:cubicBezTo>
                  <a:pt x="238" y="58"/>
                  <a:pt x="240" y="57"/>
                  <a:pt x="239" y="57"/>
                </a:cubicBezTo>
                <a:cubicBezTo>
                  <a:pt x="238" y="57"/>
                  <a:pt x="236" y="58"/>
                  <a:pt x="234" y="59"/>
                </a:cubicBezTo>
                <a:cubicBezTo>
                  <a:pt x="233" y="60"/>
                  <a:pt x="235" y="59"/>
                  <a:pt x="234" y="60"/>
                </a:cubicBezTo>
                <a:cubicBezTo>
                  <a:pt x="236" y="59"/>
                  <a:pt x="235" y="59"/>
                  <a:pt x="235" y="59"/>
                </a:cubicBezTo>
                <a:cubicBezTo>
                  <a:pt x="237" y="57"/>
                  <a:pt x="237" y="58"/>
                  <a:pt x="239" y="58"/>
                </a:cubicBezTo>
                <a:cubicBezTo>
                  <a:pt x="238" y="59"/>
                  <a:pt x="227" y="63"/>
                  <a:pt x="229" y="64"/>
                </a:cubicBezTo>
                <a:cubicBezTo>
                  <a:pt x="228" y="64"/>
                  <a:pt x="227" y="64"/>
                  <a:pt x="226" y="64"/>
                </a:cubicBezTo>
                <a:cubicBezTo>
                  <a:pt x="229" y="61"/>
                  <a:pt x="225" y="63"/>
                  <a:pt x="223" y="62"/>
                </a:cubicBezTo>
                <a:cubicBezTo>
                  <a:pt x="222" y="63"/>
                  <a:pt x="222" y="63"/>
                  <a:pt x="220" y="64"/>
                </a:cubicBezTo>
                <a:cubicBezTo>
                  <a:pt x="220" y="64"/>
                  <a:pt x="221" y="63"/>
                  <a:pt x="221" y="63"/>
                </a:cubicBezTo>
                <a:cubicBezTo>
                  <a:pt x="216" y="65"/>
                  <a:pt x="222" y="64"/>
                  <a:pt x="217" y="66"/>
                </a:cubicBezTo>
                <a:cubicBezTo>
                  <a:pt x="217" y="65"/>
                  <a:pt x="218" y="65"/>
                  <a:pt x="218" y="64"/>
                </a:cubicBezTo>
                <a:cubicBezTo>
                  <a:pt x="213" y="68"/>
                  <a:pt x="214" y="68"/>
                  <a:pt x="210" y="70"/>
                </a:cubicBezTo>
                <a:cubicBezTo>
                  <a:pt x="209" y="69"/>
                  <a:pt x="209" y="69"/>
                  <a:pt x="209" y="69"/>
                </a:cubicBezTo>
                <a:cubicBezTo>
                  <a:pt x="209" y="69"/>
                  <a:pt x="207" y="71"/>
                  <a:pt x="205" y="72"/>
                </a:cubicBezTo>
                <a:cubicBezTo>
                  <a:pt x="205" y="72"/>
                  <a:pt x="207" y="72"/>
                  <a:pt x="204" y="74"/>
                </a:cubicBezTo>
                <a:cubicBezTo>
                  <a:pt x="204" y="73"/>
                  <a:pt x="205" y="72"/>
                  <a:pt x="203" y="73"/>
                </a:cubicBezTo>
                <a:cubicBezTo>
                  <a:pt x="201" y="75"/>
                  <a:pt x="199" y="76"/>
                  <a:pt x="198" y="77"/>
                </a:cubicBezTo>
                <a:cubicBezTo>
                  <a:pt x="199" y="76"/>
                  <a:pt x="202" y="75"/>
                  <a:pt x="198" y="78"/>
                </a:cubicBezTo>
                <a:cubicBezTo>
                  <a:pt x="199" y="78"/>
                  <a:pt x="201" y="77"/>
                  <a:pt x="203" y="75"/>
                </a:cubicBezTo>
                <a:cubicBezTo>
                  <a:pt x="203" y="76"/>
                  <a:pt x="196" y="80"/>
                  <a:pt x="194" y="81"/>
                </a:cubicBezTo>
                <a:cubicBezTo>
                  <a:pt x="197" y="79"/>
                  <a:pt x="196" y="79"/>
                  <a:pt x="197" y="77"/>
                </a:cubicBezTo>
                <a:cubicBezTo>
                  <a:pt x="194" y="79"/>
                  <a:pt x="195" y="78"/>
                  <a:pt x="192" y="80"/>
                </a:cubicBezTo>
                <a:cubicBezTo>
                  <a:pt x="191" y="80"/>
                  <a:pt x="192" y="80"/>
                  <a:pt x="192" y="81"/>
                </a:cubicBezTo>
                <a:cubicBezTo>
                  <a:pt x="187" y="83"/>
                  <a:pt x="184" y="85"/>
                  <a:pt x="179" y="89"/>
                </a:cubicBezTo>
                <a:cubicBezTo>
                  <a:pt x="179" y="89"/>
                  <a:pt x="180" y="89"/>
                  <a:pt x="180" y="89"/>
                </a:cubicBezTo>
                <a:cubicBezTo>
                  <a:pt x="181" y="88"/>
                  <a:pt x="181" y="88"/>
                  <a:pt x="183" y="87"/>
                </a:cubicBezTo>
                <a:cubicBezTo>
                  <a:pt x="182" y="88"/>
                  <a:pt x="182" y="89"/>
                  <a:pt x="182" y="90"/>
                </a:cubicBezTo>
                <a:cubicBezTo>
                  <a:pt x="179" y="91"/>
                  <a:pt x="178" y="93"/>
                  <a:pt x="177" y="92"/>
                </a:cubicBezTo>
                <a:cubicBezTo>
                  <a:pt x="176" y="94"/>
                  <a:pt x="174" y="95"/>
                  <a:pt x="172" y="96"/>
                </a:cubicBezTo>
                <a:cubicBezTo>
                  <a:pt x="171" y="96"/>
                  <a:pt x="173" y="94"/>
                  <a:pt x="173" y="94"/>
                </a:cubicBezTo>
                <a:cubicBezTo>
                  <a:pt x="169" y="96"/>
                  <a:pt x="172" y="96"/>
                  <a:pt x="171" y="97"/>
                </a:cubicBezTo>
                <a:cubicBezTo>
                  <a:pt x="171" y="97"/>
                  <a:pt x="172" y="96"/>
                  <a:pt x="173" y="95"/>
                </a:cubicBezTo>
                <a:cubicBezTo>
                  <a:pt x="173" y="96"/>
                  <a:pt x="169" y="100"/>
                  <a:pt x="173" y="97"/>
                </a:cubicBezTo>
                <a:cubicBezTo>
                  <a:pt x="171" y="99"/>
                  <a:pt x="166" y="102"/>
                  <a:pt x="166" y="101"/>
                </a:cubicBezTo>
                <a:cubicBezTo>
                  <a:pt x="169" y="98"/>
                  <a:pt x="167" y="98"/>
                  <a:pt x="169" y="97"/>
                </a:cubicBezTo>
                <a:cubicBezTo>
                  <a:pt x="168" y="96"/>
                  <a:pt x="165" y="99"/>
                  <a:pt x="163" y="101"/>
                </a:cubicBezTo>
                <a:cubicBezTo>
                  <a:pt x="163" y="101"/>
                  <a:pt x="162" y="101"/>
                  <a:pt x="162" y="101"/>
                </a:cubicBezTo>
                <a:cubicBezTo>
                  <a:pt x="162" y="101"/>
                  <a:pt x="163" y="100"/>
                  <a:pt x="163" y="100"/>
                </a:cubicBezTo>
                <a:cubicBezTo>
                  <a:pt x="163" y="100"/>
                  <a:pt x="162" y="100"/>
                  <a:pt x="161" y="101"/>
                </a:cubicBezTo>
                <a:cubicBezTo>
                  <a:pt x="162" y="102"/>
                  <a:pt x="162" y="102"/>
                  <a:pt x="158" y="102"/>
                </a:cubicBezTo>
                <a:cubicBezTo>
                  <a:pt x="157" y="104"/>
                  <a:pt x="161" y="102"/>
                  <a:pt x="157" y="105"/>
                </a:cubicBezTo>
                <a:cubicBezTo>
                  <a:pt x="157" y="104"/>
                  <a:pt x="155" y="105"/>
                  <a:pt x="154" y="106"/>
                </a:cubicBezTo>
                <a:cubicBezTo>
                  <a:pt x="157" y="105"/>
                  <a:pt x="154" y="107"/>
                  <a:pt x="154" y="107"/>
                </a:cubicBezTo>
                <a:cubicBezTo>
                  <a:pt x="152" y="109"/>
                  <a:pt x="153" y="108"/>
                  <a:pt x="151" y="109"/>
                </a:cubicBezTo>
                <a:cubicBezTo>
                  <a:pt x="151" y="109"/>
                  <a:pt x="153" y="108"/>
                  <a:pt x="152" y="108"/>
                </a:cubicBezTo>
                <a:cubicBezTo>
                  <a:pt x="152" y="108"/>
                  <a:pt x="152" y="108"/>
                  <a:pt x="151" y="108"/>
                </a:cubicBezTo>
                <a:cubicBezTo>
                  <a:pt x="150" y="109"/>
                  <a:pt x="151" y="109"/>
                  <a:pt x="150" y="110"/>
                </a:cubicBezTo>
                <a:cubicBezTo>
                  <a:pt x="150" y="111"/>
                  <a:pt x="153" y="108"/>
                  <a:pt x="150" y="111"/>
                </a:cubicBezTo>
                <a:cubicBezTo>
                  <a:pt x="151" y="111"/>
                  <a:pt x="154" y="109"/>
                  <a:pt x="154" y="108"/>
                </a:cubicBezTo>
                <a:cubicBezTo>
                  <a:pt x="154" y="109"/>
                  <a:pt x="156" y="108"/>
                  <a:pt x="156" y="108"/>
                </a:cubicBezTo>
                <a:cubicBezTo>
                  <a:pt x="154" y="110"/>
                  <a:pt x="154" y="109"/>
                  <a:pt x="153" y="110"/>
                </a:cubicBezTo>
                <a:cubicBezTo>
                  <a:pt x="152" y="111"/>
                  <a:pt x="149" y="113"/>
                  <a:pt x="149" y="114"/>
                </a:cubicBezTo>
                <a:cubicBezTo>
                  <a:pt x="150" y="113"/>
                  <a:pt x="153" y="110"/>
                  <a:pt x="154" y="111"/>
                </a:cubicBezTo>
                <a:cubicBezTo>
                  <a:pt x="151" y="113"/>
                  <a:pt x="152" y="113"/>
                  <a:pt x="153" y="113"/>
                </a:cubicBezTo>
                <a:cubicBezTo>
                  <a:pt x="153" y="113"/>
                  <a:pt x="152" y="113"/>
                  <a:pt x="152" y="113"/>
                </a:cubicBezTo>
                <a:cubicBezTo>
                  <a:pt x="152" y="113"/>
                  <a:pt x="152" y="114"/>
                  <a:pt x="152" y="114"/>
                </a:cubicBezTo>
                <a:cubicBezTo>
                  <a:pt x="150" y="114"/>
                  <a:pt x="153" y="111"/>
                  <a:pt x="149" y="114"/>
                </a:cubicBezTo>
                <a:cubicBezTo>
                  <a:pt x="149" y="116"/>
                  <a:pt x="146" y="119"/>
                  <a:pt x="150" y="117"/>
                </a:cubicBezTo>
                <a:cubicBezTo>
                  <a:pt x="149" y="118"/>
                  <a:pt x="149" y="118"/>
                  <a:pt x="149" y="118"/>
                </a:cubicBezTo>
                <a:cubicBezTo>
                  <a:pt x="147" y="120"/>
                  <a:pt x="146" y="119"/>
                  <a:pt x="147" y="118"/>
                </a:cubicBezTo>
                <a:cubicBezTo>
                  <a:pt x="144" y="118"/>
                  <a:pt x="140" y="124"/>
                  <a:pt x="138" y="124"/>
                </a:cubicBezTo>
                <a:cubicBezTo>
                  <a:pt x="139" y="124"/>
                  <a:pt x="136" y="126"/>
                  <a:pt x="136" y="127"/>
                </a:cubicBezTo>
                <a:cubicBezTo>
                  <a:pt x="137" y="127"/>
                  <a:pt x="140" y="125"/>
                  <a:pt x="143" y="122"/>
                </a:cubicBezTo>
                <a:cubicBezTo>
                  <a:pt x="143" y="122"/>
                  <a:pt x="143" y="122"/>
                  <a:pt x="143" y="122"/>
                </a:cubicBezTo>
                <a:cubicBezTo>
                  <a:pt x="144" y="121"/>
                  <a:pt x="142" y="123"/>
                  <a:pt x="144" y="123"/>
                </a:cubicBezTo>
                <a:cubicBezTo>
                  <a:pt x="142" y="122"/>
                  <a:pt x="139" y="127"/>
                  <a:pt x="138" y="126"/>
                </a:cubicBezTo>
                <a:cubicBezTo>
                  <a:pt x="135" y="128"/>
                  <a:pt x="135" y="129"/>
                  <a:pt x="134" y="130"/>
                </a:cubicBezTo>
                <a:cubicBezTo>
                  <a:pt x="137" y="129"/>
                  <a:pt x="137" y="128"/>
                  <a:pt x="139" y="127"/>
                </a:cubicBezTo>
                <a:cubicBezTo>
                  <a:pt x="139" y="128"/>
                  <a:pt x="140" y="127"/>
                  <a:pt x="139" y="128"/>
                </a:cubicBezTo>
                <a:cubicBezTo>
                  <a:pt x="140" y="128"/>
                  <a:pt x="141" y="127"/>
                  <a:pt x="141" y="127"/>
                </a:cubicBezTo>
                <a:cubicBezTo>
                  <a:pt x="142" y="126"/>
                  <a:pt x="142" y="126"/>
                  <a:pt x="142" y="126"/>
                </a:cubicBezTo>
                <a:cubicBezTo>
                  <a:pt x="143" y="125"/>
                  <a:pt x="144" y="125"/>
                  <a:pt x="146" y="123"/>
                </a:cubicBezTo>
                <a:cubicBezTo>
                  <a:pt x="147" y="121"/>
                  <a:pt x="151" y="120"/>
                  <a:pt x="154" y="116"/>
                </a:cubicBezTo>
                <a:cubicBezTo>
                  <a:pt x="159" y="114"/>
                  <a:pt x="160" y="110"/>
                  <a:pt x="162" y="111"/>
                </a:cubicBezTo>
                <a:cubicBezTo>
                  <a:pt x="165" y="107"/>
                  <a:pt x="169" y="106"/>
                  <a:pt x="173" y="103"/>
                </a:cubicBezTo>
                <a:cubicBezTo>
                  <a:pt x="175" y="101"/>
                  <a:pt x="172" y="103"/>
                  <a:pt x="174" y="102"/>
                </a:cubicBezTo>
                <a:cubicBezTo>
                  <a:pt x="175" y="101"/>
                  <a:pt x="176" y="101"/>
                  <a:pt x="178" y="100"/>
                </a:cubicBezTo>
                <a:cubicBezTo>
                  <a:pt x="174" y="104"/>
                  <a:pt x="169" y="106"/>
                  <a:pt x="163" y="111"/>
                </a:cubicBezTo>
                <a:cubicBezTo>
                  <a:pt x="166" y="111"/>
                  <a:pt x="178" y="99"/>
                  <a:pt x="183" y="98"/>
                </a:cubicBezTo>
                <a:cubicBezTo>
                  <a:pt x="183" y="98"/>
                  <a:pt x="180" y="101"/>
                  <a:pt x="183" y="99"/>
                </a:cubicBezTo>
                <a:cubicBezTo>
                  <a:pt x="183" y="100"/>
                  <a:pt x="177" y="103"/>
                  <a:pt x="177" y="104"/>
                </a:cubicBezTo>
                <a:cubicBezTo>
                  <a:pt x="173" y="106"/>
                  <a:pt x="172" y="108"/>
                  <a:pt x="168" y="110"/>
                </a:cubicBezTo>
                <a:cubicBezTo>
                  <a:pt x="168" y="111"/>
                  <a:pt x="168" y="111"/>
                  <a:pt x="168" y="111"/>
                </a:cubicBezTo>
                <a:cubicBezTo>
                  <a:pt x="170" y="109"/>
                  <a:pt x="173" y="108"/>
                  <a:pt x="176" y="106"/>
                </a:cubicBezTo>
                <a:cubicBezTo>
                  <a:pt x="175" y="107"/>
                  <a:pt x="175" y="107"/>
                  <a:pt x="176" y="107"/>
                </a:cubicBezTo>
                <a:cubicBezTo>
                  <a:pt x="173" y="109"/>
                  <a:pt x="173" y="109"/>
                  <a:pt x="169" y="112"/>
                </a:cubicBezTo>
                <a:cubicBezTo>
                  <a:pt x="168" y="112"/>
                  <a:pt x="168" y="112"/>
                  <a:pt x="168" y="112"/>
                </a:cubicBezTo>
                <a:cubicBezTo>
                  <a:pt x="166" y="114"/>
                  <a:pt x="163" y="116"/>
                  <a:pt x="159" y="119"/>
                </a:cubicBezTo>
                <a:cubicBezTo>
                  <a:pt x="160" y="120"/>
                  <a:pt x="165" y="115"/>
                  <a:pt x="166" y="114"/>
                </a:cubicBezTo>
                <a:cubicBezTo>
                  <a:pt x="167" y="114"/>
                  <a:pt x="166" y="114"/>
                  <a:pt x="166" y="114"/>
                </a:cubicBezTo>
                <a:cubicBezTo>
                  <a:pt x="164" y="116"/>
                  <a:pt x="168" y="113"/>
                  <a:pt x="168" y="114"/>
                </a:cubicBezTo>
                <a:cubicBezTo>
                  <a:pt x="169" y="112"/>
                  <a:pt x="172" y="111"/>
                  <a:pt x="175" y="108"/>
                </a:cubicBezTo>
                <a:cubicBezTo>
                  <a:pt x="175" y="109"/>
                  <a:pt x="174" y="110"/>
                  <a:pt x="174" y="110"/>
                </a:cubicBezTo>
                <a:cubicBezTo>
                  <a:pt x="176" y="108"/>
                  <a:pt x="181" y="104"/>
                  <a:pt x="183" y="104"/>
                </a:cubicBezTo>
                <a:cubicBezTo>
                  <a:pt x="185" y="102"/>
                  <a:pt x="189" y="100"/>
                  <a:pt x="190" y="98"/>
                </a:cubicBezTo>
                <a:cubicBezTo>
                  <a:pt x="191" y="98"/>
                  <a:pt x="196" y="95"/>
                  <a:pt x="199" y="93"/>
                </a:cubicBezTo>
                <a:cubicBezTo>
                  <a:pt x="199" y="93"/>
                  <a:pt x="198" y="94"/>
                  <a:pt x="198" y="94"/>
                </a:cubicBezTo>
                <a:cubicBezTo>
                  <a:pt x="203" y="90"/>
                  <a:pt x="208" y="88"/>
                  <a:pt x="215" y="83"/>
                </a:cubicBezTo>
                <a:cubicBezTo>
                  <a:pt x="214" y="84"/>
                  <a:pt x="214" y="85"/>
                  <a:pt x="215" y="84"/>
                </a:cubicBezTo>
                <a:cubicBezTo>
                  <a:pt x="218" y="83"/>
                  <a:pt x="214" y="85"/>
                  <a:pt x="215" y="85"/>
                </a:cubicBezTo>
                <a:cubicBezTo>
                  <a:pt x="212" y="86"/>
                  <a:pt x="211" y="87"/>
                  <a:pt x="208" y="88"/>
                </a:cubicBezTo>
                <a:cubicBezTo>
                  <a:pt x="206" y="89"/>
                  <a:pt x="209" y="88"/>
                  <a:pt x="209" y="89"/>
                </a:cubicBezTo>
                <a:cubicBezTo>
                  <a:pt x="204" y="91"/>
                  <a:pt x="202" y="93"/>
                  <a:pt x="200" y="95"/>
                </a:cubicBezTo>
                <a:cubicBezTo>
                  <a:pt x="198" y="95"/>
                  <a:pt x="196" y="97"/>
                  <a:pt x="194" y="98"/>
                </a:cubicBezTo>
                <a:cubicBezTo>
                  <a:pt x="193" y="99"/>
                  <a:pt x="193" y="99"/>
                  <a:pt x="193" y="99"/>
                </a:cubicBezTo>
                <a:cubicBezTo>
                  <a:pt x="190" y="100"/>
                  <a:pt x="188" y="102"/>
                  <a:pt x="184" y="105"/>
                </a:cubicBezTo>
                <a:cubicBezTo>
                  <a:pt x="184" y="104"/>
                  <a:pt x="184" y="104"/>
                  <a:pt x="184" y="104"/>
                </a:cubicBezTo>
                <a:cubicBezTo>
                  <a:pt x="183" y="105"/>
                  <a:pt x="182" y="106"/>
                  <a:pt x="182" y="106"/>
                </a:cubicBezTo>
                <a:cubicBezTo>
                  <a:pt x="182" y="106"/>
                  <a:pt x="175" y="111"/>
                  <a:pt x="170" y="115"/>
                </a:cubicBezTo>
                <a:cubicBezTo>
                  <a:pt x="170" y="115"/>
                  <a:pt x="170" y="115"/>
                  <a:pt x="170" y="115"/>
                </a:cubicBezTo>
                <a:cubicBezTo>
                  <a:pt x="164" y="119"/>
                  <a:pt x="167" y="119"/>
                  <a:pt x="161" y="123"/>
                </a:cubicBezTo>
                <a:cubicBezTo>
                  <a:pt x="162" y="123"/>
                  <a:pt x="161" y="124"/>
                  <a:pt x="162" y="123"/>
                </a:cubicBezTo>
                <a:cubicBezTo>
                  <a:pt x="161" y="124"/>
                  <a:pt x="156" y="128"/>
                  <a:pt x="156" y="128"/>
                </a:cubicBezTo>
                <a:cubicBezTo>
                  <a:pt x="155" y="128"/>
                  <a:pt x="156" y="129"/>
                  <a:pt x="155" y="130"/>
                </a:cubicBezTo>
                <a:cubicBezTo>
                  <a:pt x="152" y="130"/>
                  <a:pt x="154" y="128"/>
                  <a:pt x="154" y="127"/>
                </a:cubicBezTo>
                <a:cubicBezTo>
                  <a:pt x="151" y="129"/>
                  <a:pt x="154" y="128"/>
                  <a:pt x="151" y="131"/>
                </a:cubicBezTo>
                <a:cubicBezTo>
                  <a:pt x="151" y="131"/>
                  <a:pt x="152" y="130"/>
                  <a:pt x="152" y="131"/>
                </a:cubicBezTo>
                <a:cubicBezTo>
                  <a:pt x="149" y="133"/>
                  <a:pt x="150" y="133"/>
                  <a:pt x="148" y="135"/>
                </a:cubicBezTo>
                <a:cubicBezTo>
                  <a:pt x="146" y="136"/>
                  <a:pt x="146" y="137"/>
                  <a:pt x="145" y="138"/>
                </a:cubicBezTo>
                <a:cubicBezTo>
                  <a:pt x="145" y="137"/>
                  <a:pt x="145" y="137"/>
                  <a:pt x="142" y="139"/>
                </a:cubicBezTo>
                <a:cubicBezTo>
                  <a:pt x="140" y="141"/>
                  <a:pt x="144" y="138"/>
                  <a:pt x="143" y="139"/>
                </a:cubicBezTo>
                <a:cubicBezTo>
                  <a:pt x="142" y="140"/>
                  <a:pt x="139" y="142"/>
                  <a:pt x="141" y="141"/>
                </a:cubicBezTo>
                <a:cubicBezTo>
                  <a:pt x="141" y="141"/>
                  <a:pt x="139" y="143"/>
                  <a:pt x="139" y="142"/>
                </a:cubicBezTo>
                <a:cubicBezTo>
                  <a:pt x="138" y="144"/>
                  <a:pt x="137" y="145"/>
                  <a:pt x="135" y="148"/>
                </a:cubicBezTo>
                <a:cubicBezTo>
                  <a:pt x="139" y="145"/>
                  <a:pt x="143" y="141"/>
                  <a:pt x="147" y="137"/>
                </a:cubicBezTo>
                <a:cubicBezTo>
                  <a:pt x="149" y="137"/>
                  <a:pt x="147" y="138"/>
                  <a:pt x="149" y="137"/>
                </a:cubicBezTo>
                <a:cubicBezTo>
                  <a:pt x="151" y="135"/>
                  <a:pt x="151" y="135"/>
                  <a:pt x="151" y="134"/>
                </a:cubicBezTo>
                <a:cubicBezTo>
                  <a:pt x="154" y="132"/>
                  <a:pt x="152" y="134"/>
                  <a:pt x="151" y="135"/>
                </a:cubicBezTo>
                <a:cubicBezTo>
                  <a:pt x="152" y="135"/>
                  <a:pt x="154" y="133"/>
                  <a:pt x="156" y="132"/>
                </a:cubicBezTo>
                <a:cubicBezTo>
                  <a:pt x="153" y="132"/>
                  <a:pt x="159" y="128"/>
                  <a:pt x="161" y="127"/>
                </a:cubicBezTo>
                <a:cubicBezTo>
                  <a:pt x="163" y="125"/>
                  <a:pt x="159" y="129"/>
                  <a:pt x="157" y="130"/>
                </a:cubicBezTo>
                <a:cubicBezTo>
                  <a:pt x="159" y="130"/>
                  <a:pt x="156" y="132"/>
                  <a:pt x="156" y="133"/>
                </a:cubicBezTo>
                <a:cubicBezTo>
                  <a:pt x="155" y="134"/>
                  <a:pt x="150" y="138"/>
                  <a:pt x="150" y="139"/>
                </a:cubicBezTo>
                <a:cubicBezTo>
                  <a:pt x="148" y="140"/>
                  <a:pt x="146" y="141"/>
                  <a:pt x="145" y="143"/>
                </a:cubicBezTo>
                <a:cubicBezTo>
                  <a:pt x="144" y="143"/>
                  <a:pt x="145" y="143"/>
                  <a:pt x="145" y="142"/>
                </a:cubicBezTo>
                <a:cubicBezTo>
                  <a:pt x="144" y="145"/>
                  <a:pt x="143" y="144"/>
                  <a:pt x="141" y="145"/>
                </a:cubicBezTo>
                <a:cubicBezTo>
                  <a:pt x="139" y="147"/>
                  <a:pt x="142" y="145"/>
                  <a:pt x="142" y="146"/>
                </a:cubicBezTo>
                <a:cubicBezTo>
                  <a:pt x="140" y="147"/>
                  <a:pt x="141" y="147"/>
                  <a:pt x="139" y="148"/>
                </a:cubicBezTo>
                <a:cubicBezTo>
                  <a:pt x="138" y="148"/>
                  <a:pt x="138" y="147"/>
                  <a:pt x="140" y="145"/>
                </a:cubicBezTo>
                <a:cubicBezTo>
                  <a:pt x="140" y="145"/>
                  <a:pt x="139" y="145"/>
                  <a:pt x="139" y="145"/>
                </a:cubicBezTo>
                <a:cubicBezTo>
                  <a:pt x="137" y="148"/>
                  <a:pt x="135" y="150"/>
                  <a:pt x="136" y="151"/>
                </a:cubicBezTo>
                <a:cubicBezTo>
                  <a:pt x="134" y="153"/>
                  <a:pt x="135" y="151"/>
                  <a:pt x="133" y="152"/>
                </a:cubicBezTo>
                <a:cubicBezTo>
                  <a:pt x="133" y="153"/>
                  <a:pt x="134" y="153"/>
                  <a:pt x="131" y="156"/>
                </a:cubicBezTo>
                <a:cubicBezTo>
                  <a:pt x="131" y="155"/>
                  <a:pt x="131" y="155"/>
                  <a:pt x="130" y="155"/>
                </a:cubicBezTo>
                <a:cubicBezTo>
                  <a:pt x="130" y="156"/>
                  <a:pt x="129" y="157"/>
                  <a:pt x="129" y="158"/>
                </a:cubicBezTo>
                <a:cubicBezTo>
                  <a:pt x="125" y="161"/>
                  <a:pt x="122" y="164"/>
                  <a:pt x="119" y="167"/>
                </a:cubicBezTo>
                <a:cubicBezTo>
                  <a:pt x="118" y="168"/>
                  <a:pt x="118" y="168"/>
                  <a:pt x="118" y="168"/>
                </a:cubicBezTo>
                <a:cubicBezTo>
                  <a:pt x="116" y="169"/>
                  <a:pt x="117" y="169"/>
                  <a:pt x="115" y="171"/>
                </a:cubicBezTo>
                <a:cubicBezTo>
                  <a:pt x="113" y="171"/>
                  <a:pt x="111" y="174"/>
                  <a:pt x="109" y="175"/>
                </a:cubicBezTo>
                <a:cubicBezTo>
                  <a:pt x="110" y="174"/>
                  <a:pt x="110" y="174"/>
                  <a:pt x="110" y="173"/>
                </a:cubicBezTo>
                <a:cubicBezTo>
                  <a:pt x="114" y="170"/>
                  <a:pt x="118" y="163"/>
                  <a:pt x="121" y="162"/>
                </a:cubicBezTo>
                <a:cubicBezTo>
                  <a:pt x="125" y="157"/>
                  <a:pt x="129" y="153"/>
                  <a:pt x="133" y="151"/>
                </a:cubicBezTo>
                <a:cubicBezTo>
                  <a:pt x="134" y="150"/>
                  <a:pt x="134" y="149"/>
                  <a:pt x="134" y="149"/>
                </a:cubicBezTo>
                <a:cubicBezTo>
                  <a:pt x="134" y="148"/>
                  <a:pt x="130" y="152"/>
                  <a:pt x="130" y="150"/>
                </a:cubicBezTo>
                <a:cubicBezTo>
                  <a:pt x="131" y="150"/>
                  <a:pt x="131" y="150"/>
                  <a:pt x="131" y="150"/>
                </a:cubicBezTo>
                <a:cubicBezTo>
                  <a:pt x="133" y="149"/>
                  <a:pt x="133" y="148"/>
                  <a:pt x="135" y="147"/>
                </a:cubicBezTo>
                <a:cubicBezTo>
                  <a:pt x="126" y="153"/>
                  <a:pt x="125" y="155"/>
                  <a:pt x="119" y="161"/>
                </a:cubicBezTo>
                <a:cubicBezTo>
                  <a:pt x="118" y="160"/>
                  <a:pt x="122" y="157"/>
                  <a:pt x="123" y="155"/>
                </a:cubicBezTo>
                <a:cubicBezTo>
                  <a:pt x="121" y="157"/>
                  <a:pt x="123" y="155"/>
                  <a:pt x="121" y="156"/>
                </a:cubicBezTo>
                <a:cubicBezTo>
                  <a:pt x="121" y="155"/>
                  <a:pt x="123" y="153"/>
                  <a:pt x="123" y="153"/>
                </a:cubicBezTo>
                <a:cubicBezTo>
                  <a:pt x="125" y="151"/>
                  <a:pt x="125" y="153"/>
                  <a:pt x="123" y="155"/>
                </a:cubicBezTo>
                <a:cubicBezTo>
                  <a:pt x="123" y="155"/>
                  <a:pt x="127" y="151"/>
                  <a:pt x="125" y="153"/>
                </a:cubicBezTo>
                <a:cubicBezTo>
                  <a:pt x="128" y="151"/>
                  <a:pt x="128" y="151"/>
                  <a:pt x="131" y="148"/>
                </a:cubicBezTo>
                <a:cubicBezTo>
                  <a:pt x="132" y="145"/>
                  <a:pt x="130" y="145"/>
                  <a:pt x="125" y="149"/>
                </a:cubicBezTo>
                <a:cubicBezTo>
                  <a:pt x="120" y="156"/>
                  <a:pt x="111" y="162"/>
                  <a:pt x="106" y="170"/>
                </a:cubicBezTo>
                <a:cubicBezTo>
                  <a:pt x="104" y="170"/>
                  <a:pt x="103" y="171"/>
                  <a:pt x="102" y="172"/>
                </a:cubicBezTo>
                <a:cubicBezTo>
                  <a:pt x="101" y="173"/>
                  <a:pt x="100" y="174"/>
                  <a:pt x="100" y="174"/>
                </a:cubicBezTo>
                <a:cubicBezTo>
                  <a:pt x="100" y="175"/>
                  <a:pt x="100" y="175"/>
                  <a:pt x="99" y="176"/>
                </a:cubicBezTo>
                <a:cubicBezTo>
                  <a:pt x="100" y="176"/>
                  <a:pt x="100" y="176"/>
                  <a:pt x="100" y="175"/>
                </a:cubicBezTo>
                <a:cubicBezTo>
                  <a:pt x="101" y="176"/>
                  <a:pt x="99" y="176"/>
                  <a:pt x="100" y="177"/>
                </a:cubicBezTo>
                <a:cubicBezTo>
                  <a:pt x="99" y="176"/>
                  <a:pt x="98" y="175"/>
                  <a:pt x="97" y="175"/>
                </a:cubicBezTo>
                <a:cubicBezTo>
                  <a:pt x="97" y="175"/>
                  <a:pt x="97" y="176"/>
                  <a:pt x="97" y="176"/>
                </a:cubicBezTo>
                <a:cubicBezTo>
                  <a:pt x="97" y="175"/>
                  <a:pt x="96" y="177"/>
                  <a:pt x="96" y="176"/>
                </a:cubicBezTo>
                <a:cubicBezTo>
                  <a:pt x="97" y="175"/>
                  <a:pt x="97" y="174"/>
                  <a:pt x="98" y="175"/>
                </a:cubicBezTo>
                <a:cubicBezTo>
                  <a:pt x="98" y="174"/>
                  <a:pt x="97" y="174"/>
                  <a:pt x="98" y="174"/>
                </a:cubicBezTo>
                <a:cubicBezTo>
                  <a:pt x="97" y="173"/>
                  <a:pt x="96" y="175"/>
                  <a:pt x="95" y="176"/>
                </a:cubicBezTo>
                <a:cubicBezTo>
                  <a:pt x="95" y="176"/>
                  <a:pt x="95" y="177"/>
                  <a:pt x="94" y="177"/>
                </a:cubicBezTo>
                <a:cubicBezTo>
                  <a:pt x="95" y="178"/>
                  <a:pt x="95" y="177"/>
                  <a:pt x="96" y="177"/>
                </a:cubicBezTo>
                <a:cubicBezTo>
                  <a:pt x="95" y="178"/>
                  <a:pt x="95" y="178"/>
                  <a:pt x="94" y="178"/>
                </a:cubicBezTo>
                <a:cubicBezTo>
                  <a:pt x="94" y="179"/>
                  <a:pt x="95" y="179"/>
                  <a:pt x="95" y="179"/>
                </a:cubicBezTo>
                <a:cubicBezTo>
                  <a:pt x="94" y="179"/>
                  <a:pt x="92" y="179"/>
                  <a:pt x="92" y="180"/>
                </a:cubicBezTo>
                <a:cubicBezTo>
                  <a:pt x="92" y="180"/>
                  <a:pt x="92" y="180"/>
                  <a:pt x="93" y="180"/>
                </a:cubicBezTo>
                <a:cubicBezTo>
                  <a:pt x="93" y="180"/>
                  <a:pt x="93" y="181"/>
                  <a:pt x="93" y="181"/>
                </a:cubicBezTo>
                <a:cubicBezTo>
                  <a:pt x="92" y="181"/>
                  <a:pt x="92" y="180"/>
                  <a:pt x="92" y="181"/>
                </a:cubicBezTo>
                <a:cubicBezTo>
                  <a:pt x="91" y="181"/>
                  <a:pt x="92" y="181"/>
                  <a:pt x="92" y="181"/>
                </a:cubicBezTo>
                <a:cubicBezTo>
                  <a:pt x="92" y="182"/>
                  <a:pt x="91" y="181"/>
                  <a:pt x="91" y="182"/>
                </a:cubicBezTo>
                <a:cubicBezTo>
                  <a:pt x="90" y="182"/>
                  <a:pt x="90" y="183"/>
                  <a:pt x="89" y="183"/>
                </a:cubicBezTo>
                <a:cubicBezTo>
                  <a:pt x="89" y="183"/>
                  <a:pt x="90" y="182"/>
                  <a:pt x="90" y="183"/>
                </a:cubicBezTo>
                <a:cubicBezTo>
                  <a:pt x="89" y="183"/>
                  <a:pt x="89" y="183"/>
                  <a:pt x="88" y="183"/>
                </a:cubicBezTo>
                <a:cubicBezTo>
                  <a:pt x="87" y="184"/>
                  <a:pt x="88" y="184"/>
                  <a:pt x="88" y="184"/>
                </a:cubicBezTo>
                <a:cubicBezTo>
                  <a:pt x="87" y="184"/>
                  <a:pt x="87" y="186"/>
                  <a:pt x="86" y="186"/>
                </a:cubicBezTo>
                <a:cubicBezTo>
                  <a:pt x="86" y="186"/>
                  <a:pt x="86" y="186"/>
                  <a:pt x="86" y="186"/>
                </a:cubicBezTo>
                <a:cubicBezTo>
                  <a:pt x="86" y="186"/>
                  <a:pt x="86" y="186"/>
                  <a:pt x="85" y="186"/>
                </a:cubicBezTo>
                <a:cubicBezTo>
                  <a:pt x="85" y="186"/>
                  <a:pt x="86" y="186"/>
                  <a:pt x="86" y="186"/>
                </a:cubicBezTo>
                <a:cubicBezTo>
                  <a:pt x="84" y="188"/>
                  <a:pt x="83" y="190"/>
                  <a:pt x="81" y="192"/>
                </a:cubicBezTo>
                <a:cubicBezTo>
                  <a:pt x="81" y="192"/>
                  <a:pt x="81" y="192"/>
                  <a:pt x="81" y="192"/>
                </a:cubicBezTo>
                <a:cubicBezTo>
                  <a:pt x="81" y="193"/>
                  <a:pt x="82" y="192"/>
                  <a:pt x="81" y="193"/>
                </a:cubicBezTo>
                <a:cubicBezTo>
                  <a:pt x="81" y="193"/>
                  <a:pt x="81" y="193"/>
                  <a:pt x="81" y="193"/>
                </a:cubicBezTo>
                <a:cubicBezTo>
                  <a:pt x="80" y="193"/>
                  <a:pt x="80" y="194"/>
                  <a:pt x="80" y="193"/>
                </a:cubicBezTo>
                <a:cubicBezTo>
                  <a:pt x="79" y="193"/>
                  <a:pt x="81" y="192"/>
                  <a:pt x="80" y="192"/>
                </a:cubicBezTo>
                <a:cubicBezTo>
                  <a:pt x="80" y="191"/>
                  <a:pt x="80" y="192"/>
                  <a:pt x="80" y="192"/>
                </a:cubicBezTo>
                <a:cubicBezTo>
                  <a:pt x="79" y="191"/>
                  <a:pt x="80" y="191"/>
                  <a:pt x="81" y="190"/>
                </a:cubicBezTo>
                <a:cubicBezTo>
                  <a:pt x="81" y="191"/>
                  <a:pt x="80" y="191"/>
                  <a:pt x="81" y="191"/>
                </a:cubicBezTo>
                <a:cubicBezTo>
                  <a:pt x="81" y="191"/>
                  <a:pt x="82" y="191"/>
                  <a:pt x="82" y="190"/>
                </a:cubicBezTo>
                <a:cubicBezTo>
                  <a:pt x="82" y="190"/>
                  <a:pt x="81" y="191"/>
                  <a:pt x="81" y="190"/>
                </a:cubicBezTo>
                <a:cubicBezTo>
                  <a:pt x="81" y="189"/>
                  <a:pt x="82" y="190"/>
                  <a:pt x="82" y="190"/>
                </a:cubicBezTo>
                <a:cubicBezTo>
                  <a:pt x="83" y="189"/>
                  <a:pt x="82" y="189"/>
                  <a:pt x="81" y="189"/>
                </a:cubicBezTo>
                <a:cubicBezTo>
                  <a:pt x="81" y="189"/>
                  <a:pt x="81" y="190"/>
                  <a:pt x="81" y="190"/>
                </a:cubicBezTo>
                <a:cubicBezTo>
                  <a:pt x="80" y="190"/>
                  <a:pt x="82" y="188"/>
                  <a:pt x="82" y="188"/>
                </a:cubicBezTo>
                <a:cubicBezTo>
                  <a:pt x="83" y="188"/>
                  <a:pt x="82" y="189"/>
                  <a:pt x="82" y="189"/>
                </a:cubicBezTo>
                <a:cubicBezTo>
                  <a:pt x="83" y="189"/>
                  <a:pt x="83" y="188"/>
                  <a:pt x="83" y="189"/>
                </a:cubicBezTo>
                <a:cubicBezTo>
                  <a:pt x="83" y="188"/>
                  <a:pt x="83" y="188"/>
                  <a:pt x="83" y="187"/>
                </a:cubicBezTo>
                <a:cubicBezTo>
                  <a:pt x="86" y="183"/>
                  <a:pt x="86" y="183"/>
                  <a:pt x="86" y="183"/>
                </a:cubicBezTo>
                <a:cubicBezTo>
                  <a:pt x="86" y="184"/>
                  <a:pt x="86" y="183"/>
                  <a:pt x="87" y="184"/>
                </a:cubicBezTo>
                <a:cubicBezTo>
                  <a:pt x="87" y="183"/>
                  <a:pt x="87" y="183"/>
                  <a:pt x="86" y="183"/>
                </a:cubicBezTo>
                <a:cubicBezTo>
                  <a:pt x="87" y="183"/>
                  <a:pt x="86" y="182"/>
                  <a:pt x="87" y="182"/>
                </a:cubicBezTo>
                <a:cubicBezTo>
                  <a:pt x="87" y="182"/>
                  <a:pt x="87" y="182"/>
                  <a:pt x="87" y="183"/>
                </a:cubicBezTo>
                <a:cubicBezTo>
                  <a:pt x="88" y="182"/>
                  <a:pt x="87" y="182"/>
                  <a:pt x="87" y="182"/>
                </a:cubicBezTo>
                <a:cubicBezTo>
                  <a:pt x="89" y="179"/>
                  <a:pt x="92" y="175"/>
                  <a:pt x="95" y="172"/>
                </a:cubicBezTo>
                <a:cubicBezTo>
                  <a:pt x="95" y="172"/>
                  <a:pt x="95" y="172"/>
                  <a:pt x="95" y="172"/>
                </a:cubicBezTo>
                <a:cubicBezTo>
                  <a:pt x="95" y="172"/>
                  <a:pt x="95" y="171"/>
                  <a:pt x="95" y="171"/>
                </a:cubicBezTo>
                <a:cubicBezTo>
                  <a:pt x="95" y="170"/>
                  <a:pt x="95" y="171"/>
                  <a:pt x="95" y="171"/>
                </a:cubicBezTo>
                <a:cubicBezTo>
                  <a:pt x="95" y="171"/>
                  <a:pt x="95" y="171"/>
                  <a:pt x="95" y="170"/>
                </a:cubicBezTo>
                <a:cubicBezTo>
                  <a:pt x="94" y="170"/>
                  <a:pt x="94" y="170"/>
                  <a:pt x="94" y="171"/>
                </a:cubicBezTo>
                <a:cubicBezTo>
                  <a:pt x="93" y="170"/>
                  <a:pt x="94" y="169"/>
                  <a:pt x="95" y="169"/>
                </a:cubicBezTo>
                <a:cubicBezTo>
                  <a:pt x="95" y="169"/>
                  <a:pt x="94" y="169"/>
                  <a:pt x="95" y="170"/>
                </a:cubicBezTo>
                <a:cubicBezTo>
                  <a:pt x="95" y="170"/>
                  <a:pt x="95" y="169"/>
                  <a:pt x="95" y="169"/>
                </a:cubicBezTo>
                <a:cubicBezTo>
                  <a:pt x="96" y="170"/>
                  <a:pt x="95" y="170"/>
                  <a:pt x="95" y="170"/>
                </a:cubicBezTo>
                <a:cubicBezTo>
                  <a:pt x="96" y="170"/>
                  <a:pt x="96" y="170"/>
                  <a:pt x="96" y="170"/>
                </a:cubicBezTo>
                <a:cubicBezTo>
                  <a:pt x="96" y="168"/>
                  <a:pt x="103" y="164"/>
                  <a:pt x="102" y="163"/>
                </a:cubicBezTo>
                <a:cubicBezTo>
                  <a:pt x="105" y="161"/>
                  <a:pt x="102" y="163"/>
                  <a:pt x="105" y="161"/>
                </a:cubicBezTo>
                <a:cubicBezTo>
                  <a:pt x="107" y="157"/>
                  <a:pt x="113" y="152"/>
                  <a:pt x="118" y="147"/>
                </a:cubicBezTo>
                <a:cubicBezTo>
                  <a:pt x="116" y="151"/>
                  <a:pt x="121" y="145"/>
                  <a:pt x="123" y="143"/>
                </a:cubicBezTo>
                <a:cubicBezTo>
                  <a:pt x="123" y="143"/>
                  <a:pt x="123" y="143"/>
                  <a:pt x="123" y="143"/>
                </a:cubicBezTo>
                <a:cubicBezTo>
                  <a:pt x="124" y="142"/>
                  <a:pt x="124" y="143"/>
                  <a:pt x="126" y="141"/>
                </a:cubicBezTo>
                <a:cubicBezTo>
                  <a:pt x="124" y="141"/>
                  <a:pt x="130" y="137"/>
                  <a:pt x="128" y="138"/>
                </a:cubicBezTo>
                <a:cubicBezTo>
                  <a:pt x="129" y="136"/>
                  <a:pt x="131" y="136"/>
                  <a:pt x="131" y="136"/>
                </a:cubicBezTo>
                <a:cubicBezTo>
                  <a:pt x="132" y="135"/>
                  <a:pt x="131" y="135"/>
                  <a:pt x="131" y="135"/>
                </a:cubicBezTo>
                <a:cubicBezTo>
                  <a:pt x="133" y="134"/>
                  <a:pt x="133" y="133"/>
                  <a:pt x="136" y="131"/>
                </a:cubicBezTo>
                <a:cubicBezTo>
                  <a:pt x="135" y="132"/>
                  <a:pt x="136" y="132"/>
                  <a:pt x="137" y="131"/>
                </a:cubicBezTo>
                <a:cubicBezTo>
                  <a:pt x="141" y="128"/>
                  <a:pt x="136" y="130"/>
                  <a:pt x="139" y="128"/>
                </a:cubicBezTo>
                <a:cubicBezTo>
                  <a:pt x="138" y="128"/>
                  <a:pt x="136" y="130"/>
                  <a:pt x="135" y="130"/>
                </a:cubicBezTo>
                <a:cubicBezTo>
                  <a:pt x="134" y="131"/>
                  <a:pt x="134" y="132"/>
                  <a:pt x="134" y="132"/>
                </a:cubicBezTo>
                <a:cubicBezTo>
                  <a:pt x="130" y="134"/>
                  <a:pt x="128" y="137"/>
                  <a:pt x="123" y="141"/>
                </a:cubicBezTo>
                <a:cubicBezTo>
                  <a:pt x="122" y="141"/>
                  <a:pt x="121" y="143"/>
                  <a:pt x="122" y="141"/>
                </a:cubicBezTo>
                <a:cubicBezTo>
                  <a:pt x="121" y="142"/>
                  <a:pt x="120" y="143"/>
                  <a:pt x="117" y="145"/>
                </a:cubicBezTo>
                <a:cubicBezTo>
                  <a:pt x="121" y="141"/>
                  <a:pt x="127" y="135"/>
                  <a:pt x="130" y="134"/>
                </a:cubicBezTo>
                <a:cubicBezTo>
                  <a:pt x="131" y="133"/>
                  <a:pt x="130" y="132"/>
                  <a:pt x="131" y="132"/>
                </a:cubicBezTo>
                <a:cubicBezTo>
                  <a:pt x="129" y="133"/>
                  <a:pt x="130" y="133"/>
                  <a:pt x="128" y="135"/>
                </a:cubicBezTo>
                <a:cubicBezTo>
                  <a:pt x="131" y="131"/>
                  <a:pt x="126" y="134"/>
                  <a:pt x="127" y="132"/>
                </a:cubicBezTo>
                <a:cubicBezTo>
                  <a:pt x="125" y="133"/>
                  <a:pt x="125" y="133"/>
                  <a:pt x="125" y="133"/>
                </a:cubicBezTo>
                <a:cubicBezTo>
                  <a:pt x="124" y="134"/>
                  <a:pt x="127" y="133"/>
                  <a:pt x="125" y="135"/>
                </a:cubicBezTo>
                <a:cubicBezTo>
                  <a:pt x="126" y="134"/>
                  <a:pt x="126" y="134"/>
                  <a:pt x="126" y="134"/>
                </a:cubicBezTo>
                <a:cubicBezTo>
                  <a:pt x="113" y="146"/>
                  <a:pt x="113" y="146"/>
                  <a:pt x="113" y="146"/>
                </a:cubicBezTo>
                <a:cubicBezTo>
                  <a:pt x="112" y="146"/>
                  <a:pt x="112" y="146"/>
                  <a:pt x="113" y="145"/>
                </a:cubicBezTo>
                <a:cubicBezTo>
                  <a:pt x="111" y="147"/>
                  <a:pt x="111" y="147"/>
                  <a:pt x="111" y="147"/>
                </a:cubicBezTo>
                <a:cubicBezTo>
                  <a:pt x="111" y="148"/>
                  <a:pt x="112" y="146"/>
                  <a:pt x="113" y="146"/>
                </a:cubicBezTo>
                <a:cubicBezTo>
                  <a:pt x="113" y="147"/>
                  <a:pt x="111" y="147"/>
                  <a:pt x="110" y="148"/>
                </a:cubicBezTo>
                <a:cubicBezTo>
                  <a:pt x="106" y="153"/>
                  <a:pt x="106" y="153"/>
                  <a:pt x="106" y="153"/>
                </a:cubicBezTo>
                <a:cubicBezTo>
                  <a:pt x="106" y="150"/>
                  <a:pt x="103" y="155"/>
                  <a:pt x="100" y="157"/>
                </a:cubicBezTo>
                <a:cubicBezTo>
                  <a:pt x="101" y="156"/>
                  <a:pt x="104" y="154"/>
                  <a:pt x="104" y="152"/>
                </a:cubicBezTo>
                <a:cubicBezTo>
                  <a:pt x="108" y="149"/>
                  <a:pt x="109" y="148"/>
                  <a:pt x="111" y="145"/>
                </a:cubicBezTo>
                <a:cubicBezTo>
                  <a:pt x="110" y="145"/>
                  <a:pt x="109" y="147"/>
                  <a:pt x="108" y="148"/>
                </a:cubicBezTo>
                <a:cubicBezTo>
                  <a:pt x="108" y="145"/>
                  <a:pt x="106" y="148"/>
                  <a:pt x="103" y="152"/>
                </a:cubicBezTo>
                <a:cubicBezTo>
                  <a:pt x="105" y="150"/>
                  <a:pt x="103" y="150"/>
                  <a:pt x="101" y="151"/>
                </a:cubicBezTo>
                <a:cubicBezTo>
                  <a:pt x="103" y="149"/>
                  <a:pt x="103" y="149"/>
                  <a:pt x="104" y="149"/>
                </a:cubicBezTo>
                <a:cubicBezTo>
                  <a:pt x="105" y="148"/>
                  <a:pt x="105" y="147"/>
                  <a:pt x="107" y="145"/>
                </a:cubicBezTo>
                <a:cubicBezTo>
                  <a:pt x="108" y="144"/>
                  <a:pt x="108" y="146"/>
                  <a:pt x="109" y="144"/>
                </a:cubicBezTo>
                <a:cubicBezTo>
                  <a:pt x="111" y="142"/>
                  <a:pt x="109" y="141"/>
                  <a:pt x="113" y="139"/>
                </a:cubicBezTo>
                <a:cubicBezTo>
                  <a:pt x="113" y="139"/>
                  <a:pt x="111" y="141"/>
                  <a:pt x="111" y="141"/>
                </a:cubicBezTo>
                <a:cubicBezTo>
                  <a:pt x="114" y="139"/>
                  <a:pt x="114" y="138"/>
                  <a:pt x="113" y="138"/>
                </a:cubicBezTo>
                <a:cubicBezTo>
                  <a:pt x="115" y="136"/>
                  <a:pt x="115" y="137"/>
                  <a:pt x="115" y="137"/>
                </a:cubicBezTo>
                <a:cubicBezTo>
                  <a:pt x="115" y="136"/>
                  <a:pt x="118" y="134"/>
                  <a:pt x="118" y="133"/>
                </a:cubicBezTo>
                <a:cubicBezTo>
                  <a:pt x="118" y="133"/>
                  <a:pt x="116" y="134"/>
                  <a:pt x="115" y="135"/>
                </a:cubicBezTo>
                <a:cubicBezTo>
                  <a:pt x="116" y="134"/>
                  <a:pt x="116" y="134"/>
                  <a:pt x="117" y="132"/>
                </a:cubicBezTo>
                <a:cubicBezTo>
                  <a:pt x="115" y="134"/>
                  <a:pt x="115" y="134"/>
                  <a:pt x="116" y="132"/>
                </a:cubicBezTo>
                <a:cubicBezTo>
                  <a:pt x="115" y="132"/>
                  <a:pt x="115" y="132"/>
                  <a:pt x="115" y="132"/>
                </a:cubicBezTo>
                <a:cubicBezTo>
                  <a:pt x="114" y="133"/>
                  <a:pt x="113" y="134"/>
                  <a:pt x="112" y="135"/>
                </a:cubicBezTo>
                <a:cubicBezTo>
                  <a:pt x="111" y="136"/>
                  <a:pt x="112" y="134"/>
                  <a:pt x="109" y="137"/>
                </a:cubicBezTo>
                <a:cubicBezTo>
                  <a:pt x="111" y="135"/>
                  <a:pt x="109" y="136"/>
                  <a:pt x="110" y="134"/>
                </a:cubicBezTo>
                <a:cubicBezTo>
                  <a:pt x="112" y="133"/>
                  <a:pt x="110" y="133"/>
                  <a:pt x="111" y="133"/>
                </a:cubicBezTo>
                <a:cubicBezTo>
                  <a:pt x="112" y="131"/>
                  <a:pt x="115" y="128"/>
                  <a:pt x="116" y="127"/>
                </a:cubicBezTo>
                <a:cubicBezTo>
                  <a:pt x="118" y="126"/>
                  <a:pt x="119" y="125"/>
                  <a:pt x="120" y="126"/>
                </a:cubicBezTo>
                <a:cubicBezTo>
                  <a:pt x="121" y="125"/>
                  <a:pt x="121" y="124"/>
                  <a:pt x="121" y="124"/>
                </a:cubicBezTo>
                <a:cubicBezTo>
                  <a:pt x="121" y="124"/>
                  <a:pt x="119" y="125"/>
                  <a:pt x="119" y="124"/>
                </a:cubicBezTo>
                <a:cubicBezTo>
                  <a:pt x="122" y="121"/>
                  <a:pt x="125" y="119"/>
                  <a:pt x="126" y="117"/>
                </a:cubicBezTo>
                <a:cubicBezTo>
                  <a:pt x="127" y="116"/>
                  <a:pt x="127" y="116"/>
                  <a:pt x="128" y="116"/>
                </a:cubicBezTo>
                <a:cubicBezTo>
                  <a:pt x="142" y="104"/>
                  <a:pt x="148" y="99"/>
                  <a:pt x="162" y="88"/>
                </a:cubicBezTo>
                <a:cubicBezTo>
                  <a:pt x="163" y="89"/>
                  <a:pt x="163" y="89"/>
                  <a:pt x="164" y="88"/>
                </a:cubicBezTo>
                <a:cubicBezTo>
                  <a:pt x="166" y="86"/>
                  <a:pt x="163" y="88"/>
                  <a:pt x="163" y="88"/>
                </a:cubicBezTo>
                <a:cubicBezTo>
                  <a:pt x="175" y="79"/>
                  <a:pt x="184" y="73"/>
                  <a:pt x="197" y="65"/>
                </a:cubicBezTo>
                <a:cubicBezTo>
                  <a:pt x="197" y="65"/>
                  <a:pt x="196" y="65"/>
                  <a:pt x="195" y="66"/>
                </a:cubicBezTo>
                <a:cubicBezTo>
                  <a:pt x="196" y="65"/>
                  <a:pt x="197" y="65"/>
                  <a:pt x="199" y="63"/>
                </a:cubicBezTo>
                <a:cubicBezTo>
                  <a:pt x="199" y="64"/>
                  <a:pt x="199" y="64"/>
                  <a:pt x="201" y="63"/>
                </a:cubicBezTo>
                <a:cubicBezTo>
                  <a:pt x="202" y="63"/>
                  <a:pt x="201" y="62"/>
                  <a:pt x="201" y="62"/>
                </a:cubicBezTo>
                <a:cubicBezTo>
                  <a:pt x="203" y="61"/>
                  <a:pt x="203" y="61"/>
                  <a:pt x="203" y="62"/>
                </a:cubicBezTo>
                <a:cubicBezTo>
                  <a:pt x="207" y="60"/>
                  <a:pt x="211" y="58"/>
                  <a:pt x="214" y="56"/>
                </a:cubicBezTo>
                <a:cubicBezTo>
                  <a:pt x="213" y="56"/>
                  <a:pt x="212" y="57"/>
                  <a:pt x="210" y="57"/>
                </a:cubicBezTo>
                <a:cubicBezTo>
                  <a:pt x="214" y="54"/>
                  <a:pt x="214" y="57"/>
                  <a:pt x="222" y="53"/>
                </a:cubicBezTo>
                <a:cubicBezTo>
                  <a:pt x="222" y="52"/>
                  <a:pt x="218" y="54"/>
                  <a:pt x="217" y="54"/>
                </a:cubicBezTo>
                <a:cubicBezTo>
                  <a:pt x="219" y="52"/>
                  <a:pt x="216" y="54"/>
                  <a:pt x="216" y="53"/>
                </a:cubicBezTo>
                <a:cubicBezTo>
                  <a:pt x="215" y="53"/>
                  <a:pt x="214" y="54"/>
                  <a:pt x="214" y="54"/>
                </a:cubicBezTo>
                <a:cubicBezTo>
                  <a:pt x="212" y="54"/>
                  <a:pt x="215" y="53"/>
                  <a:pt x="210" y="56"/>
                </a:cubicBezTo>
                <a:cubicBezTo>
                  <a:pt x="211" y="54"/>
                  <a:pt x="217" y="52"/>
                  <a:pt x="219" y="50"/>
                </a:cubicBezTo>
                <a:cubicBezTo>
                  <a:pt x="220" y="50"/>
                  <a:pt x="219" y="51"/>
                  <a:pt x="221" y="50"/>
                </a:cubicBezTo>
                <a:cubicBezTo>
                  <a:pt x="227" y="46"/>
                  <a:pt x="237" y="41"/>
                  <a:pt x="245" y="39"/>
                </a:cubicBezTo>
                <a:cubicBezTo>
                  <a:pt x="246" y="40"/>
                  <a:pt x="242" y="40"/>
                  <a:pt x="241" y="41"/>
                </a:cubicBezTo>
                <a:cubicBezTo>
                  <a:pt x="242" y="41"/>
                  <a:pt x="244" y="40"/>
                  <a:pt x="245" y="40"/>
                </a:cubicBezTo>
                <a:cubicBezTo>
                  <a:pt x="247" y="39"/>
                  <a:pt x="249" y="39"/>
                  <a:pt x="254" y="37"/>
                </a:cubicBezTo>
                <a:cubicBezTo>
                  <a:pt x="252" y="37"/>
                  <a:pt x="247" y="38"/>
                  <a:pt x="253" y="36"/>
                </a:cubicBezTo>
                <a:cubicBezTo>
                  <a:pt x="252" y="36"/>
                  <a:pt x="250" y="37"/>
                  <a:pt x="251" y="36"/>
                </a:cubicBezTo>
                <a:cubicBezTo>
                  <a:pt x="252" y="36"/>
                  <a:pt x="254" y="35"/>
                  <a:pt x="255" y="35"/>
                </a:cubicBezTo>
                <a:cubicBezTo>
                  <a:pt x="257" y="35"/>
                  <a:pt x="255" y="34"/>
                  <a:pt x="258" y="33"/>
                </a:cubicBezTo>
                <a:cubicBezTo>
                  <a:pt x="259" y="34"/>
                  <a:pt x="259" y="34"/>
                  <a:pt x="259" y="34"/>
                </a:cubicBezTo>
                <a:cubicBezTo>
                  <a:pt x="263" y="32"/>
                  <a:pt x="265" y="32"/>
                  <a:pt x="267" y="31"/>
                </a:cubicBezTo>
                <a:cubicBezTo>
                  <a:pt x="273" y="28"/>
                  <a:pt x="273" y="30"/>
                  <a:pt x="279" y="27"/>
                </a:cubicBezTo>
                <a:cubicBezTo>
                  <a:pt x="280" y="27"/>
                  <a:pt x="279" y="27"/>
                  <a:pt x="279" y="28"/>
                </a:cubicBezTo>
                <a:cubicBezTo>
                  <a:pt x="282" y="27"/>
                  <a:pt x="285" y="26"/>
                  <a:pt x="285" y="25"/>
                </a:cubicBezTo>
                <a:cubicBezTo>
                  <a:pt x="288" y="26"/>
                  <a:pt x="294" y="23"/>
                  <a:pt x="301" y="22"/>
                </a:cubicBezTo>
                <a:cubicBezTo>
                  <a:pt x="301" y="21"/>
                  <a:pt x="301" y="21"/>
                  <a:pt x="301" y="21"/>
                </a:cubicBezTo>
                <a:cubicBezTo>
                  <a:pt x="301" y="21"/>
                  <a:pt x="297" y="22"/>
                  <a:pt x="296" y="22"/>
                </a:cubicBezTo>
                <a:cubicBezTo>
                  <a:pt x="298" y="21"/>
                  <a:pt x="297" y="22"/>
                  <a:pt x="298" y="21"/>
                </a:cubicBezTo>
                <a:cubicBezTo>
                  <a:pt x="301" y="20"/>
                  <a:pt x="301" y="20"/>
                  <a:pt x="301" y="20"/>
                </a:cubicBezTo>
                <a:cubicBezTo>
                  <a:pt x="301" y="20"/>
                  <a:pt x="297" y="21"/>
                  <a:pt x="297" y="21"/>
                </a:cubicBezTo>
                <a:cubicBezTo>
                  <a:pt x="300" y="19"/>
                  <a:pt x="301" y="19"/>
                  <a:pt x="305" y="18"/>
                </a:cubicBezTo>
                <a:cubicBezTo>
                  <a:pt x="305" y="19"/>
                  <a:pt x="307" y="18"/>
                  <a:pt x="306" y="19"/>
                </a:cubicBezTo>
                <a:cubicBezTo>
                  <a:pt x="308" y="18"/>
                  <a:pt x="309" y="17"/>
                  <a:pt x="309" y="18"/>
                </a:cubicBezTo>
                <a:cubicBezTo>
                  <a:pt x="316" y="16"/>
                  <a:pt x="316" y="16"/>
                  <a:pt x="322" y="15"/>
                </a:cubicBezTo>
                <a:cubicBezTo>
                  <a:pt x="325" y="15"/>
                  <a:pt x="325" y="14"/>
                  <a:pt x="327" y="13"/>
                </a:cubicBezTo>
                <a:cubicBezTo>
                  <a:pt x="329" y="12"/>
                  <a:pt x="329" y="13"/>
                  <a:pt x="330" y="13"/>
                </a:cubicBezTo>
                <a:cubicBezTo>
                  <a:pt x="332" y="13"/>
                  <a:pt x="332" y="12"/>
                  <a:pt x="334" y="12"/>
                </a:cubicBezTo>
                <a:cubicBezTo>
                  <a:pt x="336" y="12"/>
                  <a:pt x="338" y="11"/>
                  <a:pt x="338" y="12"/>
                </a:cubicBezTo>
                <a:cubicBezTo>
                  <a:pt x="337" y="12"/>
                  <a:pt x="338" y="12"/>
                  <a:pt x="337" y="12"/>
                </a:cubicBezTo>
                <a:cubicBezTo>
                  <a:pt x="337" y="12"/>
                  <a:pt x="336" y="12"/>
                  <a:pt x="336" y="12"/>
                </a:cubicBezTo>
                <a:cubicBezTo>
                  <a:pt x="336" y="13"/>
                  <a:pt x="340" y="11"/>
                  <a:pt x="341" y="12"/>
                </a:cubicBezTo>
                <a:cubicBezTo>
                  <a:pt x="343" y="12"/>
                  <a:pt x="337" y="12"/>
                  <a:pt x="340" y="11"/>
                </a:cubicBezTo>
                <a:cubicBezTo>
                  <a:pt x="342" y="11"/>
                  <a:pt x="342" y="11"/>
                  <a:pt x="342" y="11"/>
                </a:cubicBezTo>
                <a:cubicBezTo>
                  <a:pt x="344" y="11"/>
                  <a:pt x="344" y="11"/>
                  <a:pt x="345" y="11"/>
                </a:cubicBezTo>
                <a:cubicBezTo>
                  <a:pt x="346" y="10"/>
                  <a:pt x="340" y="11"/>
                  <a:pt x="342" y="10"/>
                </a:cubicBezTo>
                <a:cubicBezTo>
                  <a:pt x="347" y="10"/>
                  <a:pt x="347" y="10"/>
                  <a:pt x="347" y="10"/>
                </a:cubicBezTo>
                <a:cubicBezTo>
                  <a:pt x="347" y="9"/>
                  <a:pt x="347" y="9"/>
                  <a:pt x="345" y="9"/>
                </a:cubicBezTo>
                <a:cubicBezTo>
                  <a:pt x="349" y="8"/>
                  <a:pt x="350" y="10"/>
                  <a:pt x="354" y="10"/>
                </a:cubicBezTo>
                <a:cubicBezTo>
                  <a:pt x="356" y="10"/>
                  <a:pt x="358" y="9"/>
                  <a:pt x="360" y="9"/>
                </a:cubicBezTo>
                <a:cubicBezTo>
                  <a:pt x="361" y="9"/>
                  <a:pt x="359" y="9"/>
                  <a:pt x="361" y="9"/>
                </a:cubicBezTo>
                <a:cubicBezTo>
                  <a:pt x="360" y="9"/>
                  <a:pt x="359" y="9"/>
                  <a:pt x="358" y="9"/>
                </a:cubicBezTo>
                <a:cubicBezTo>
                  <a:pt x="355" y="8"/>
                  <a:pt x="363" y="8"/>
                  <a:pt x="360" y="8"/>
                </a:cubicBezTo>
                <a:cubicBezTo>
                  <a:pt x="361" y="7"/>
                  <a:pt x="362" y="9"/>
                  <a:pt x="364" y="8"/>
                </a:cubicBezTo>
                <a:cubicBezTo>
                  <a:pt x="367" y="8"/>
                  <a:pt x="362" y="8"/>
                  <a:pt x="363" y="7"/>
                </a:cubicBezTo>
                <a:cubicBezTo>
                  <a:pt x="364" y="7"/>
                  <a:pt x="365" y="7"/>
                  <a:pt x="365" y="7"/>
                </a:cubicBezTo>
                <a:cubicBezTo>
                  <a:pt x="366" y="7"/>
                  <a:pt x="367" y="8"/>
                  <a:pt x="367" y="8"/>
                </a:cubicBezTo>
                <a:cubicBezTo>
                  <a:pt x="367" y="9"/>
                  <a:pt x="370" y="8"/>
                  <a:pt x="371" y="9"/>
                </a:cubicBezTo>
                <a:cubicBezTo>
                  <a:pt x="374" y="8"/>
                  <a:pt x="371" y="8"/>
                  <a:pt x="372" y="8"/>
                </a:cubicBezTo>
                <a:cubicBezTo>
                  <a:pt x="372" y="7"/>
                  <a:pt x="371" y="8"/>
                  <a:pt x="371" y="8"/>
                </a:cubicBezTo>
                <a:cubicBezTo>
                  <a:pt x="371" y="7"/>
                  <a:pt x="379" y="9"/>
                  <a:pt x="381" y="7"/>
                </a:cubicBezTo>
                <a:cubicBezTo>
                  <a:pt x="384" y="7"/>
                  <a:pt x="386" y="8"/>
                  <a:pt x="390" y="7"/>
                </a:cubicBezTo>
                <a:cubicBezTo>
                  <a:pt x="390" y="7"/>
                  <a:pt x="389" y="7"/>
                  <a:pt x="390" y="7"/>
                </a:cubicBezTo>
                <a:cubicBezTo>
                  <a:pt x="387" y="6"/>
                  <a:pt x="389" y="6"/>
                  <a:pt x="386" y="5"/>
                </a:cubicBezTo>
                <a:cubicBezTo>
                  <a:pt x="388" y="6"/>
                  <a:pt x="389" y="7"/>
                  <a:pt x="391" y="6"/>
                </a:cubicBezTo>
                <a:cubicBezTo>
                  <a:pt x="392" y="6"/>
                  <a:pt x="392" y="7"/>
                  <a:pt x="394" y="7"/>
                </a:cubicBezTo>
                <a:cubicBezTo>
                  <a:pt x="395" y="7"/>
                  <a:pt x="395" y="6"/>
                  <a:pt x="395" y="6"/>
                </a:cubicBezTo>
                <a:cubicBezTo>
                  <a:pt x="396" y="6"/>
                  <a:pt x="399" y="6"/>
                  <a:pt x="397" y="6"/>
                </a:cubicBezTo>
                <a:cubicBezTo>
                  <a:pt x="401" y="5"/>
                  <a:pt x="402" y="7"/>
                  <a:pt x="401" y="7"/>
                </a:cubicBezTo>
                <a:cubicBezTo>
                  <a:pt x="408" y="7"/>
                  <a:pt x="400" y="5"/>
                  <a:pt x="400" y="4"/>
                </a:cubicBezTo>
                <a:cubicBezTo>
                  <a:pt x="402" y="5"/>
                  <a:pt x="404" y="4"/>
                  <a:pt x="401" y="4"/>
                </a:cubicBezTo>
                <a:cubicBezTo>
                  <a:pt x="406" y="3"/>
                  <a:pt x="402" y="5"/>
                  <a:pt x="407" y="5"/>
                </a:cubicBezTo>
                <a:cubicBezTo>
                  <a:pt x="411" y="4"/>
                  <a:pt x="406" y="3"/>
                  <a:pt x="410" y="3"/>
                </a:cubicBezTo>
                <a:cubicBezTo>
                  <a:pt x="408" y="2"/>
                  <a:pt x="400" y="3"/>
                  <a:pt x="399" y="2"/>
                </a:cubicBezTo>
                <a:cubicBezTo>
                  <a:pt x="400" y="1"/>
                  <a:pt x="404" y="2"/>
                  <a:pt x="404" y="2"/>
                </a:cubicBezTo>
                <a:cubicBezTo>
                  <a:pt x="407" y="2"/>
                  <a:pt x="407" y="1"/>
                  <a:pt x="412" y="2"/>
                </a:cubicBezTo>
                <a:cubicBezTo>
                  <a:pt x="411" y="2"/>
                  <a:pt x="413" y="2"/>
                  <a:pt x="412" y="3"/>
                </a:cubicBezTo>
                <a:cubicBezTo>
                  <a:pt x="415" y="3"/>
                  <a:pt x="415" y="1"/>
                  <a:pt x="419" y="1"/>
                </a:cubicBezTo>
                <a:cubicBezTo>
                  <a:pt x="417" y="2"/>
                  <a:pt x="416" y="2"/>
                  <a:pt x="421" y="2"/>
                </a:cubicBezTo>
                <a:cubicBezTo>
                  <a:pt x="420" y="3"/>
                  <a:pt x="417" y="3"/>
                  <a:pt x="417" y="2"/>
                </a:cubicBezTo>
                <a:cubicBezTo>
                  <a:pt x="416" y="2"/>
                  <a:pt x="416" y="3"/>
                  <a:pt x="415" y="3"/>
                </a:cubicBezTo>
                <a:cubicBezTo>
                  <a:pt x="414" y="3"/>
                  <a:pt x="417" y="3"/>
                  <a:pt x="417" y="4"/>
                </a:cubicBezTo>
                <a:cubicBezTo>
                  <a:pt x="419" y="4"/>
                  <a:pt x="418" y="3"/>
                  <a:pt x="416" y="3"/>
                </a:cubicBezTo>
                <a:cubicBezTo>
                  <a:pt x="417" y="3"/>
                  <a:pt x="421" y="3"/>
                  <a:pt x="421" y="4"/>
                </a:cubicBezTo>
                <a:cubicBezTo>
                  <a:pt x="418" y="4"/>
                  <a:pt x="427" y="5"/>
                  <a:pt x="424" y="5"/>
                </a:cubicBezTo>
                <a:cubicBezTo>
                  <a:pt x="427" y="5"/>
                  <a:pt x="427" y="6"/>
                  <a:pt x="430" y="6"/>
                </a:cubicBezTo>
                <a:cubicBezTo>
                  <a:pt x="426" y="5"/>
                  <a:pt x="427" y="5"/>
                  <a:pt x="425" y="4"/>
                </a:cubicBezTo>
                <a:cubicBezTo>
                  <a:pt x="426" y="4"/>
                  <a:pt x="428" y="4"/>
                  <a:pt x="430" y="4"/>
                </a:cubicBezTo>
                <a:cubicBezTo>
                  <a:pt x="427" y="4"/>
                  <a:pt x="430" y="4"/>
                  <a:pt x="428" y="4"/>
                </a:cubicBezTo>
                <a:cubicBezTo>
                  <a:pt x="429" y="5"/>
                  <a:pt x="432" y="5"/>
                  <a:pt x="433" y="5"/>
                </a:cubicBezTo>
                <a:cubicBezTo>
                  <a:pt x="434" y="5"/>
                  <a:pt x="431" y="5"/>
                  <a:pt x="431" y="4"/>
                </a:cubicBezTo>
                <a:cubicBezTo>
                  <a:pt x="432" y="4"/>
                  <a:pt x="438" y="5"/>
                  <a:pt x="438" y="5"/>
                </a:cubicBezTo>
                <a:cubicBezTo>
                  <a:pt x="442" y="6"/>
                  <a:pt x="445" y="6"/>
                  <a:pt x="453" y="7"/>
                </a:cubicBezTo>
                <a:cubicBezTo>
                  <a:pt x="453" y="7"/>
                  <a:pt x="452" y="7"/>
                  <a:pt x="451" y="7"/>
                </a:cubicBezTo>
                <a:cubicBezTo>
                  <a:pt x="451" y="7"/>
                  <a:pt x="453" y="7"/>
                  <a:pt x="453" y="7"/>
                </a:cubicBezTo>
                <a:cubicBezTo>
                  <a:pt x="452" y="8"/>
                  <a:pt x="450" y="7"/>
                  <a:pt x="447" y="6"/>
                </a:cubicBezTo>
                <a:cubicBezTo>
                  <a:pt x="447" y="7"/>
                  <a:pt x="447" y="7"/>
                  <a:pt x="447" y="7"/>
                </a:cubicBezTo>
                <a:cubicBezTo>
                  <a:pt x="448" y="7"/>
                  <a:pt x="453" y="8"/>
                  <a:pt x="453" y="9"/>
                </a:cubicBezTo>
                <a:cubicBezTo>
                  <a:pt x="454" y="8"/>
                  <a:pt x="456" y="7"/>
                  <a:pt x="453" y="6"/>
                </a:cubicBezTo>
                <a:cubicBezTo>
                  <a:pt x="454" y="6"/>
                  <a:pt x="457" y="7"/>
                  <a:pt x="455" y="6"/>
                </a:cubicBezTo>
                <a:cubicBezTo>
                  <a:pt x="456" y="6"/>
                  <a:pt x="458" y="7"/>
                  <a:pt x="460" y="7"/>
                </a:cubicBezTo>
                <a:cubicBezTo>
                  <a:pt x="460" y="7"/>
                  <a:pt x="459" y="7"/>
                  <a:pt x="458" y="6"/>
                </a:cubicBezTo>
                <a:cubicBezTo>
                  <a:pt x="460" y="6"/>
                  <a:pt x="465" y="7"/>
                  <a:pt x="465" y="6"/>
                </a:cubicBezTo>
                <a:cubicBezTo>
                  <a:pt x="466" y="7"/>
                  <a:pt x="466" y="7"/>
                  <a:pt x="465" y="7"/>
                </a:cubicBezTo>
                <a:cubicBezTo>
                  <a:pt x="466" y="7"/>
                  <a:pt x="469" y="8"/>
                  <a:pt x="468" y="8"/>
                </a:cubicBezTo>
                <a:cubicBezTo>
                  <a:pt x="466" y="8"/>
                  <a:pt x="466" y="8"/>
                  <a:pt x="463" y="7"/>
                </a:cubicBezTo>
                <a:cubicBezTo>
                  <a:pt x="463" y="8"/>
                  <a:pt x="464" y="8"/>
                  <a:pt x="464" y="8"/>
                </a:cubicBezTo>
                <a:cubicBezTo>
                  <a:pt x="468" y="9"/>
                  <a:pt x="467" y="8"/>
                  <a:pt x="470" y="9"/>
                </a:cubicBezTo>
                <a:cubicBezTo>
                  <a:pt x="470" y="8"/>
                  <a:pt x="473" y="8"/>
                  <a:pt x="477" y="9"/>
                </a:cubicBezTo>
                <a:cubicBezTo>
                  <a:pt x="476" y="10"/>
                  <a:pt x="474" y="9"/>
                  <a:pt x="471" y="9"/>
                </a:cubicBezTo>
                <a:cubicBezTo>
                  <a:pt x="472" y="9"/>
                  <a:pt x="472" y="10"/>
                  <a:pt x="472" y="10"/>
                </a:cubicBezTo>
                <a:cubicBezTo>
                  <a:pt x="473" y="10"/>
                  <a:pt x="475" y="10"/>
                  <a:pt x="476" y="10"/>
                </a:cubicBezTo>
                <a:cubicBezTo>
                  <a:pt x="478" y="10"/>
                  <a:pt x="478" y="11"/>
                  <a:pt x="478" y="11"/>
                </a:cubicBezTo>
                <a:cubicBezTo>
                  <a:pt x="479" y="11"/>
                  <a:pt x="481" y="11"/>
                  <a:pt x="483" y="12"/>
                </a:cubicBezTo>
                <a:cubicBezTo>
                  <a:pt x="483" y="11"/>
                  <a:pt x="484" y="11"/>
                  <a:pt x="482" y="11"/>
                </a:cubicBezTo>
                <a:cubicBezTo>
                  <a:pt x="483" y="10"/>
                  <a:pt x="485" y="11"/>
                  <a:pt x="484" y="12"/>
                </a:cubicBezTo>
                <a:cubicBezTo>
                  <a:pt x="485" y="12"/>
                  <a:pt x="486" y="11"/>
                  <a:pt x="487" y="12"/>
                </a:cubicBezTo>
                <a:cubicBezTo>
                  <a:pt x="487" y="12"/>
                  <a:pt x="485" y="10"/>
                  <a:pt x="490" y="11"/>
                </a:cubicBezTo>
                <a:cubicBezTo>
                  <a:pt x="490" y="10"/>
                  <a:pt x="485" y="10"/>
                  <a:pt x="484" y="9"/>
                </a:cubicBezTo>
                <a:cubicBezTo>
                  <a:pt x="482" y="9"/>
                  <a:pt x="481" y="9"/>
                  <a:pt x="482" y="9"/>
                </a:cubicBezTo>
                <a:cubicBezTo>
                  <a:pt x="480" y="9"/>
                  <a:pt x="481" y="9"/>
                  <a:pt x="478" y="8"/>
                </a:cubicBezTo>
                <a:cubicBezTo>
                  <a:pt x="478" y="8"/>
                  <a:pt x="482" y="9"/>
                  <a:pt x="481" y="7"/>
                </a:cubicBezTo>
                <a:cubicBezTo>
                  <a:pt x="484" y="8"/>
                  <a:pt x="482" y="8"/>
                  <a:pt x="482" y="8"/>
                </a:cubicBezTo>
                <a:cubicBezTo>
                  <a:pt x="486" y="9"/>
                  <a:pt x="486" y="9"/>
                  <a:pt x="489" y="9"/>
                </a:cubicBezTo>
                <a:cubicBezTo>
                  <a:pt x="489" y="9"/>
                  <a:pt x="487" y="9"/>
                  <a:pt x="487" y="8"/>
                </a:cubicBezTo>
                <a:cubicBezTo>
                  <a:pt x="491" y="9"/>
                  <a:pt x="493" y="10"/>
                  <a:pt x="496" y="11"/>
                </a:cubicBezTo>
                <a:cubicBezTo>
                  <a:pt x="495" y="11"/>
                  <a:pt x="495" y="10"/>
                  <a:pt x="495" y="11"/>
                </a:cubicBezTo>
                <a:cubicBezTo>
                  <a:pt x="496" y="11"/>
                  <a:pt x="499" y="12"/>
                  <a:pt x="499" y="11"/>
                </a:cubicBezTo>
                <a:cubicBezTo>
                  <a:pt x="500" y="12"/>
                  <a:pt x="500" y="12"/>
                  <a:pt x="501" y="13"/>
                </a:cubicBezTo>
                <a:cubicBezTo>
                  <a:pt x="505" y="13"/>
                  <a:pt x="510" y="15"/>
                  <a:pt x="512" y="16"/>
                </a:cubicBezTo>
                <a:cubicBezTo>
                  <a:pt x="514" y="17"/>
                  <a:pt x="512" y="15"/>
                  <a:pt x="510" y="14"/>
                </a:cubicBezTo>
                <a:cubicBezTo>
                  <a:pt x="510" y="14"/>
                  <a:pt x="516" y="16"/>
                  <a:pt x="514" y="16"/>
                </a:cubicBezTo>
                <a:cubicBezTo>
                  <a:pt x="516" y="17"/>
                  <a:pt x="519" y="18"/>
                  <a:pt x="520" y="18"/>
                </a:cubicBezTo>
                <a:cubicBezTo>
                  <a:pt x="519" y="17"/>
                  <a:pt x="518" y="17"/>
                  <a:pt x="517" y="17"/>
                </a:cubicBezTo>
                <a:cubicBezTo>
                  <a:pt x="520" y="17"/>
                  <a:pt x="527" y="19"/>
                  <a:pt x="532" y="21"/>
                </a:cubicBezTo>
                <a:cubicBezTo>
                  <a:pt x="529" y="19"/>
                  <a:pt x="537" y="22"/>
                  <a:pt x="537" y="22"/>
                </a:cubicBezTo>
                <a:cubicBezTo>
                  <a:pt x="539" y="22"/>
                  <a:pt x="538" y="23"/>
                  <a:pt x="540" y="23"/>
                </a:cubicBezTo>
                <a:cubicBezTo>
                  <a:pt x="539" y="23"/>
                  <a:pt x="538" y="23"/>
                  <a:pt x="536" y="22"/>
                </a:cubicBezTo>
                <a:cubicBezTo>
                  <a:pt x="536" y="23"/>
                  <a:pt x="543" y="25"/>
                  <a:pt x="545" y="25"/>
                </a:cubicBezTo>
                <a:cubicBezTo>
                  <a:pt x="545" y="25"/>
                  <a:pt x="542" y="25"/>
                  <a:pt x="540" y="24"/>
                </a:cubicBezTo>
                <a:cubicBezTo>
                  <a:pt x="543" y="24"/>
                  <a:pt x="547" y="25"/>
                  <a:pt x="551" y="27"/>
                </a:cubicBezTo>
                <a:cubicBezTo>
                  <a:pt x="551" y="27"/>
                  <a:pt x="550" y="27"/>
                  <a:pt x="552" y="28"/>
                </a:cubicBezTo>
                <a:cubicBezTo>
                  <a:pt x="551" y="28"/>
                  <a:pt x="549" y="26"/>
                  <a:pt x="549" y="27"/>
                </a:cubicBezTo>
                <a:cubicBezTo>
                  <a:pt x="550" y="28"/>
                  <a:pt x="552" y="28"/>
                  <a:pt x="552" y="29"/>
                </a:cubicBezTo>
                <a:cubicBezTo>
                  <a:pt x="554" y="30"/>
                  <a:pt x="550" y="28"/>
                  <a:pt x="551" y="29"/>
                </a:cubicBezTo>
                <a:cubicBezTo>
                  <a:pt x="555" y="29"/>
                  <a:pt x="555" y="30"/>
                  <a:pt x="558" y="30"/>
                </a:cubicBezTo>
                <a:cubicBezTo>
                  <a:pt x="562" y="32"/>
                  <a:pt x="569" y="34"/>
                  <a:pt x="569" y="35"/>
                </a:cubicBezTo>
                <a:cubicBezTo>
                  <a:pt x="571" y="36"/>
                  <a:pt x="570" y="35"/>
                  <a:pt x="571" y="35"/>
                </a:cubicBezTo>
                <a:cubicBezTo>
                  <a:pt x="572" y="36"/>
                  <a:pt x="575" y="37"/>
                  <a:pt x="573" y="37"/>
                </a:cubicBezTo>
                <a:cubicBezTo>
                  <a:pt x="575" y="38"/>
                  <a:pt x="575" y="38"/>
                  <a:pt x="577" y="39"/>
                </a:cubicBezTo>
                <a:cubicBezTo>
                  <a:pt x="577" y="39"/>
                  <a:pt x="575" y="39"/>
                  <a:pt x="576" y="39"/>
                </a:cubicBezTo>
                <a:cubicBezTo>
                  <a:pt x="578" y="40"/>
                  <a:pt x="578" y="39"/>
                  <a:pt x="579" y="39"/>
                </a:cubicBezTo>
                <a:cubicBezTo>
                  <a:pt x="579" y="38"/>
                  <a:pt x="576" y="38"/>
                  <a:pt x="576" y="38"/>
                </a:cubicBezTo>
                <a:cubicBezTo>
                  <a:pt x="576" y="37"/>
                  <a:pt x="580" y="39"/>
                  <a:pt x="579" y="39"/>
                </a:cubicBezTo>
                <a:cubicBezTo>
                  <a:pt x="581" y="40"/>
                  <a:pt x="581" y="40"/>
                  <a:pt x="583" y="40"/>
                </a:cubicBezTo>
                <a:cubicBezTo>
                  <a:pt x="586" y="42"/>
                  <a:pt x="586" y="42"/>
                  <a:pt x="589" y="44"/>
                </a:cubicBezTo>
                <a:cubicBezTo>
                  <a:pt x="587" y="43"/>
                  <a:pt x="587" y="42"/>
                  <a:pt x="586" y="42"/>
                </a:cubicBezTo>
                <a:cubicBezTo>
                  <a:pt x="585" y="40"/>
                  <a:pt x="593" y="44"/>
                  <a:pt x="594" y="45"/>
                </a:cubicBezTo>
                <a:cubicBezTo>
                  <a:pt x="594" y="45"/>
                  <a:pt x="591" y="43"/>
                  <a:pt x="590" y="43"/>
                </a:cubicBezTo>
                <a:cubicBezTo>
                  <a:pt x="592" y="45"/>
                  <a:pt x="596" y="46"/>
                  <a:pt x="598" y="48"/>
                </a:cubicBezTo>
                <a:cubicBezTo>
                  <a:pt x="600" y="49"/>
                  <a:pt x="597" y="46"/>
                  <a:pt x="599" y="47"/>
                </a:cubicBezTo>
                <a:cubicBezTo>
                  <a:pt x="600" y="48"/>
                  <a:pt x="601" y="49"/>
                  <a:pt x="603" y="50"/>
                </a:cubicBezTo>
                <a:cubicBezTo>
                  <a:pt x="603" y="50"/>
                  <a:pt x="606" y="52"/>
                  <a:pt x="606" y="51"/>
                </a:cubicBezTo>
                <a:cubicBezTo>
                  <a:pt x="612" y="54"/>
                  <a:pt x="615" y="56"/>
                  <a:pt x="620" y="59"/>
                </a:cubicBezTo>
                <a:cubicBezTo>
                  <a:pt x="619" y="58"/>
                  <a:pt x="619" y="59"/>
                  <a:pt x="619" y="59"/>
                </a:cubicBezTo>
                <a:cubicBezTo>
                  <a:pt x="624" y="60"/>
                  <a:pt x="634" y="67"/>
                  <a:pt x="640" y="71"/>
                </a:cubicBezTo>
                <a:cubicBezTo>
                  <a:pt x="642" y="72"/>
                  <a:pt x="641" y="71"/>
                  <a:pt x="643" y="73"/>
                </a:cubicBezTo>
                <a:cubicBezTo>
                  <a:pt x="643" y="73"/>
                  <a:pt x="643" y="73"/>
                  <a:pt x="644" y="73"/>
                </a:cubicBezTo>
                <a:cubicBezTo>
                  <a:pt x="644" y="73"/>
                  <a:pt x="643" y="72"/>
                  <a:pt x="642" y="72"/>
                </a:cubicBezTo>
                <a:cubicBezTo>
                  <a:pt x="645" y="73"/>
                  <a:pt x="651" y="78"/>
                  <a:pt x="653" y="78"/>
                </a:cubicBezTo>
                <a:cubicBezTo>
                  <a:pt x="655" y="80"/>
                  <a:pt x="658" y="83"/>
                  <a:pt x="661" y="84"/>
                </a:cubicBezTo>
                <a:cubicBezTo>
                  <a:pt x="665" y="87"/>
                  <a:pt x="675" y="94"/>
                  <a:pt x="680" y="98"/>
                </a:cubicBezTo>
                <a:cubicBezTo>
                  <a:pt x="680" y="98"/>
                  <a:pt x="679" y="97"/>
                  <a:pt x="679" y="98"/>
                </a:cubicBezTo>
                <a:cubicBezTo>
                  <a:pt x="681" y="99"/>
                  <a:pt x="682" y="100"/>
                  <a:pt x="684" y="102"/>
                </a:cubicBezTo>
                <a:cubicBezTo>
                  <a:pt x="685" y="102"/>
                  <a:pt x="683" y="101"/>
                  <a:pt x="684" y="101"/>
                </a:cubicBezTo>
                <a:cubicBezTo>
                  <a:pt x="688" y="104"/>
                  <a:pt x="693" y="109"/>
                  <a:pt x="699" y="114"/>
                </a:cubicBezTo>
                <a:cubicBezTo>
                  <a:pt x="698" y="114"/>
                  <a:pt x="698" y="114"/>
                  <a:pt x="699" y="115"/>
                </a:cubicBezTo>
                <a:cubicBezTo>
                  <a:pt x="701" y="117"/>
                  <a:pt x="702" y="118"/>
                  <a:pt x="703" y="118"/>
                </a:cubicBezTo>
                <a:cubicBezTo>
                  <a:pt x="705" y="120"/>
                  <a:pt x="704" y="119"/>
                  <a:pt x="705" y="120"/>
                </a:cubicBezTo>
                <a:cubicBezTo>
                  <a:pt x="707" y="122"/>
                  <a:pt x="704" y="119"/>
                  <a:pt x="705" y="119"/>
                </a:cubicBezTo>
                <a:cubicBezTo>
                  <a:pt x="707" y="121"/>
                  <a:pt x="707" y="121"/>
                  <a:pt x="709" y="123"/>
                </a:cubicBezTo>
                <a:cubicBezTo>
                  <a:pt x="705" y="121"/>
                  <a:pt x="715" y="129"/>
                  <a:pt x="718" y="132"/>
                </a:cubicBezTo>
                <a:cubicBezTo>
                  <a:pt x="716" y="131"/>
                  <a:pt x="717" y="131"/>
                  <a:pt x="716" y="129"/>
                </a:cubicBezTo>
                <a:cubicBezTo>
                  <a:pt x="716" y="129"/>
                  <a:pt x="717" y="130"/>
                  <a:pt x="717" y="130"/>
                </a:cubicBezTo>
                <a:cubicBezTo>
                  <a:pt x="722" y="135"/>
                  <a:pt x="722" y="134"/>
                  <a:pt x="723" y="137"/>
                </a:cubicBezTo>
                <a:cubicBezTo>
                  <a:pt x="724" y="138"/>
                  <a:pt x="723" y="136"/>
                  <a:pt x="724" y="136"/>
                </a:cubicBezTo>
                <a:cubicBezTo>
                  <a:pt x="727" y="139"/>
                  <a:pt x="727" y="140"/>
                  <a:pt x="728" y="141"/>
                </a:cubicBezTo>
                <a:cubicBezTo>
                  <a:pt x="729" y="142"/>
                  <a:pt x="732" y="144"/>
                  <a:pt x="732" y="145"/>
                </a:cubicBezTo>
                <a:cubicBezTo>
                  <a:pt x="732" y="146"/>
                  <a:pt x="735" y="148"/>
                  <a:pt x="734" y="148"/>
                </a:cubicBezTo>
                <a:cubicBezTo>
                  <a:pt x="736" y="149"/>
                  <a:pt x="736" y="149"/>
                  <a:pt x="737" y="150"/>
                </a:cubicBezTo>
                <a:cubicBezTo>
                  <a:pt x="738" y="150"/>
                  <a:pt x="735" y="148"/>
                  <a:pt x="734" y="147"/>
                </a:cubicBezTo>
                <a:cubicBezTo>
                  <a:pt x="736" y="147"/>
                  <a:pt x="734" y="144"/>
                  <a:pt x="736" y="144"/>
                </a:cubicBezTo>
                <a:cubicBezTo>
                  <a:pt x="739" y="150"/>
                  <a:pt x="741" y="155"/>
                  <a:pt x="745" y="161"/>
                </a:cubicBezTo>
                <a:cubicBezTo>
                  <a:pt x="747" y="163"/>
                  <a:pt x="742" y="157"/>
                  <a:pt x="747" y="162"/>
                </a:cubicBezTo>
                <a:cubicBezTo>
                  <a:pt x="747" y="161"/>
                  <a:pt x="745" y="159"/>
                  <a:pt x="746" y="160"/>
                </a:cubicBezTo>
                <a:cubicBezTo>
                  <a:pt x="744" y="157"/>
                  <a:pt x="744" y="158"/>
                  <a:pt x="743" y="156"/>
                </a:cubicBezTo>
                <a:cubicBezTo>
                  <a:pt x="743" y="156"/>
                  <a:pt x="745" y="158"/>
                  <a:pt x="746" y="159"/>
                </a:cubicBezTo>
                <a:cubicBezTo>
                  <a:pt x="746" y="159"/>
                  <a:pt x="745" y="156"/>
                  <a:pt x="747" y="158"/>
                </a:cubicBezTo>
                <a:cubicBezTo>
                  <a:pt x="746" y="156"/>
                  <a:pt x="744" y="153"/>
                  <a:pt x="745" y="154"/>
                </a:cubicBezTo>
                <a:cubicBezTo>
                  <a:pt x="747" y="156"/>
                  <a:pt x="748" y="158"/>
                  <a:pt x="749" y="159"/>
                </a:cubicBezTo>
                <a:cubicBezTo>
                  <a:pt x="749" y="160"/>
                  <a:pt x="752" y="165"/>
                  <a:pt x="750" y="164"/>
                </a:cubicBezTo>
                <a:cubicBezTo>
                  <a:pt x="752" y="166"/>
                  <a:pt x="751" y="167"/>
                  <a:pt x="751" y="167"/>
                </a:cubicBezTo>
                <a:cubicBezTo>
                  <a:pt x="753" y="170"/>
                  <a:pt x="756" y="173"/>
                  <a:pt x="757" y="174"/>
                </a:cubicBezTo>
                <a:cubicBezTo>
                  <a:pt x="757" y="173"/>
                  <a:pt x="755" y="172"/>
                  <a:pt x="754" y="170"/>
                </a:cubicBezTo>
                <a:cubicBezTo>
                  <a:pt x="754" y="168"/>
                  <a:pt x="759" y="172"/>
                  <a:pt x="756" y="168"/>
                </a:cubicBezTo>
                <a:cubicBezTo>
                  <a:pt x="757" y="169"/>
                  <a:pt x="757" y="170"/>
                  <a:pt x="759" y="173"/>
                </a:cubicBezTo>
                <a:cubicBezTo>
                  <a:pt x="759" y="174"/>
                  <a:pt x="757" y="173"/>
                  <a:pt x="760" y="177"/>
                </a:cubicBezTo>
                <a:cubicBezTo>
                  <a:pt x="759" y="176"/>
                  <a:pt x="759" y="175"/>
                  <a:pt x="758" y="175"/>
                </a:cubicBezTo>
                <a:cubicBezTo>
                  <a:pt x="760" y="177"/>
                  <a:pt x="760" y="179"/>
                  <a:pt x="762" y="181"/>
                </a:cubicBezTo>
                <a:cubicBezTo>
                  <a:pt x="762" y="182"/>
                  <a:pt x="762" y="181"/>
                  <a:pt x="764" y="182"/>
                </a:cubicBezTo>
                <a:cubicBezTo>
                  <a:pt x="765" y="184"/>
                  <a:pt x="766" y="187"/>
                  <a:pt x="767" y="186"/>
                </a:cubicBezTo>
                <a:cubicBezTo>
                  <a:pt x="768" y="186"/>
                  <a:pt x="765" y="183"/>
                  <a:pt x="764" y="182"/>
                </a:cubicBezTo>
                <a:cubicBezTo>
                  <a:pt x="762" y="178"/>
                  <a:pt x="767" y="183"/>
                  <a:pt x="764" y="178"/>
                </a:cubicBezTo>
                <a:cubicBezTo>
                  <a:pt x="766" y="180"/>
                  <a:pt x="766" y="181"/>
                  <a:pt x="766" y="179"/>
                </a:cubicBezTo>
                <a:cubicBezTo>
                  <a:pt x="767" y="180"/>
                  <a:pt x="768" y="181"/>
                  <a:pt x="768" y="181"/>
                </a:cubicBezTo>
                <a:cubicBezTo>
                  <a:pt x="770" y="185"/>
                  <a:pt x="768" y="190"/>
                  <a:pt x="774" y="194"/>
                </a:cubicBezTo>
                <a:cubicBezTo>
                  <a:pt x="773" y="192"/>
                  <a:pt x="774" y="192"/>
                  <a:pt x="776" y="194"/>
                </a:cubicBezTo>
                <a:cubicBezTo>
                  <a:pt x="775" y="192"/>
                  <a:pt x="774" y="188"/>
                  <a:pt x="776" y="190"/>
                </a:cubicBezTo>
                <a:cubicBezTo>
                  <a:pt x="782" y="200"/>
                  <a:pt x="774" y="198"/>
                  <a:pt x="781" y="209"/>
                </a:cubicBezTo>
                <a:cubicBezTo>
                  <a:pt x="782" y="211"/>
                  <a:pt x="782" y="210"/>
                  <a:pt x="784" y="211"/>
                </a:cubicBezTo>
                <a:cubicBezTo>
                  <a:pt x="782" y="207"/>
                  <a:pt x="785" y="207"/>
                  <a:pt x="785" y="203"/>
                </a:cubicBezTo>
                <a:cubicBezTo>
                  <a:pt x="789" y="210"/>
                  <a:pt x="784" y="206"/>
                  <a:pt x="788" y="212"/>
                </a:cubicBezTo>
                <a:cubicBezTo>
                  <a:pt x="786" y="212"/>
                  <a:pt x="788" y="216"/>
                  <a:pt x="786" y="217"/>
                </a:cubicBezTo>
                <a:cubicBezTo>
                  <a:pt x="787" y="218"/>
                  <a:pt x="788" y="218"/>
                  <a:pt x="789" y="220"/>
                </a:cubicBezTo>
                <a:cubicBezTo>
                  <a:pt x="788" y="220"/>
                  <a:pt x="787" y="218"/>
                  <a:pt x="787" y="219"/>
                </a:cubicBezTo>
                <a:cubicBezTo>
                  <a:pt x="788" y="221"/>
                  <a:pt x="789" y="223"/>
                  <a:pt x="791" y="226"/>
                </a:cubicBezTo>
                <a:cubicBezTo>
                  <a:pt x="793" y="227"/>
                  <a:pt x="790" y="222"/>
                  <a:pt x="793" y="224"/>
                </a:cubicBezTo>
                <a:cubicBezTo>
                  <a:pt x="792" y="220"/>
                  <a:pt x="793" y="220"/>
                  <a:pt x="795" y="221"/>
                </a:cubicBezTo>
                <a:cubicBezTo>
                  <a:pt x="798" y="227"/>
                  <a:pt x="796" y="231"/>
                  <a:pt x="795" y="230"/>
                </a:cubicBezTo>
                <a:cubicBezTo>
                  <a:pt x="795" y="231"/>
                  <a:pt x="796" y="233"/>
                  <a:pt x="796" y="234"/>
                </a:cubicBezTo>
                <a:cubicBezTo>
                  <a:pt x="793" y="231"/>
                  <a:pt x="796" y="239"/>
                  <a:pt x="792" y="235"/>
                </a:cubicBezTo>
                <a:cubicBezTo>
                  <a:pt x="794" y="238"/>
                  <a:pt x="793" y="237"/>
                  <a:pt x="792" y="236"/>
                </a:cubicBezTo>
                <a:cubicBezTo>
                  <a:pt x="794" y="240"/>
                  <a:pt x="794" y="243"/>
                  <a:pt x="797" y="248"/>
                </a:cubicBezTo>
                <a:cubicBezTo>
                  <a:pt x="797" y="246"/>
                  <a:pt x="797" y="245"/>
                  <a:pt x="799" y="248"/>
                </a:cubicBezTo>
                <a:cubicBezTo>
                  <a:pt x="799" y="247"/>
                  <a:pt x="798" y="246"/>
                  <a:pt x="798" y="245"/>
                </a:cubicBezTo>
                <a:cubicBezTo>
                  <a:pt x="798" y="244"/>
                  <a:pt x="799" y="247"/>
                  <a:pt x="800" y="247"/>
                </a:cubicBezTo>
                <a:cubicBezTo>
                  <a:pt x="800" y="246"/>
                  <a:pt x="799" y="246"/>
                  <a:pt x="798" y="244"/>
                </a:cubicBezTo>
                <a:cubicBezTo>
                  <a:pt x="799" y="244"/>
                  <a:pt x="800" y="246"/>
                  <a:pt x="800" y="246"/>
                </a:cubicBezTo>
                <a:cubicBezTo>
                  <a:pt x="802" y="250"/>
                  <a:pt x="800" y="249"/>
                  <a:pt x="801" y="252"/>
                </a:cubicBezTo>
                <a:cubicBezTo>
                  <a:pt x="799" y="250"/>
                  <a:pt x="800" y="252"/>
                  <a:pt x="799" y="251"/>
                </a:cubicBezTo>
                <a:cubicBezTo>
                  <a:pt x="800" y="252"/>
                  <a:pt x="801" y="254"/>
                  <a:pt x="802" y="256"/>
                </a:cubicBezTo>
                <a:cubicBezTo>
                  <a:pt x="800" y="254"/>
                  <a:pt x="800" y="256"/>
                  <a:pt x="799" y="255"/>
                </a:cubicBezTo>
                <a:cubicBezTo>
                  <a:pt x="799" y="256"/>
                  <a:pt x="800" y="257"/>
                  <a:pt x="800" y="258"/>
                </a:cubicBezTo>
                <a:cubicBezTo>
                  <a:pt x="798" y="257"/>
                  <a:pt x="797" y="261"/>
                  <a:pt x="794" y="257"/>
                </a:cubicBezTo>
                <a:cubicBezTo>
                  <a:pt x="794" y="258"/>
                  <a:pt x="795" y="260"/>
                  <a:pt x="794" y="260"/>
                </a:cubicBezTo>
                <a:cubicBezTo>
                  <a:pt x="792" y="255"/>
                  <a:pt x="791" y="256"/>
                  <a:pt x="790" y="256"/>
                </a:cubicBezTo>
                <a:cubicBezTo>
                  <a:pt x="792" y="259"/>
                  <a:pt x="794" y="261"/>
                  <a:pt x="795" y="265"/>
                </a:cubicBezTo>
                <a:cubicBezTo>
                  <a:pt x="793" y="262"/>
                  <a:pt x="795" y="266"/>
                  <a:pt x="793" y="262"/>
                </a:cubicBezTo>
                <a:cubicBezTo>
                  <a:pt x="792" y="267"/>
                  <a:pt x="790" y="268"/>
                  <a:pt x="787" y="266"/>
                </a:cubicBezTo>
                <a:cubicBezTo>
                  <a:pt x="786" y="263"/>
                  <a:pt x="784" y="260"/>
                  <a:pt x="784" y="259"/>
                </a:cubicBezTo>
                <a:cubicBezTo>
                  <a:pt x="784" y="258"/>
                  <a:pt x="783" y="258"/>
                  <a:pt x="783" y="257"/>
                </a:cubicBezTo>
                <a:cubicBezTo>
                  <a:pt x="783" y="257"/>
                  <a:pt x="783" y="258"/>
                  <a:pt x="784" y="259"/>
                </a:cubicBezTo>
                <a:cubicBezTo>
                  <a:pt x="783" y="258"/>
                  <a:pt x="782" y="256"/>
                  <a:pt x="782" y="255"/>
                </a:cubicBezTo>
                <a:close/>
                <a:moveTo>
                  <a:pt x="340" y="50"/>
                </a:moveTo>
                <a:cubicBezTo>
                  <a:pt x="338" y="51"/>
                  <a:pt x="336" y="51"/>
                  <a:pt x="336" y="51"/>
                </a:cubicBezTo>
                <a:cubicBezTo>
                  <a:pt x="338" y="51"/>
                  <a:pt x="340" y="51"/>
                  <a:pt x="340" y="50"/>
                </a:cubicBezTo>
                <a:close/>
                <a:moveTo>
                  <a:pt x="236" y="74"/>
                </a:moveTo>
                <a:cubicBezTo>
                  <a:pt x="236" y="74"/>
                  <a:pt x="235" y="75"/>
                  <a:pt x="235" y="74"/>
                </a:cubicBezTo>
                <a:cubicBezTo>
                  <a:pt x="234" y="75"/>
                  <a:pt x="233" y="75"/>
                  <a:pt x="233" y="76"/>
                </a:cubicBezTo>
                <a:cubicBezTo>
                  <a:pt x="236" y="75"/>
                  <a:pt x="230" y="77"/>
                  <a:pt x="232" y="77"/>
                </a:cubicBezTo>
                <a:cubicBezTo>
                  <a:pt x="234" y="76"/>
                  <a:pt x="235" y="75"/>
                  <a:pt x="236" y="74"/>
                </a:cubicBezTo>
                <a:close/>
                <a:moveTo>
                  <a:pt x="231" y="76"/>
                </a:moveTo>
                <a:cubicBezTo>
                  <a:pt x="232" y="75"/>
                  <a:pt x="233" y="76"/>
                  <a:pt x="234" y="74"/>
                </a:cubicBezTo>
                <a:cubicBezTo>
                  <a:pt x="234" y="75"/>
                  <a:pt x="236" y="72"/>
                  <a:pt x="237" y="71"/>
                </a:cubicBezTo>
                <a:cubicBezTo>
                  <a:pt x="233" y="73"/>
                  <a:pt x="233" y="74"/>
                  <a:pt x="231" y="76"/>
                </a:cubicBezTo>
                <a:close/>
                <a:moveTo>
                  <a:pt x="162" y="116"/>
                </a:moveTo>
                <a:cubicBezTo>
                  <a:pt x="164" y="115"/>
                  <a:pt x="164" y="115"/>
                  <a:pt x="164" y="115"/>
                </a:cubicBezTo>
                <a:cubicBezTo>
                  <a:pt x="162" y="115"/>
                  <a:pt x="165" y="114"/>
                  <a:pt x="167" y="112"/>
                </a:cubicBezTo>
                <a:cubicBezTo>
                  <a:pt x="165" y="113"/>
                  <a:pt x="164" y="114"/>
                  <a:pt x="164" y="114"/>
                </a:cubicBezTo>
                <a:cubicBezTo>
                  <a:pt x="167" y="111"/>
                  <a:pt x="164" y="113"/>
                  <a:pt x="165" y="111"/>
                </a:cubicBezTo>
                <a:cubicBezTo>
                  <a:pt x="164" y="112"/>
                  <a:pt x="162" y="113"/>
                  <a:pt x="162" y="114"/>
                </a:cubicBezTo>
                <a:cubicBezTo>
                  <a:pt x="168" y="110"/>
                  <a:pt x="160" y="115"/>
                  <a:pt x="162" y="114"/>
                </a:cubicBezTo>
                <a:cubicBezTo>
                  <a:pt x="166" y="112"/>
                  <a:pt x="161" y="116"/>
                  <a:pt x="162" y="116"/>
                </a:cubicBezTo>
                <a:close/>
                <a:moveTo>
                  <a:pt x="132" y="113"/>
                </a:moveTo>
                <a:cubicBezTo>
                  <a:pt x="134" y="112"/>
                  <a:pt x="135" y="111"/>
                  <a:pt x="134" y="111"/>
                </a:cubicBezTo>
                <a:cubicBezTo>
                  <a:pt x="132" y="113"/>
                  <a:pt x="132" y="113"/>
                  <a:pt x="132" y="113"/>
                </a:cubicBezTo>
                <a:close/>
                <a:moveTo>
                  <a:pt x="788" y="254"/>
                </a:moveTo>
                <a:cubicBezTo>
                  <a:pt x="788" y="256"/>
                  <a:pt x="790" y="259"/>
                  <a:pt x="791" y="260"/>
                </a:cubicBezTo>
                <a:cubicBezTo>
                  <a:pt x="790" y="258"/>
                  <a:pt x="789" y="255"/>
                  <a:pt x="788" y="254"/>
                </a:cubicBezTo>
                <a:close/>
                <a:moveTo>
                  <a:pt x="792" y="242"/>
                </a:moveTo>
                <a:cubicBezTo>
                  <a:pt x="793" y="245"/>
                  <a:pt x="794" y="247"/>
                  <a:pt x="796" y="250"/>
                </a:cubicBezTo>
                <a:cubicBezTo>
                  <a:pt x="797" y="249"/>
                  <a:pt x="792" y="240"/>
                  <a:pt x="790" y="237"/>
                </a:cubicBezTo>
                <a:cubicBezTo>
                  <a:pt x="790" y="239"/>
                  <a:pt x="794" y="244"/>
                  <a:pt x="795" y="246"/>
                </a:cubicBezTo>
                <a:cubicBezTo>
                  <a:pt x="794" y="246"/>
                  <a:pt x="793" y="243"/>
                  <a:pt x="792" y="242"/>
                </a:cubicBezTo>
                <a:close/>
                <a:moveTo>
                  <a:pt x="787" y="245"/>
                </a:moveTo>
                <a:cubicBezTo>
                  <a:pt x="787" y="245"/>
                  <a:pt x="787" y="247"/>
                  <a:pt x="786" y="246"/>
                </a:cubicBezTo>
                <a:cubicBezTo>
                  <a:pt x="788" y="248"/>
                  <a:pt x="789" y="252"/>
                  <a:pt x="790" y="253"/>
                </a:cubicBezTo>
                <a:cubicBezTo>
                  <a:pt x="789" y="250"/>
                  <a:pt x="788" y="247"/>
                  <a:pt x="787" y="245"/>
                </a:cubicBezTo>
                <a:close/>
                <a:moveTo>
                  <a:pt x="779" y="256"/>
                </a:moveTo>
                <a:cubicBezTo>
                  <a:pt x="779" y="256"/>
                  <a:pt x="776" y="252"/>
                  <a:pt x="777" y="255"/>
                </a:cubicBezTo>
                <a:cubicBezTo>
                  <a:pt x="778" y="255"/>
                  <a:pt x="778" y="255"/>
                  <a:pt x="779" y="257"/>
                </a:cubicBezTo>
                <a:cubicBezTo>
                  <a:pt x="779" y="258"/>
                  <a:pt x="779" y="258"/>
                  <a:pt x="779" y="258"/>
                </a:cubicBezTo>
                <a:cubicBezTo>
                  <a:pt x="780" y="258"/>
                  <a:pt x="780" y="258"/>
                  <a:pt x="779" y="256"/>
                </a:cubicBezTo>
                <a:close/>
                <a:moveTo>
                  <a:pt x="785" y="244"/>
                </a:moveTo>
                <a:cubicBezTo>
                  <a:pt x="787" y="249"/>
                  <a:pt x="783" y="241"/>
                  <a:pt x="784" y="244"/>
                </a:cubicBezTo>
                <a:cubicBezTo>
                  <a:pt x="786" y="246"/>
                  <a:pt x="784" y="246"/>
                  <a:pt x="785" y="247"/>
                </a:cubicBezTo>
                <a:cubicBezTo>
                  <a:pt x="785" y="246"/>
                  <a:pt x="787" y="249"/>
                  <a:pt x="787" y="249"/>
                </a:cubicBezTo>
                <a:cubicBezTo>
                  <a:pt x="786" y="247"/>
                  <a:pt x="786" y="245"/>
                  <a:pt x="785" y="244"/>
                </a:cubicBezTo>
                <a:close/>
                <a:moveTo>
                  <a:pt x="789" y="230"/>
                </a:moveTo>
                <a:cubicBezTo>
                  <a:pt x="790" y="231"/>
                  <a:pt x="791" y="232"/>
                  <a:pt x="792" y="233"/>
                </a:cubicBezTo>
                <a:cubicBezTo>
                  <a:pt x="790" y="230"/>
                  <a:pt x="789" y="228"/>
                  <a:pt x="790" y="229"/>
                </a:cubicBezTo>
                <a:cubicBezTo>
                  <a:pt x="788" y="225"/>
                  <a:pt x="789" y="224"/>
                  <a:pt x="787" y="222"/>
                </a:cubicBezTo>
                <a:cubicBezTo>
                  <a:pt x="787" y="222"/>
                  <a:pt x="787" y="224"/>
                  <a:pt x="786" y="224"/>
                </a:cubicBezTo>
                <a:cubicBezTo>
                  <a:pt x="788" y="225"/>
                  <a:pt x="788" y="226"/>
                  <a:pt x="789" y="227"/>
                </a:cubicBezTo>
                <a:cubicBezTo>
                  <a:pt x="789" y="228"/>
                  <a:pt x="789" y="229"/>
                  <a:pt x="789" y="229"/>
                </a:cubicBezTo>
                <a:cubicBezTo>
                  <a:pt x="788" y="226"/>
                  <a:pt x="787" y="226"/>
                  <a:pt x="785" y="224"/>
                </a:cubicBezTo>
                <a:cubicBezTo>
                  <a:pt x="787" y="227"/>
                  <a:pt x="786" y="227"/>
                  <a:pt x="785" y="226"/>
                </a:cubicBezTo>
                <a:cubicBezTo>
                  <a:pt x="787" y="230"/>
                  <a:pt x="786" y="228"/>
                  <a:pt x="787" y="231"/>
                </a:cubicBezTo>
                <a:cubicBezTo>
                  <a:pt x="788" y="231"/>
                  <a:pt x="789" y="234"/>
                  <a:pt x="790" y="235"/>
                </a:cubicBezTo>
                <a:cubicBezTo>
                  <a:pt x="790" y="235"/>
                  <a:pt x="792" y="237"/>
                  <a:pt x="791" y="235"/>
                </a:cubicBezTo>
                <a:cubicBezTo>
                  <a:pt x="790" y="235"/>
                  <a:pt x="790" y="233"/>
                  <a:pt x="789" y="232"/>
                </a:cubicBezTo>
                <a:cubicBezTo>
                  <a:pt x="789" y="232"/>
                  <a:pt x="790" y="235"/>
                  <a:pt x="789" y="233"/>
                </a:cubicBezTo>
                <a:cubicBezTo>
                  <a:pt x="789" y="233"/>
                  <a:pt x="787" y="230"/>
                  <a:pt x="788" y="230"/>
                </a:cubicBezTo>
                <a:cubicBezTo>
                  <a:pt x="789" y="232"/>
                  <a:pt x="790" y="234"/>
                  <a:pt x="792" y="235"/>
                </a:cubicBezTo>
                <a:cubicBezTo>
                  <a:pt x="791" y="234"/>
                  <a:pt x="789" y="231"/>
                  <a:pt x="789" y="230"/>
                </a:cubicBezTo>
                <a:close/>
                <a:moveTo>
                  <a:pt x="788" y="235"/>
                </a:moveTo>
                <a:cubicBezTo>
                  <a:pt x="788" y="233"/>
                  <a:pt x="786" y="229"/>
                  <a:pt x="785" y="229"/>
                </a:cubicBezTo>
                <a:cubicBezTo>
                  <a:pt x="787" y="231"/>
                  <a:pt x="787" y="234"/>
                  <a:pt x="788" y="235"/>
                </a:cubicBezTo>
                <a:close/>
                <a:moveTo>
                  <a:pt x="756" y="236"/>
                </a:moveTo>
                <a:cubicBezTo>
                  <a:pt x="755" y="236"/>
                  <a:pt x="757" y="239"/>
                  <a:pt x="758" y="240"/>
                </a:cubicBezTo>
                <a:cubicBezTo>
                  <a:pt x="760" y="241"/>
                  <a:pt x="759" y="242"/>
                  <a:pt x="760" y="244"/>
                </a:cubicBezTo>
                <a:cubicBezTo>
                  <a:pt x="760" y="243"/>
                  <a:pt x="762" y="245"/>
                  <a:pt x="761" y="242"/>
                </a:cubicBezTo>
                <a:cubicBezTo>
                  <a:pt x="759" y="241"/>
                  <a:pt x="759" y="241"/>
                  <a:pt x="756" y="236"/>
                </a:cubicBezTo>
                <a:close/>
                <a:moveTo>
                  <a:pt x="780" y="220"/>
                </a:moveTo>
                <a:cubicBezTo>
                  <a:pt x="781" y="222"/>
                  <a:pt x="781" y="223"/>
                  <a:pt x="782" y="225"/>
                </a:cubicBezTo>
                <a:cubicBezTo>
                  <a:pt x="783" y="226"/>
                  <a:pt x="784" y="227"/>
                  <a:pt x="785" y="228"/>
                </a:cubicBezTo>
                <a:cubicBezTo>
                  <a:pt x="783" y="225"/>
                  <a:pt x="782" y="222"/>
                  <a:pt x="780" y="220"/>
                </a:cubicBezTo>
                <a:close/>
                <a:moveTo>
                  <a:pt x="787" y="219"/>
                </a:moveTo>
                <a:cubicBezTo>
                  <a:pt x="786" y="219"/>
                  <a:pt x="786" y="220"/>
                  <a:pt x="787" y="221"/>
                </a:cubicBezTo>
                <a:cubicBezTo>
                  <a:pt x="787" y="221"/>
                  <a:pt x="789" y="225"/>
                  <a:pt x="789" y="223"/>
                </a:cubicBezTo>
                <a:cubicBezTo>
                  <a:pt x="787" y="221"/>
                  <a:pt x="787" y="220"/>
                  <a:pt x="787" y="219"/>
                </a:cubicBezTo>
                <a:close/>
                <a:moveTo>
                  <a:pt x="781" y="226"/>
                </a:moveTo>
                <a:cubicBezTo>
                  <a:pt x="781" y="227"/>
                  <a:pt x="780" y="223"/>
                  <a:pt x="779" y="224"/>
                </a:cubicBezTo>
                <a:cubicBezTo>
                  <a:pt x="780" y="224"/>
                  <a:pt x="780" y="225"/>
                  <a:pt x="779" y="225"/>
                </a:cubicBezTo>
                <a:cubicBezTo>
                  <a:pt x="781" y="228"/>
                  <a:pt x="783" y="228"/>
                  <a:pt x="781" y="226"/>
                </a:cubicBezTo>
                <a:close/>
                <a:moveTo>
                  <a:pt x="760" y="233"/>
                </a:moveTo>
                <a:cubicBezTo>
                  <a:pt x="761" y="237"/>
                  <a:pt x="756" y="230"/>
                  <a:pt x="756" y="233"/>
                </a:cubicBezTo>
                <a:cubicBezTo>
                  <a:pt x="758" y="234"/>
                  <a:pt x="760" y="235"/>
                  <a:pt x="762" y="237"/>
                </a:cubicBezTo>
                <a:cubicBezTo>
                  <a:pt x="761" y="235"/>
                  <a:pt x="761" y="233"/>
                  <a:pt x="760" y="233"/>
                </a:cubicBezTo>
                <a:close/>
                <a:moveTo>
                  <a:pt x="754" y="232"/>
                </a:moveTo>
                <a:cubicBezTo>
                  <a:pt x="755" y="231"/>
                  <a:pt x="756" y="235"/>
                  <a:pt x="757" y="236"/>
                </a:cubicBezTo>
                <a:cubicBezTo>
                  <a:pt x="757" y="234"/>
                  <a:pt x="753" y="229"/>
                  <a:pt x="754" y="232"/>
                </a:cubicBezTo>
                <a:close/>
                <a:moveTo>
                  <a:pt x="747" y="236"/>
                </a:moveTo>
                <a:cubicBezTo>
                  <a:pt x="746" y="236"/>
                  <a:pt x="748" y="238"/>
                  <a:pt x="748" y="239"/>
                </a:cubicBezTo>
                <a:cubicBezTo>
                  <a:pt x="749" y="239"/>
                  <a:pt x="749" y="240"/>
                  <a:pt x="749" y="239"/>
                </a:cubicBezTo>
                <a:cubicBezTo>
                  <a:pt x="748" y="239"/>
                  <a:pt x="748" y="237"/>
                  <a:pt x="747" y="236"/>
                </a:cubicBezTo>
                <a:close/>
                <a:moveTo>
                  <a:pt x="753" y="170"/>
                </a:moveTo>
                <a:cubicBezTo>
                  <a:pt x="752" y="170"/>
                  <a:pt x="752" y="170"/>
                  <a:pt x="753" y="172"/>
                </a:cubicBezTo>
                <a:cubicBezTo>
                  <a:pt x="754" y="172"/>
                  <a:pt x="755" y="172"/>
                  <a:pt x="756" y="173"/>
                </a:cubicBezTo>
                <a:cubicBezTo>
                  <a:pt x="754" y="172"/>
                  <a:pt x="753" y="171"/>
                  <a:pt x="753" y="170"/>
                </a:cubicBezTo>
                <a:close/>
                <a:moveTo>
                  <a:pt x="747" y="163"/>
                </a:moveTo>
                <a:cubicBezTo>
                  <a:pt x="746" y="162"/>
                  <a:pt x="745" y="163"/>
                  <a:pt x="746" y="165"/>
                </a:cubicBezTo>
                <a:cubicBezTo>
                  <a:pt x="746" y="164"/>
                  <a:pt x="749" y="168"/>
                  <a:pt x="749" y="167"/>
                </a:cubicBezTo>
                <a:cubicBezTo>
                  <a:pt x="746" y="163"/>
                  <a:pt x="748" y="165"/>
                  <a:pt x="747" y="163"/>
                </a:cubicBezTo>
                <a:close/>
                <a:moveTo>
                  <a:pt x="726" y="156"/>
                </a:moveTo>
                <a:cubicBezTo>
                  <a:pt x="725" y="156"/>
                  <a:pt x="728" y="159"/>
                  <a:pt x="729" y="160"/>
                </a:cubicBezTo>
                <a:cubicBezTo>
                  <a:pt x="730" y="160"/>
                  <a:pt x="728" y="158"/>
                  <a:pt x="726" y="156"/>
                </a:cubicBezTo>
                <a:close/>
                <a:moveTo>
                  <a:pt x="723" y="152"/>
                </a:moveTo>
                <a:cubicBezTo>
                  <a:pt x="722" y="152"/>
                  <a:pt x="721" y="151"/>
                  <a:pt x="721" y="150"/>
                </a:cubicBezTo>
                <a:cubicBezTo>
                  <a:pt x="720" y="150"/>
                  <a:pt x="720" y="151"/>
                  <a:pt x="721" y="152"/>
                </a:cubicBezTo>
                <a:cubicBezTo>
                  <a:pt x="722" y="151"/>
                  <a:pt x="725" y="155"/>
                  <a:pt x="724" y="153"/>
                </a:cubicBezTo>
                <a:cubicBezTo>
                  <a:pt x="723" y="153"/>
                  <a:pt x="723" y="153"/>
                  <a:pt x="723" y="152"/>
                </a:cubicBezTo>
                <a:close/>
                <a:moveTo>
                  <a:pt x="726" y="146"/>
                </a:moveTo>
                <a:cubicBezTo>
                  <a:pt x="727" y="147"/>
                  <a:pt x="726" y="147"/>
                  <a:pt x="728" y="149"/>
                </a:cubicBezTo>
                <a:cubicBezTo>
                  <a:pt x="729" y="150"/>
                  <a:pt x="727" y="147"/>
                  <a:pt x="726" y="146"/>
                </a:cubicBezTo>
                <a:close/>
                <a:moveTo>
                  <a:pt x="717" y="154"/>
                </a:moveTo>
                <a:cubicBezTo>
                  <a:pt x="718" y="156"/>
                  <a:pt x="715" y="152"/>
                  <a:pt x="714" y="152"/>
                </a:cubicBezTo>
                <a:cubicBezTo>
                  <a:pt x="714" y="153"/>
                  <a:pt x="716" y="154"/>
                  <a:pt x="717" y="156"/>
                </a:cubicBezTo>
                <a:cubicBezTo>
                  <a:pt x="718" y="156"/>
                  <a:pt x="718" y="155"/>
                  <a:pt x="717" y="154"/>
                </a:cubicBezTo>
                <a:close/>
                <a:moveTo>
                  <a:pt x="723" y="138"/>
                </a:moveTo>
                <a:cubicBezTo>
                  <a:pt x="726" y="140"/>
                  <a:pt x="727" y="142"/>
                  <a:pt x="728" y="143"/>
                </a:cubicBezTo>
                <a:cubicBezTo>
                  <a:pt x="727" y="141"/>
                  <a:pt x="725" y="139"/>
                  <a:pt x="723" y="138"/>
                </a:cubicBezTo>
                <a:close/>
                <a:moveTo>
                  <a:pt x="723" y="139"/>
                </a:moveTo>
                <a:cubicBezTo>
                  <a:pt x="723" y="138"/>
                  <a:pt x="722" y="137"/>
                  <a:pt x="721" y="137"/>
                </a:cubicBezTo>
                <a:cubicBezTo>
                  <a:pt x="720" y="136"/>
                  <a:pt x="720" y="136"/>
                  <a:pt x="720" y="137"/>
                </a:cubicBezTo>
                <a:cubicBezTo>
                  <a:pt x="721" y="139"/>
                  <a:pt x="722" y="140"/>
                  <a:pt x="723" y="141"/>
                </a:cubicBezTo>
                <a:cubicBezTo>
                  <a:pt x="722" y="139"/>
                  <a:pt x="720" y="138"/>
                  <a:pt x="721" y="137"/>
                </a:cubicBezTo>
                <a:cubicBezTo>
                  <a:pt x="723" y="139"/>
                  <a:pt x="724" y="140"/>
                  <a:pt x="725" y="140"/>
                </a:cubicBezTo>
                <a:cubicBezTo>
                  <a:pt x="724" y="139"/>
                  <a:pt x="724" y="139"/>
                  <a:pt x="723" y="139"/>
                </a:cubicBezTo>
                <a:close/>
                <a:moveTo>
                  <a:pt x="722" y="140"/>
                </a:moveTo>
                <a:cubicBezTo>
                  <a:pt x="719" y="137"/>
                  <a:pt x="719" y="137"/>
                  <a:pt x="719" y="137"/>
                </a:cubicBezTo>
                <a:cubicBezTo>
                  <a:pt x="718" y="137"/>
                  <a:pt x="720" y="140"/>
                  <a:pt x="721" y="141"/>
                </a:cubicBezTo>
                <a:cubicBezTo>
                  <a:pt x="722" y="141"/>
                  <a:pt x="722" y="141"/>
                  <a:pt x="722" y="140"/>
                </a:cubicBezTo>
                <a:close/>
                <a:moveTo>
                  <a:pt x="721" y="134"/>
                </a:moveTo>
                <a:cubicBezTo>
                  <a:pt x="720" y="134"/>
                  <a:pt x="719" y="134"/>
                  <a:pt x="719" y="134"/>
                </a:cubicBezTo>
                <a:cubicBezTo>
                  <a:pt x="723" y="138"/>
                  <a:pt x="724" y="137"/>
                  <a:pt x="721" y="134"/>
                </a:cubicBezTo>
                <a:close/>
                <a:moveTo>
                  <a:pt x="714" y="136"/>
                </a:moveTo>
                <a:cubicBezTo>
                  <a:pt x="715" y="135"/>
                  <a:pt x="715" y="135"/>
                  <a:pt x="714" y="134"/>
                </a:cubicBezTo>
                <a:cubicBezTo>
                  <a:pt x="713" y="133"/>
                  <a:pt x="712" y="134"/>
                  <a:pt x="714" y="136"/>
                </a:cubicBezTo>
                <a:close/>
                <a:moveTo>
                  <a:pt x="697" y="113"/>
                </a:moveTo>
                <a:cubicBezTo>
                  <a:pt x="698" y="114"/>
                  <a:pt x="698" y="113"/>
                  <a:pt x="697" y="113"/>
                </a:cubicBezTo>
                <a:cubicBezTo>
                  <a:pt x="696" y="113"/>
                  <a:pt x="694" y="110"/>
                  <a:pt x="693" y="110"/>
                </a:cubicBezTo>
                <a:cubicBezTo>
                  <a:pt x="695" y="112"/>
                  <a:pt x="698" y="116"/>
                  <a:pt x="700" y="117"/>
                </a:cubicBezTo>
                <a:cubicBezTo>
                  <a:pt x="699" y="116"/>
                  <a:pt x="696" y="113"/>
                  <a:pt x="697" y="113"/>
                </a:cubicBezTo>
                <a:close/>
                <a:moveTo>
                  <a:pt x="662" y="153"/>
                </a:moveTo>
                <a:cubicBezTo>
                  <a:pt x="663" y="154"/>
                  <a:pt x="665" y="156"/>
                  <a:pt x="666" y="156"/>
                </a:cubicBezTo>
                <a:cubicBezTo>
                  <a:pt x="665" y="155"/>
                  <a:pt x="663" y="152"/>
                  <a:pt x="662" y="153"/>
                </a:cubicBezTo>
                <a:close/>
                <a:moveTo>
                  <a:pt x="685" y="103"/>
                </a:moveTo>
                <a:cubicBezTo>
                  <a:pt x="687" y="104"/>
                  <a:pt x="686" y="104"/>
                  <a:pt x="687" y="105"/>
                </a:cubicBezTo>
                <a:cubicBezTo>
                  <a:pt x="688" y="106"/>
                  <a:pt x="689" y="106"/>
                  <a:pt x="689" y="106"/>
                </a:cubicBezTo>
                <a:cubicBezTo>
                  <a:pt x="688" y="105"/>
                  <a:pt x="687" y="103"/>
                  <a:pt x="685" y="103"/>
                </a:cubicBezTo>
                <a:close/>
                <a:moveTo>
                  <a:pt x="599" y="49"/>
                </a:moveTo>
                <a:cubicBezTo>
                  <a:pt x="600" y="50"/>
                  <a:pt x="603" y="51"/>
                  <a:pt x="603" y="50"/>
                </a:cubicBezTo>
                <a:cubicBezTo>
                  <a:pt x="600" y="49"/>
                  <a:pt x="601" y="50"/>
                  <a:pt x="599" y="49"/>
                </a:cubicBezTo>
                <a:close/>
                <a:moveTo>
                  <a:pt x="579" y="43"/>
                </a:moveTo>
                <a:cubicBezTo>
                  <a:pt x="579" y="42"/>
                  <a:pt x="584" y="44"/>
                  <a:pt x="581" y="43"/>
                </a:cubicBezTo>
                <a:cubicBezTo>
                  <a:pt x="581" y="43"/>
                  <a:pt x="576" y="41"/>
                  <a:pt x="579" y="43"/>
                </a:cubicBezTo>
                <a:close/>
                <a:moveTo>
                  <a:pt x="568" y="37"/>
                </a:moveTo>
                <a:cubicBezTo>
                  <a:pt x="568" y="36"/>
                  <a:pt x="570" y="37"/>
                  <a:pt x="571" y="38"/>
                </a:cubicBezTo>
                <a:cubicBezTo>
                  <a:pt x="573" y="38"/>
                  <a:pt x="568" y="36"/>
                  <a:pt x="567" y="36"/>
                </a:cubicBezTo>
                <a:cubicBezTo>
                  <a:pt x="570" y="37"/>
                  <a:pt x="565" y="36"/>
                  <a:pt x="568" y="37"/>
                </a:cubicBezTo>
                <a:close/>
                <a:moveTo>
                  <a:pt x="562" y="33"/>
                </a:moveTo>
                <a:cubicBezTo>
                  <a:pt x="563" y="34"/>
                  <a:pt x="563" y="33"/>
                  <a:pt x="565" y="33"/>
                </a:cubicBezTo>
                <a:cubicBezTo>
                  <a:pt x="567" y="35"/>
                  <a:pt x="567" y="35"/>
                  <a:pt x="567" y="35"/>
                </a:cubicBezTo>
                <a:cubicBezTo>
                  <a:pt x="570" y="35"/>
                  <a:pt x="558" y="30"/>
                  <a:pt x="562" y="33"/>
                </a:cubicBezTo>
                <a:close/>
                <a:moveTo>
                  <a:pt x="533" y="22"/>
                </a:moveTo>
                <a:cubicBezTo>
                  <a:pt x="531" y="22"/>
                  <a:pt x="527" y="19"/>
                  <a:pt x="523" y="19"/>
                </a:cubicBezTo>
                <a:cubicBezTo>
                  <a:pt x="524" y="20"/>
                  <a:pt x="519" y="18"/>
                  <a:pt x="519" y="19"/>
                </a:cubicBezTo>
                <a:cubicBezTo>
                  <a:pt x="522" y="20"/>
                  <a:pt x="520" y="20"/>
                  <a:pt x="524" y="21"/>
                </a:cubicBezTo>
                <a:cubicBezTo>
                  <a:pt x="522" y="19"/>
                  <a:pt x="526" y="20"/>
                  <a:pt x="528" y="20"/>
                </a:cubicBezTo>
                <a:cubicBezTo>
                  <a:pt x="529" y="21"/>
                  <a:pt x="532" y="22"/>
                  <a:pt x="535" y="23"/>
                </a:cubicBezTo>
                <a:cubicBezTo>
                  <a:pt x="534" y="23"/>
                  <a:pt x="535" y="22"/>
                  <a:pt x="533" y="22"/>
                </a:cubicBezTo>
                <a:close/>
                <a:moveTo>
                  <a:pt x="513" y="21"/>
                </a:moveTo>
                <a:cubicBezTo>
                  <a:pt x="515" y="21"/>
                  <a:pt x="520" y="24"/>
                  <a:pt x="520" y="23"/>
                </a:cubicBezTo>
                <a:cubicBezTo>
                  <a:pt x="516" y="22"/>
                  <a:pt x="514" y="21"/>
                  <a:pt x="513" y="21"/>
                </a:cubicBezTo>
                <a:close/>
                <a:moveTo>
                  <a:pt x="499" y="13"/>
                </a:moveTo>
                <a:cubicBezTo>
                  <a:pt x="501" y="14"/>
                  <a:pt x="499" y="14"/>
                  <a:pt x="502" y="15"/>
                </a:cubicBezTo>
                <a:cubicBezTo>
                  <a:pt x="501" y="14"/>
                  <a:pt x="504" y="14"/>
                  <a:pt x="502" y="14"/>
                </a:cubicBezTo>
                <a:cubicBezTo>
                  <a:pt x="502" y="14"/>
                  <a:pt x="499" y="13"/>
                  <a:pt x="499" y="13"/>
                </a:cubicBezTo>
                <a:close/>
                <a:moveTo>
                  <a:pt x="497" y="13"/>
                </a:moveTo>
                <a:cubicBezTo>
                  <a:pt x="502" y="15"/>
                  <a:pt x="497" y="14"/>
                  <a:pt x="497" y="15"/>
                </a:cubicBezTo>
                <a:cubicBezTo>
                  <a:pt x="499" y="15"/>
                  <a:pt x="500" y="16"/>
                  <a:pt x="501" y="16"/>
                </a:cubicBezTo>
                <a:cubicBezTo>
                  <a:pt x="500" y="15"/>
                  <a:pt x="499" y="13"/>
                  <a:pt x="497" y="13"/>
                </a:cubicBezTo>
                <a:close/>
                <a:moveTo>
                  <a:pt x="494" y="15"/>
                </a:moveTo>
                <a:cubicBezTo>
                  <a:pt x="494" y="14"/>
                  <a:pt x="496" y="15"/>
                  <a:pt x="496" y="14"/>
                </a:cubicBezTo>
                <a:cubicBezTo>
                  <a:pt x="492" y="13"/>
                  <a:pt x="493" y="14"/>
                  <a:pt x="494" y="15"/>
                </a:cubicBezTo>
                <a:close/>
                <a:moveTo>
                  <a:pt x="441" y="7"/>
                </a:moveTo>
                <a:cubicBezTo>
                  <a:pt x="441" y="7"/>
                  <a:pt x="443" y="7"/>
                  <a:pt x="445" y="7"/>
                </a:cubicBezTo>
                <a:cubicBezTo>
                  <a:pt x="444" y="7"/>
                  <a:pt x="445" y="7"/>
                  <a:pt x="444" y="7"/>
                </a:cubicBezTo>
                <a:cubicBezTo>
                  <a:pt x="444" y="7"/>
                  <a:pt x="439" y="7"/>
                  <a:pt x="441" y="7"/>
                </a:cubicBezTo>
                <a:close/>
                <a:moveTo>
                  <a:pt x="436" y="6"/>
                </a:moveTo>
                <a:cubicBezTo>
                  <a:pt x="433" y="6"/>
                  <a:pt x="434" y="5"/>
                  <a:pt x="431" y="6"/>
                </a:cubicBezTo>
                <a:cubicBezTo>
                  <a:pt x="431" y="6"/>
                  <a:pt x="433" y="6"/>
                  <a:pt x="432" y="7"/>
                </a:cubicBezTo>
                <a:cubicBezTo>
                  <a:pt x="434" y="7"/>
                  <a:pt x="436" y="8"/>
                  <a:pt x="437" y="7"/>
                </a:cubicBezTo>
                <a:cubicBezTo>
                  <a:pt x="432" y="7"/>
                  <a:pt x="433" y="6"/>
                  <a:pt x="436" y="6"/>
                </a:cubicBezTo>
                <a:close/>
                <a:moveTo>
                  <a:pt x="424" y="8"/>
                </a:moveTo>
                <a:cubicBezTo>
                  <a:pt x="420" y="7"/>
                  <a:pt x="426" y="6"/>
                  <a:pt x="421" y="7"/>
                </a:cubicBezTo>
                <a:cubicBezTo>
                  <a:pt x="423" y="7"/>
                  <a:pt x="420" y="8"/>
                  <a:pt x="424" y="8"/>
                </a:cubicBezTo>
                <a:close/>
                <a:moveTo>
                  <a:pt x="415" y="4"/>
                </a:moveTo>
                <a:cubicBezTo>
                  <a:pt x="415" y="4"/>
                  <a:pt x="414" y="4"/>
                  <a:pt x="413" y="4"/>
                </a:cubicBezTo>
                <a:cubicBezTo>
                  <a:pt x="415" y="4"/>
                  <a:pt x="417" y="5"/>
                  <a:pt x="420" y="5"/>
                </a:cubicBezTo>
                <a:cubicBezTo>
                  <a:pt x="420" y="4"/>
                  <a:pt x="417" y="4"/>
                  <a:pt x="415" y="4"/>
                </a:cubicBezTo>
                <a:close/>
                <a:moveTo>
                  <a:pt x="417" y="5"/>
                </a:moveTo>
                <a:cubicBezTo>
                  <a:pt x="417" y="6"/>
                  <a:pt x="414" y="6"/>
                  <a:pt x="412" y="5"/>
                </a:cubicBezTo>
                <a:cubicBezTo>
                  <a:pt x="412" y="6"/>
                  <a:pt x="415" y="6"/>
                  <a:pt x="416" y="7"/>
                </a:cubicBezTo>
                <a:cubicBezTo>
                  <a:pt x="416" y="7"/>
                  <a:pt x="417" y="7"/>
                  <a:pt x="418" y="7"/>
                </a:cubicBezTo>
                <a:cubicBezTo>
                  <a:pt x="413" y="6"/>
                  <a:pt x="418" y="6"/>
                  <a:pt x="419" y="6"/>
                </a:cubicBezTo>
                <a:cubicBezTo>
                  <a:pt x="419" y="6"/>
                  <a:pt x="419" y="5"/>
                  <a:pt x="417" y="5"/>
                </a:cubicBezTo>
                <a:close/>
                <a:moveTo>
                  <a:pt x="412" y="4"/>
                </a:moveTo>
                <a:cubicBezTo>
                  <a:pt x="409" y="4"/>
                  <a:pt x="409" y="5"/>
                  <a:pt x="410" y="5"/>
                </a:cubicBezTo>
                <a:cubicBezTo>
                  <a:pt x="409" y="4"/>
                  <a:pt x="414" y="5"/>
                  <a:pt x="413" y="5"/>
                </a:cubicBezTo>
                <a:cubicBezTo>
                  <a:pt x="410" y="4"/>
                  <a:pt x="413" y="4"/>
                  <a:pt x="412" y="4"/>
                </a:cubicBezTo>
                <a:close/>
                <a:moveTo>
                  <a:pt x="409" y="5"/>
                </a:moveTo>
                <a:cubicBezTo>
                  <a:pt x="405" y="5"/>
                  <a:pt x="405" y="5"/>
                  <a:pt x="405" y="5"/>
                </a:cubicBezTo>
                <a:cubicBezTo>
                  <a:pt x="404" y="6"/>
                  <a:pt x="408" y="6"/>
                  <a:pt x="407" y="7"/>
                </a:cubicBezTo>
                <a:cubicBezTo>
                  <a:pt x="409" y="7"/>
                  <a:pt x="409" y="7"/>
                  <a:pt x="412" y="8"/>
                </a:cubicBezTo>
                <a:cubicBezTo>
                  <a:pt x="411" y="7"/>
                  <a:pt x="404" y="6"/>
                  <a:pt x="409" y="5"/>
                </a:cubicBezTo>
                <a:close/>
                <a:moveTo>
                  <a:pt x="391" y="7"/>
                </a:moveTo>
                <a:cubicBezTo>
                  <a:pt x="393" y="7"/>
                  <a:pt x="395" y="7"/>
                  <a:pt x="397" y="7"/>
                </a:cubicBezTo>
                <a:cubicBezTo>
                  <a:pt x="397" y="7"/>
                  <a:pt x="397" y="7"/>
                  <a:pt x="397" y="7"/>
                </a:cubicBezTo>
                <a:cubicBezTo>
                  <a:pt x="395" y="7"/>
                  <a:pt x="393" y="7"/>
                  <a:pt x="391" y="7"/>
                </a:cubicBezTo>
                <a:close/>
                <a:moveTo>
                  <a:pt x="376" y="46"/>
                </a:moveTo>
                <a:cubicBezTo>
                  <a:pt x="376" y="47"/>
                  <a:pt x="379" y="47"/>
                  <a:pt x="380" y="47"/>
                </a:cubicBezTo>
                <a:cubicBezTo>
                  <a:pt x="378" y="47"/>
                  <a:pt x="378" y="46"/>
                  <a:pt x="376" y="46"/>
                </a:cubicBezTo>
                <a:close/>
                <a:moveTo>
                  <a:pt x="354" y="47"/>
                </a:moveTo>
                <a:cubicBezTo>
                  <a:pt x="353" y="48"/>
                  <a:pt x="359" y="47"/>
                  <a:pt x="359" y="47"/>
                </a:cubicBezTo>
                <a:cubicBezTo>
                  <a:pt x="357" y="47"/>
                  <a:pt x="357" y="46"/>
                  <a:pt x="354" y="47"/>
                </a:cubicBezTo>
                <a:close/>
                <a:moveTo>
                  <a:pt x="323" y="15"/>
                </a:moveTo>
                <a:cubicBezTo>
                  <a:pt x="323" y="16"/>
                  <a:pt x="322" y="16"/>
                  <a:pt x="324" y="16"/>
                </a:cubicBezTo>
                <a:cubicBezTo>
                  <a:pt x="326" y="16"/>
                  <a:pt x="326" y="15"/>
                  <a:pt x="323" y="15"/>
                </a:cubicBezTo>
                <a:close/>
                <a:moveTo>
                  <a:pt x="325" y="47"/>
                </a:moveTo>
                <a:cubicBezTo>
                  <a:pt x="324" y="48"/>
                  <a:pt x="328" y="47"/>
                  <a:pt x="329" y="46"/>
                </a:cubicBezTo>
                <a:cubicBezTo>
                  <a:pt x="327" y="47"/>
                  <a:pt x="327" y="46"/>
                  <a:pt x="325" y="47"/>
                </a:cubicBezTo>
                <a:close/>
                <a:moveTo>
                  <a:pt x="321" y="51"/>
                </a:moveTo>
                <a:cubicBezTo>
                  <a:pt x="324" y="50"/>
                  <a:pt x="323" y="50"/>
                  <a:pt x="321" y="51"/>
                </a:cubicBezTo>
                <a:cubicBezTo>
                  <a:pt x="323" y="51"/>
                  <a:pt x="325" y="50"/>
                  <a:pt x="327" y="50"/>
                </a:cubicBezTo>
                <a:cubicBezTo>
                  <a:pt x="328" y="50"/>
                  <a:pt x="328" y="49"/>
                  <a:pt x="328" y="49"/>
                </a:cubicBezTo>
                <a:cubicBezTo>
                  <a:pt x="325" y="50"/>
                  <a:pt x="321" y="49"/>
                  <a:pt x="321" y="51"/>
                </a:cubicBezTo>
                <a:close/>
                <a:moveTo>
                  <a:pt x="316" y="18"/>
                </a:moveTo>
                <a:cubicBezTo>
                  <a:pt x="319" y="17"/>
                  <a:pt x="317" y="18"/>
                  <a:pt x="320" y="18"/>
                </a:cubicBezTo>
                <a:cubicBezTo>
                  <a:pt x="319" y="17"/>
                  <a:pt x="321" y="17"/>
                  <a:pt x="321" y="16"/>
                </a:cubicBezTo>
                <a:cubicBezTo>
                  <a:pt x="318" y="17"/>
                  <a:pt x="319" y="17"/>
                  <a:pt x="317" y="17"/>
                </a:cubicBezTo>
                <a:cubicBezTo>
                  <a:pt x="317" y="17"/>
                  <a:pt x="317" y="17"/>
                  <a:pt x="316" y="18"/>
                </a:cubicBezTo>
                <a:close/>
                <a:moveTo>
                  <a:pt x="311" y="35"/>
                </a:moveTo>
                <a:cubicBezTo>
                  <a:pt x="312" y="34"/>
                  <a:pt x="316" y="34"/>
                  <a:pt x="315" y="34"/>
                </a:cubicBezTo>
                <a:cubicBezTo>
                  <a:pt x="314" y="34"/>
                  <a:pt x="308" y="35"/>
                  <a:pt x="311" y="35"/>
                </a:cubicBezTo>
                <a:close/>
                <a:moveTo>
                  <a:pt x="314" y="49"/>
                </a:moveTo>
                <a:cubicBezTo>
                  <a:pt x="314" y="50"/>
                  <a:pt x="318" y="49"/>
                  <a:pt x="318" y="49"/>
                </a:cubicBezTo>
                <a:lnTo>
                  <a:pt x="314" y="49"/>
                </a:lnTo>
                <a:close/>
                <a:moveTo>
                  <a:pt x="308" y="47"/>
                </a:moveTo>
                <a:cubicBezTo>
                  <a:pt x="308" y="48"/>
                  <a:pt x="314" y="46"/>
                  <a:pt x="315" y="46"/>
                </a:cubicBezTo>
                <a:cubicBezTo>
                  <a:pt x="315" y="46"/>
                  <a:pt x="315" y="45"/>
                  <a:pt x="316" y="45"/>
                </a:cubicBezTo>
                <a:cubicBezTo>
                  <a:pt x="313" y="46"/>
                  <a:pt x="309" y="47"/>
                  <a:pt x="308" y="47"/>
                </a:cubicBezTo>
                <a:close/>
                <a:moveTo>
                  <a:pt x="302" y="21"/>
                </a:moveTo>
                <a:cubicBezTo>
                  <a:pt x="305" y="21"/>
                  <a:pt x="305" y="20"/>
                  <a:pt x="306" y="20"/>
                </a:cubicBezTo>
                <a:cubicBezTo>
                  <a:pt x="306" y="19"/>
                  <a:pt x="307" y="19"/>
                  <a:pt x="307" y="19"/>
                </a:cubicBezTo>
                <a:cubicBezTo>
                  <a:pt x="304" y="20"/>
                  <a:pt x="303" y="20"/>
                  <a:pt x="302" y="21"/>
                </a:cubicBezTo>
                <a:close/>
                <a:moveTo>
                  <a:pt x="314" y="52"/>
                </a:moveTo>
                <a:cubicBezTo>
                  <a:pt x="313" y="52"/>
                  <a:pt x="311" y="53"/>
                  <a:pt x="311" y="53"/>
                </a:cubicBezTo>
                <a:cubicBezTo>
                  <a:pt x="314" y="52"/>
                  <a:pt x="313" y="53"/>
                  <a:pt x="315" y="52"/>
                </a:cubicBezTo>
                <a:cubicBezTo>
                  <a:pt x="315" y="52"/>
                  <a:pt x="315" y="52"/>
                  <a:pt x="314" y="52"/>
                </a:cubicBezTo>
                <a:close/>
                <a:moveTo>
                  <a:pt x="309" y="42"/>
                </a:moveTo>
                <a:cubicBezTo>
                  <a:pt x="307" y="43"/>
                  <a:pt x="305" y="43"/>
                  <a:pt x="304" y="44"/>
                </a:cubicBezTo>
                <a:cubicBezTo>
                  <a:pt x="306" y="44"/>
                  <a:pt x="309" y="43"/>
                  <a:pt x="310" y="42"/>
                </a:cubicBezTo>
                <a:cubicBezTo>
                  <a:pt x="310" y="42"/>
                  <a:pt x="310" y="41"/>
                  <a:pt x="309" y="41"/>
                </a:cubicBezTo>
                <a:lnTo>
                  <a:pt x="309" y="42"/>
                </a:lnTo>
                <a:close/>
                <a:moveTo>
                  <a:pt x="306" y="49"/>
                </a:moveTo>
                <a:cubicBezTo>
                  <a:pt x="308" y="49"/>
                  <a:pt x="309" y="49"/>
                  <a:pt x="310" y="49"/>
                </a:cubicBezTo>
                <a:cubicBezTo>
                  <a:pt x="310" y="48"/>
                  <a:pt x="310" y="48"/>
                  <a:pt x="311" y="48"/>
                </a:cubicBezTo>
                <a:cubicBezTo>
                  <a:pt x="311" y="48"/>
                  <a:pt x="311" y="48"/>
                  <a:pt x="311" y="48"/>
                </a:cubicBezTo>
                <a:cubicBezTo>
                  <a:pt x="308" y="49"/>
                  <a:pt x="307" y="48"/>
                  <a:pt x="306" y="49"/>
                </a:cubicBezTo>
                <a:close/>
                <a:moveTo>
                  <a:pt x="306" y="51"/>
                </a:moveTo>
                <a:cubicBezTo>
                  <a:pt x="307" y="51"/>
                  <a:pt x="308" y="50"/>
                  <a:pt x="309" y="50"/>
                </a:cubicBezTo>
                <a:cubicBezTo>
                  <a:pt x="310" y="50"/>
                  <a:pt x="310" y="50"/>
                  <a:pt x="310" y="50"/>
                </a:cubicBezTo>
                <a:cubicBezTo>
                  <a:pt x="310" y="50"/>
                  <a:pt x="310" y="50"/>
                  <a:pt x="310" y="50"/>
                </a:cubicBezTo>
                <a:cubicBezTo>
                  <a:pt x="307" y="50"/>
                  <a:pt x="304" y="51"/>
                  <a:pt x="306" y="51"/>
                </a:cubicBezTo>
                <a:close/>
                <a:moveTo>
                  <a:pt x="307" y="53"/>
                </a:moveTo>
                <a:cubicBezTo>
                  <a:pt x="309" y="53"/>
                  <a:pt x="306" y="54"/>
                  <a:pt x="306" y="54"/>
                </a:cubicBezTo>
                <a:cubicBezTo>
                  <a:pt x="309" y="54"/>
                  <a:pt x="310" y="53"/>
                  <a:pt x="311" y="52"/>
                </a:cubicBezTo>
                <a:cubicBezTo>
                  <a:pt x="310" y="52"/>
                  <a:pt x="308" y="53"/>
                  <a:pt x="307" y="53"/>
                </a:cubicBezTo>
                <a:close/>
                <a:moveTo>
                  <a:pt x="308" y="54"/>
                </a:moveTo>
                <a:cubicBezTo>
                  <a:pt x="305" y="55"/>
                  <a:pt x="306" y="55"/>
                  <a:pt x="305" y="56"/>
                </a:cubicBezTo>
                <a:cubicBezTo>
                  <a:pt x="308" y="55"/>
                  <a:pt x="309" y="56"/>
                  <a:pt x="310" y="55"/>
                </a:cubicBezTo>
                <a:cubicBezTo>
                  <a:pt x="308" y="55"/>
                  <a:pt x="308" y="55"/>
                  <a:pt x="308" y="54"/>
                </a:cubicBezTo>
                <a:close/>
                <a:moveTo>
                  <a:pt x="302" y="38"/>
                </a:moveTo>
                <a:cubicBezTo>
                  <a:pt x="300" y="39"/>
                  <a:pt x="300" y="39"/>
                  <a:pt x="300" y="40"/>
                </a:cubicBezTo>
                <a:cubicBezTo>
                  <a:pt x="303" y="39"/>
                  <a:pt x="303" y="39"/>
                  <a:pt x="302" y="38"/>
                </a:cubicBezTo>
                <a:close/>
                <a:moveTo>
                  <a:pt x="301" y="46"/>
                </a:moveTo>
                <a:cubicBezTo>
                  <a:pt x="300" y="47"/>
                  <a:pt x="300" y="47"/>
                  <a:pt x="299" y="47"/>
                </a:cubicBezTo>
                <a:cubicBezTo>
                  <a:pt x="299" y="47"/>
                  <a:pt x="297" y="48"/>
                  <a:pt x="299" y="48"/>
                </a:cubicBezTo>
                <a:cubicBezTo>
                  <a:pt x="300" y="47"/>
                  <a:pt x="305" y="45"/>
                  <a:pt x="302" y="46"/>
                </a:cubicBezTo>
                <a:cubicBezTo>
                  <a:pt x="302" y="46"/>
                  <a:pt x="301" y="46"/>
                  <a:pt x="301" y="46"/>
                </a:cubicBezTo>
                <a:close/>
                <a:moveTo>
                  <a:pt x="300" y="51"/>
                </a:moveTo>
                <a:cubicBezTo>
                  <a:pt x="300" y="51"/>
                  <a:pt x="303" y="50"/>
                  <a:pt x="303" y="50"/>
                </a:cubicBezTo>
                <a:cubicBezTo>
                  <a:pt x="301" y="50"/>
                  <a:pt x="297" y="52"/>
                  <a:pt x="300" y="51"/>
                </a:cubicBezTo>
                <a:close/>
                <a:moveTo>
                  <a:pt x="296" y="41"/>
                </a:moveTo>
                <a:cubicBezTo>
                  <a:pt x="296" y="40"/>
                  <a:pt x="297" y="40"/>
                  <a:pt x="297" y="40"/>
                </a:cubicBezTo>
                <a:cubicBezTo>
                  <a:pt x="294" y="40"/>
                  <a:pt x="293" y="42"/>
                  <a:pt x="296" y="41"/>
                </a:cubicBezTo>
                <a:close/>
                <a:moveTo>
                  <a:pt x="295" y="49"/>
                </a:moveTo>
                <a:cubicBezTo>
                  <a:pt x="293" y="50"/>
                  <a:pt x="294" y="51"/>
                  <a:pt x="297" y="51"/>
                </a:cubicBezTo>
                <a:cubicBezTo>
                  <a:pt x="298" y="50"/>
                  <a:pt x="294" y="50"/>
                  <a:pt x="297" y="49"/>
                </a:cubicBezTo>
                <a:cubicBezTo>
                  <a:pt x="296" y="49"/>
                  <a:pt x="296" y="49"/>
                  <a:pt x="295" y="49"/>
                </a:cubicBezTo>
                <a:close/>
                <a:moveTo>
                  <a:pt x="296" y="54"/>
                </a:moveTo>
                <a:cubicBezTo>
                  <a:pt x="296" y="55"/>
                  <a:pt x="294" y="55"/>
                  <a:pt x="294" y="55"/>
                </a:cubicBezTo>
                <a:cubicBezTo>
                  <a:pt x="294" y="56"/>
                  <a:pt x="294" y="56"/>
                  <a:pt x="295" y="57"/>
                </a:cubicBezTo>
                <a:cubicBezTo>
                  <a:pt x="293" y="57"/>
                  <a:pt x="293" y="57"/>
                  <a:pt x="293" y="57"/>
                </a:cubicBezTo>
                <a:cubicBezTo>
                  <a:pt x="293" y="58"/>
                  <a:pt x="293" y="58"/>
                  <a:pt x="292" y="58"/>
                </a:cubicBezTo>
                <a:cubicBezTo>
                  <a:pt x="294" y="58"/>
                  <a:pt x="294" y="58"/>
                  <a:pt x="295" y="58"/>
                </a:cubicBezTo>
                <a:cubicBezTo>
                  <a:pt x="293" y="58"/>
                  <a:pt x="293" y="57"/>
                  <a:pt x="297" y="57"/>
                </a:cubicBezTo>
                <a:cubicBezTo>
                  <a:pt x="297" y="56"/>
                  <a:pt x="295" y="56"/>
                  <a:pt x="295" y="56"/>
                </a:cubicBezTo>
                <a:cubicBezTo>
                  <a:pt x="295" y="55"/>
                  <a:pt x="299" y="54"/>
                  <a:pt x="298" y="54"/>
                </a:cubicBezTo>
                <a:cubicBezTo>
                  <a:pt x="297" y="55"/>
                  <a:pt x="297" y="54"/>
                  <a:pt x="296" y="54"/>
                </a:cubicBezTo>
                <a:close/>
                <a:moveTo>
                  <a:pt x="286" y="51"/>
                </a:moveTo>
                <a:cubicBezTo>
                  <a:pt x="286" y="52"/>
                  <a:pt x="282" y="52"/>
                  <a:pt x="282" y="53"/>
                </a:cubicBezTo>
                <a:cubicBezTo>
                  <a:pt x="285" y="52"/>
                  <a:pt x="292" y="51"/>
                  <a:pt x="293" y="49"/>
                </a:cubicBezTo>
                <a:cubicBezTo>
                  <a:pt x="289" y="50"/>
                  <a:pt x="289" y="51"/>
                  <a:pt x="286" y="51"/>
                </a:cubicBezTo>
                <a:close/>
                <a:moveTo>
                  <a:pt x="287" y="58"/>
                </a:moveTo>
                <a:cubicBezTo>
                  <a:pt x="291" y="56"/>
                  <a:pt x="292" y="55"/>
                  <a:pt x="293" y="54"/>
                </a:cubicBezTo>
                <a:cubicBezTo>
                  <a:pt x="288" y="56"/>
                  <a:pt x="290" y="56"/>
                  <a:pt x="287" y="58"/>
                </a:cubicBezTo>
                <a:close/>
                <a:moveTo>
                  <a:pt x="286" y="51"/>
                </a:moveTo>
                <a:cubicBezTo>
                  <a:pt x="288" y="50"/>
                  <a:pt x="291" y="49"/>
                  <a:pt x="291" y="48"/>
                </a:cubicBezTo>
                <a:cubicBezTo>
                  <a:pt x="289" y="49"/>
                  <a:pt x="285" y="51"/>
                  <a:pt x="286" y="51"/>
                </a:cubicBezTo>
                <a:close/>
                <a:moveTo>
                  <a:pt x="288" y="60"/>
                </a:moveTo>
                <a:cubicBezTo>
                  <a:pt x="289" y="60"/>
                  <a:pt x="294" y="59"/>
                  <a:pt x="294" y="59"/>
                </a:cubicBezTo>
                <a:cubicBezTo>
                  <a:pt x="293" y="59"/>
                  <a:pt x="289" y="59"/>
                  <a:pt x="288" y="60"/>
                </a:cubicBezTo>
                <a:close/>
                <a:moveTo>
                  <a:pt x="283" y="27"/>
                </a:moveTo>
                <a:cubicBezTo>
                  <a:pt x="276" y="29"/>
                  <a:pt x="276" y="29"/>
                  <a:pt x="276" y="29"/>
                </a:cubicBezTo>
                <a:cubicBezTo>
                  <a:pt x="277" y="30"/>
                  <a:pt x="274" y="30"/>
                  <a:pt x="274" y="31"/>
                </a:cubicBezTo>
                <a:cubicBezTo>
                  <a:pt x="278" y="29"/>
                  <a:pt x="276" y="29"/>
                  <a:pt x="281" y="28"/>
                </a:cubicBezTo>
                <a:cubicBezTo>
                  <a:pt x="281" y="28"/>
                  <a:pt x="279" y="29"/>
                  <a:pt x="280" y="29"/>
                </a:cubicBezTo>
                <a:cubicBezTo>
                  <a:pt x="282" y="28"/>
                  <a:pt x="282" y="29"/>
                  <a:pt x="284" y="28"/>
                </a:cubicBezTo>
                <a:cubicBezTo>
                  <a:pt x="285" y="27"/>
                  <a:pt x="281" y="28"/>
                  <a:pt x="283" y="27"/>
                </a:cubicBezTo>
                <a:close/>
                <a:moveTo>
                  <a:pt x="291" y="52"/>
                </a:moveTo>
                <a:cubicBezTo>
                  <a:pt x="291" y="51"/>
                  <a:pt x="289" y="52"/>
                  <a:pt x="291" y="51"/>
                </a:cubicBezTo>
                <a:cubicBezTo>
                  <a:pt x="285" y="53"/>
                  <a:pt x="289" y="53"/>
                  <a:pt x="291" y="52"/>
                </a:cubicBezTo>
                <a:close/>
                <a:moveTo>
                  <a:pt x="282" y="46"/>
                </a:moveTo>
                <a:cubicBezTo>
                  <a:pt x="282" y="46"/>
                  <a:pt x="281" y="46"/>
                  <a:pt x="281" y="47"/>
                </a:cubicBezTo>
                <a:cubicBezTo>
                  <a:pt x="283" y="46"/>
                  <a:pt x="285" y="46"/>
                  <a:pt x="286" y="45"/>
                </a:cubicBezTo>
                <a:cubicBezTo>
                  <a:pt x="284" y="45"/>
                  <a:pt x="284" y="45"/>
                  <a:pt x="282" y="46"/>
                </a:cubicBezTo>
                <a:close/>
                <a:moveTo>
                  <a:pt x="275" y="46"/>
                </a:moveTo>
                <a:cubicBezTo>
                  <a:pt x="277" y="46"/>
                  <a:pt x="280" y="44"/>
                  <a:pt x="281" y="44"/>
                </a:cubicBezTo>
                <a:cubicBezTo>
                  <a:pt x="282" y="44"/>
                  <a:pt x="286" y="42"/>
                  <a:pt x="284" y="42"/>
                </a:cubicBezTo>
                <a:cubicBezTo>
                  <a:pt x="283" y="43"/>
                  <a:pt x="276" y="45"/>
                  <a:pt x="275" y="46"/>
                </a:cubicBezTo>
                <a:close/>
                <a:moveTo>
                  <a:pt x="284" y="57"/>
                </a:moveTo>
                <a:cubicBezTo>
                  <a:pt x="285" y="56"/>
                  <a:pt x="283" y="55"/>
                  <a:pt x="287" y="54"/>
                </a:cubicBezTo>
                <a:cubicBezTo>
                  <a:pt x="288" y="53"/>
                  <a:pt x="286" y="54"/>
                  <a:pt x="285" y="54"/>
                </a:cubicBezTo>
                <a:cubicBezTo>
                  <a:pt x="284" y="55"/>
                  <a:pt x="285" y="55"/>
                  <a:pt x="283" y="56"/>
                </a:cubicBezTo>
                <a:cubicBezTo>
                  <a:pt x="282" y="56"/>
                  <a:pt x="285" y="56"/>
                  <a:pt x="281" y="57"/>
                </a:cubicBezTo>
                <a:cubicBezTo>
                  <a:pt x="281" y="58"/>
                  <a:pt x="283" y="57"/>
                  <a:pt x="284" y="57"/>
                </a:cubicBezTo>
                <a:cubicBezTo>
                  <a:pt x="283" y="57"/>
                  <a:pt x="283" y="57"/>
                  <a:pt x="284" y="57"/>
                </a:cubicBezTo>
                <a:close/>
                <a:moveTo>
                  <a:pt x="279" y="43"/>
                </a:moveTo>
                <a:cubicBezTo>
                  <a:pt x="279" y="43"/>
                  <a:pt x="279" y="43"/>
                  <a:pt x="280" y="43"/>
                </a:cubicBezTo>
                <a:cubicBezTo>
                  <a:pt x="280" y="43"/>
                  <a:pt x="283" y="42"/>
                  <a:pt x="283" y="42"/>
                </a:cubicBezTo>
                <a:cubicBezTo>
                  <a:pt x="281" y="42"/>
                  <a:pt x="281" y="42"/>
                  <a:pt x="279" y="43"/>
                </a:cubicBezTo>
                <a:close/>
                <a:moveTo>
                  <a:pt x="273" y="49"/>
                </a:moveTo>
                <a:cubicBezTo>
                  <a:pt x="277" y="47"/>
                  <a:pt x="276" y="49"/>
                  <a:pt x="277" y="48"/>
                </a:cubicBezTo>
                <a:cubicBezTo>
                  <a:pt x="278" y="48"/>
                  <a:pt x="278" y="48"/>
                  <a:pt x="278" y="47"/>
                </a:cubicBezTo>
                <a:cubicBezTo>
                  <a:pt x="276" y="48"/>
                  <a:pt x="274" y="48"/>
                  <a:pt x="273" y="49"/>
                </a:cubicBezTo>
                <a:close/>
                <a:moveTo>
                  <a:pt x="274" y="62"/>
                </a:moveTo>
                <a:cubicBezTo>
                  <a:pt x="273" y="62"/>
                  <a:pt x="272" y="63"/>
                  <a:pt x="272" y="63"/>
                </a:cubicBezTo>
                <a:cubicBezTo>
                  <a:pt x="273" y="62"/>
                  <a:pt x="274" y="63"/>
                  <a:pt x="275" y="62"/>
                </a:cubicBezTo>
                <a:cubicBezTo>
                  <a:pt x="274" y="62"/>
                  <a:pt x="281" y="60"/>
                  <a:pt x="282" y="59"/>
                </a:cubicBezTo>
                <a:cubicBezTo>
                  <a:pt x="281" y="60"/>
                  <a:pt x="280" y="60"/>
                  <a:pt x="280" y="60"/>
                </a:cubicBezTo>
                <a:cubicBezTo>
                  <a:pt x="279" y="60"/>
                  <a:pt x="280" y="59"/>
                  <a:pt x="278" y="59"/>
                </a:cubicBezTo>
                <a:cubicBezTo>
                  <a:pt x="279" y="60"/>
                  <a:pt x="277" y="60"/>
                  <a:pt x="275" y="61"/>
                </a:cubicBezTo>
                <a:cubicBezTo>
                  <a:pt x="276" y="61"/>
                  <a:pt x="275" y="61"/>
                  <a:pt x="274" y="62"/>
                </a:cubicBezTo>
                <a:close/>
                <a:moveTo>
                  <a:pt x="270" y="48"/>
                </a:moveTo>
                <a:cubicBezTo>
                  <a:pt x="270" y="49"/>
                  <a:pt x="273" y="48"/>
                  <a:pt x="276" y="47"/>
                </a:cubicBezTo>
                <a:cubicBezTo>
                  <a:pt x="273" y="47"/>
                  <a:pt x="273" y="46"/>
                  <a:pt x="271" y="47"/>
                </a:cubicBezTo>
                <a:cubicBezTo>
                  <a:pt x="272" y="47"/>
                  <a:pt x="274" y="47"/>
                  <a:pt x="270" y="48"/>
                </a:cubicBezTo>
                <a:close/>
                <a:moveTo>
                  <a:pt x="276" y="60"/>
                </a:moveTo>
                <a:cubicBezTo>
                  <a:pt x="276" y="60"/>
                  <a:pt x="277" y="59"/>
                  <a:pt x="276" y="59"/>
                </a:cubicBezTo>
                <a:cubicBezTo>
                  <a:pt x="270" y="61"/>
                  <a:pt x="269" y="62"/>
                  <a:pt x="276" y="60"/>
                </a:cubicBezTo>
                <a:close/>
                <a:moveTo>
                  <a:pt x="264" y="34"/>
                </a:moveTo>
                <a:cubicBezTo>
                  <a:pt x="262" y="34"/>
                  <a:pt x="261" y="35"/>
                  <a:pt x="261" y="35"/>
                </a:cubicBezTo>
                <a:cubicBezTo>
                  <a:pt x="263" y="35"/>
                  <a:pt x="265" y="34"/>
                  <a:pt x="265" y="34"/>
                </a:cubicBezTo>
                <a:cubicBezTo>
                  <a:pt x="264" y="34"/>
                  <a:pt x="264" y="34"/>
                  <a:pt x="264" y="34"/>
                </a:cubicBezTo>
                <a:close/>
                <a:moveTo>
                  <a:pt x="248" y="40"/>
                </a:moveTo>
                <a:cubicBezTo>
                  <a:pt x="250" y="40"/>
                  <a:pt x="247" y="41"/>
                  <a:pt x="248" y="41"/>
                </a:cubicBezTo>
                <a:cubicBezTo>
                  <a:pt x="251" y="40"/>
                  <a:pt x="250" y="40"/>
                  <a:pt x="252" y="39"/>
                </a:cubicBezTo>
                <a:cubicBezTo>
                  <a:pt x="252" y="39"/>
                  <a:pt x="252" y="40"/>
                  <a:pt x="253" y="39"/>
                </a:cubicBezTo>
                <a:cubicBezTo>
                  <a:pt x="254" y="39"/>
                  <a:pt x="253" y="39"/>
                  <a:pt x="254" y="38"/>
                </a:cubicBezTo>
                <a:cubicBezTo>
                  <a:pt x="257" y="37"/>
                  <a:pt x="256" y="38"/>
                  <a:pt x="259" y="36"/>
                </a:cubicBezTo>
                <a:cubicBezTo>
                  <a:pt x="260" y="36"/>
                  <a:pt x="260" y="36"/>
                  <a:pt x="260" y="35"/>
                </a:cubicBezTo>
                <a:cubicBezTo>
                  <a:pt x="258" y="36"/>
                  <a:pt x="258" y="36"/>
                  <a:pt x="256" y="36"/>
                </a:cubicBezTo>
                <a:cubicBezTo>
                  <a:pt x="258" y="36"/>
                  <a:pt x="253" y="38"/>
                  <a:pt x="254" y="37"/>
                </a:cubicBezTo>
                <a:cubicBezTo>
                  <a:pt x="251" y="38"/>
                  <a:pt x="252" y="39"/>
                  <a:pt x="250" y="40"/>
                </a:cubicBezTo>
                <a:cubicBezTo>
                  <a:pt x="250" y="39"/>
                  <a:pt x="251" y="39"/>
                  <a:pt x="250" y="39"/>
                </a:cubicBezTo>
                <a:cubicBezTo>
                  <a:pt x="245" y="41"/>
                  <a:pt x="242" y="42"/>
                  <a:pt x="238" y="44"/>
                </a:cubicBezTo>
                <a:cubicBezTo>
                  <a:pt x="237" y="45"/>
                  <a:pt x="241" y="44"/>
                  <a:pt x="239" y="45"/>
                </a:cubicBezTo>
                <a:cubicBezTo>
                  <a:pt x="235" y="46"/>
                  <a:pt x="238" y="43"/>
                  <a:pt x="235" y="45"/>
                </a:cubicBezTo>
                <a:cubicBezTo>
                  <a:pt x="236" y="45"/>
                  <a:pt x="236" y="46"/>
                  <a:pt x="238" y="45"/>
                </a:cubicBezTo>
                <a:cubicBezTo>
                  <a:pt x="239" y="44"/>
                  <a:pt x="241" y="44"/>
                  <a:pt x="242" y="44"/>
                </a:cubicBezTo>
                <a:cubicBezTo>
                  <a:pt x="243" y="43"/>
                  <a:pt x="241" y="44"/>
                  <a:pt x="242" y="43"/>
                </a:cubicBezTo>
                <a:cubicBezTo>
                  <a:pt x="245" y="42"/>
                  <a:pt x="246" y="41"/>
                  <a:pt x="248" y="40"/>
                </a:cubicBezTo>
                <a:close/>
                <a:moveTo>
                  <a:pt x="253" y="56"/>
                </a:moveTo>
                <a:cubicBezTo>
                  <a:pt x="253" y="57"/>
                  <a:pt x="253" y="57"/>
                  <a:pt x="254" y="57"/>
                </a:cubicBezTo>
                <a:cubicBezTo>
                  <a:pt x="257" y="55"/>
                  <a:pt x="256" y="56"/>
                  <a:pt x="258" y="55"/>
                </a:cubicBezTo>
                <a:cubicBezTo>
                  <a:pt x="258" y="55"/>
                  <a:pt x="263" y="53"/>
                  <a:pt x="264" y="52"/>
                </a:cubicBezTo>
                <a:cubicBezTo>
                  <a:pt x="260" y="53"/>
                  <a:pt x="255" y="56"/>
                  <a:pt x="253" y="56"/>
                </a:cubicBezTo>
                <a:close/>
                <a:moveTo>
                  <a:pt x="264" y="64"/>
                </a:moveTo>
                <a:cubicBezTo>
                  <a:pt x="267" y="64"/>
                  <a:pt x="264" y="65"/>
                  <a:pt x="263" y="65"/>
                </a:cubicBezTo>
                <a:cubicBezTo>
                  <a:pt x="263" y="66"/>
                  <a:pt x="263" y="66"/>
                  <a:pt x="264" y="66"/>
                </a:cubicBezTo>
                <a:cubicBezTo>
                  <a:pt x="264" y="65"/>
                  <a:pt x="265" y="66"/>
                  <a:pt x="267" y="65"/>
                </a:cubicBezTo>
                <a:cubicBezTo>
                  <a:pt x="268" y="64"/>
                  <a:pt x="268" y="64"/>
                  <a:pt x="268" y="63"/>
                </a:cubicBezTo>
                <a:cubicBezTo>
                  <a:pt x="267" y="64"/>
                  <a:pt x="265" y="63"/>
                  <a:pt x="264" y="64"/>
                </a:cubicBezTo>
                <a:close/>
                <a:moveTo>
                  <a:pt x="261" y="65"/>
                </a:moveTo>
                <a:cubicBezTo>
                  <a:pt x="261" y="65"/>
                  <a:pt x="261" y="65"/>
                  <a:pt x="261" y="65"/>
                </a:cubicBezTo>
                <a:cubicBezTo>
                  <a:pt x="263" y="65"/>
                  <a:pt x="266" y="63"/>
                  <a:pt x="264" y="63"/>
                </a:cubicBezTo>
                <a:cubicBezTo>
                  <a:pt x="264" y="64"/>
                  <a:pt x="263" y="64"/>
                  <a:pt x="261" y="65"/>
                </a:cubicBezTo>
                <a:close/>
                <a:moveTo>
                  <a:pt x="253" y="68"/>
                </a:moveTo>
                <a:cubicBezTo>
                  <a:pt x="255" y="68"/>
                  <a:pt x="258" y="67"/>
                  <a:pt x="259" y="67"/>
                </a:cubicBezTo>
                <a:cubicBezTo>
                  <a:pt x="258" y="67"/>
                  <a:pt x="261" y="66"/>
                  <a:pt x="260" y="66"/>
                </a:cubicBezTo>
                <a:cubicBezTo>
                  <a:pt x="257" y="67"/>
                  <a:pt x="256" y="67"/>
                  <a:pt x="253" y="68"/>
                </a:cubicBezTo>
                <a:close/>
                <a:moveTo>
                  <a:pt x="256" y="64"/>
                </a:moveTo>
                <a:cubicBezTo>
                  <a:pt x="258" y="64"/>
                  <a:pt x="255" y="65"/>
                  <a:pt x="257" y="65"/>
                </a:cubicBezTo>
                <a:cubicBezTo>
                  <a:pt x="258" y="64"/>
                  <a:pt x="257" y="64"/>
                  <a:pt x="258" y="63"/>
                </a:cubicBezTo>
                <a:lnTo>
                  <a:pt x="256" y="64"/>
                </a:lnTo>
                <a:close/>
                <a:moveTo>
                  <a:pt x="249" y="75"/>
                </a:moveTo>
                <a:cubicBezTo>
                  <a:pt x="249" y="75"/>
                  <a:pt x="249" y="75"/>
                  <a:pt x="248" y="75"/>
                </a:cubicBezTo>
                <a:cubicBezTo>
                  <a:pt x="247" y="75"/>
                  <a:pt x="250" y="73"/>
                  <a:pt x="247" y="74"/>
                </a:cubicBezTo>
                <a:cubicBezTo>
                  <a:pt x="250" y="74"/>
                  <a:pt x="243" y="77"/>
                  <a:pt x="246" y="77"/>
                </a:cubicBezTo>
                <a:cubicBezTo>
                  <a:pt x="246" y="77"/>
                  <a:pt x="247" y="76"/>
                  <a:pt x="247" y="76"/>
                </a:cubicBezTo>
                <a:cubicBezTo>
                  <a:pt x="246" y="77"/>
                  <a:pt x="246" y="77"/>
                  <a:pt x="247" y="77"/>
                </a:cubicBezTo>
                <a:cubicBezTo>
                  <a:pt x="249" y="75"/>
                  <a:pt x="255" y="74"/>
                  <a:pt x="257" y="72"/>
                </a:cubicBezTo>
                <a:cubicBezTo>
                  <a:pt x="255" y="72"/>
                  <a:pt x="252" y="74"/>
                  <a:pt x="249" y="75"/>
                </a:cubicBezTo>
                <a:close/>
                <a:moveTo>
                  <a:pt x="248" y="62"/>
                </a:moveTo>
                <a:cubicBezTo>
                  <a:pt x="250" y="61"/>
                  <a:pt x="251" y="61"/>
                  <a:pt x="251" y="60"/>
                </a:cubicBezTo>
                <a:cubicBezTo>
                  <a:pt x="249" y="61"/>
                  <a:pt x="248" y="62"/>
                  <a:pt x="248" y="62"/>
                </a:cubicBezTo>
                <a:close/>
                <a:moveTo>
                  <a:pt x="246" y="67"/>
                </a:moveTo>
                <a:cubicBezTo>
                  <a:pt x="243" y="68"/>
                  <a:pt x="245" y="69"/>
                  <a:pt x="248" y="68"/>
                </a:cubicBezTo>
                <a:cubicBezTo>
                  <a:pt x="248" y="67"/>
                  <a:pt x="246" y="68"/>
                  <a:pt x="246" y="67"/>
                </a:cubicBezTo>
                <a:close/>
                <a:moveTo>
                  <a:pt x="244" y="65"/>
                </a:moveTo>
                <a:cubicBezTo>
                  <a:pt x="243" y="65"/>
                  <a:pt x="245" y="64"/>
                  <a:pt x="245" y="63"/>
                </a:cubicBezTo>
                <a:cubicBezTo>
                  <a:pt x="242" y="64"/>
                  <a:pt x="242" y="66"/>
                  <a:pt x="244" y="65"/>
                </a:cubicBezTo>
                <a:close/>
                <a:moveTo>
                  <a:pt x="241" y="72"/>
                </a:moveTo>
                <a:cubicBezTo>
                  <a:pt x="241" y="72"/>
                  <a:pt x="241" y="71"/>
                  <a:pt x="240" y="71"/>
                </a:cubicBezTo>
                <a:cubicBezTo>
                  <a:pt x="240" y="72"/>
                  <a:pt x="239" y="72"/>
                  <a:pt x="239" y="72"/>
                </a:cubicBezTo>
                <a:cubicBezTo>
                  <a:pt x="239" y="72"/>
                  <a:pt x="238" y="73"/>
                  <a:pt x="238" y="73"/>
                </a:cubicBezTo>
                <a:cubicBezTo>
                  <a:pt x="242" y="71"/>
                  <a:pt x="237" y="74"/>
                  <a:pt x="239" y="74"/>
                </a:cubicBezTo>
                <a:cubicBezTo>
                  <a:pt x="243" y="71"/>
                  <a:pt x="246" y="72"/>
                  <a:pt x="248" y="70"/>
                </a:cubicBezTo>
                <a:cubicBezTo>
                  <a:pt x="245" y="70"/>
                  <a:pt x="241" y="73"/>
                  <a:pt x="239" y="73"/>
                </a:cubicBezTo>
                <a:cubicBezTo>
                  <a:pt x="239" y="73"/>
                  <a:pt x="240" y="72"/>
                  <a:pt x="241" y="72"/>
                </a:cubicBezTo>
                <a:close/>
                <a:moveTo>
                  <a:pt x="239" y="71"/>
                </a:moveTo>
                <a:cubicBezTo>
                  <a:pt x="236" y="72"/>
                  <a:pt x="237" y="73"/>
                  <a:pt x="236" y="74"/>
                </a:cubicBezTo>
                <a:cubicBezTo>
                  <a:pt x="238" y="73"/>
                  <a:pt x="239" y="72"/>
                  <a:pt x="239" y="71"/>
                </a:cubicBezTo>
                <a:close/>
                <a:moveTo>
                  <a:pt x="226" y="49"/>
                </a:moveTo>
                <a:cubicBezTo>
                  <a:pt x="226" y="48"/>
                  <a:pt x="225" y="49"/>
                  <a:pt x="227" y="47"/>
                </a:cubicBezTo>
                <a:cubicBezTo>
                  <a:pt x="225" y="49"/>
                  <a:pt x="222" y="49"/>
                  <a:pt x="221" y="51"/>
                </a:cubicBezTo>
                <a:cubicBezTo>
                  <a:pt x="225" y="49"/>
                  <a:pt x="224" y="50"/>
                  <a:pt x="226" y="50"/>
                </a:cubicBezTo>
                <a:cubicBezTo>
                  <a:pt x="224" y="51"/>
                  <a:pt x="224" y="51"/>
                  <a:pt x="222" y="51"/>
                </a:cubicBezTo>
                <a:cubicBezTo>
                  <a:pt x="223" y="52"/>
                  <a:pt x="227" y="50"/>
                  <a:pt x="230" y="49"/>
                </a:cubicBezTo>
                <a:cubicBezTo>
                  <a:pt x="230" y="48"/>
                  <a:pt x="230" y="48"/>
                  <a:pt x="231" y="47"/>
                </a:cubicBezTo>
                <a:cubicBezTo>
                  <a:pt x="231" y="47"/>
                  <a:pt x="231" y="48"/>
                  <a:pt x="233" y="47"/>
                </a:cubicBezTo>
                <a:cubicBezTo>
                  <a:pt x="233" y="46"/>
                  <a:pt x="233" y="46"/>
                  <a:pt x="233" y="46"/>
                </a:cubicBezTo>
                <a:cubicBezTo>
                  <a:pt x="229" y="48"/>
                  <a:pt x="228" y="48"/>
                  <a:pt x="226" y="49"/>
                </a:cubicBezTo>
                <a:close/>
                <a:moveTo>
                  <a:pt x="235" y="57"/>
                </a:moveTo>
                <a:cubicBezTo>
                  <a:pt x="233" y="58"/>
                  <a:pt x="231" y="59"/>
                  <a:pt x="230" y="59"/>
                </a:cubicBezTo>
                <a:cubicBezTo>
                  <a:pt x="228" y="60"/>
                  <a:pt x="231" y="59"/>
                  <a:pt x="232" y="59"/>
                </a:cubicBezTo>
                <a:cubicBezTo>
                  <a:pt x="232" y="59"/>
                  <a:pt x="231" y="59"/>
                  <a:pt x="233" y="58"/>
                </a:cubicBezTo>
                <a:cubicBezTo>
                  <a:pt x="233" y="58"/>
                  <a:pt x="233" y="59"/>
                  <a:pt x="232" y="59"/>
                </a:cubicBezTo>
                <a:cubicBezTo>
                  <a:pt x="234" y="58"/>
                  <a:pt x="236" y="58"/>
                  <a:pt x="236" y="57"/>
                </a:cubicBezTo>
                <a:cubicBezTo>
                  <a:pt x="235" y="57"/>
                  <a:pt x="235" y="57"/>
                  <a:pt x="235" y="57"/>
                </a:cubicBezTo>
                <a:close/>
                <a:moveTo>
                  <a:pt x="235" y="64"/>
                </a:moveTo>
                <a:cubicBezTo>
                  <a:pt x="237" y="63"/>
                  <a:pt x="235" y="65"/>
                  <a:pt x="235" y="65"/>
                </a:cubicBezTo>
                <a:cubicBezTo>
                  <a:pt x="238" y="64"/>
                  <a:pt x="238" y="64"/>
                  <a:pt x="238" y="63"/>
                </a:cubicBezTo>
                <a:cubicBezTo>
                  <a:pt x="237" y="64"/>
                  <a:pt x="235" y="64"/>
                  <a:pt x="235" y="64"/>
                </a:cubicBezTo>
                <a:close/>
                <a:moveTo>
                  <a:pt x="230" y="61"/>
                </a:moveTo>
                <a:cubicBezTo>
                  <a:pt x="230" y="61"/>
                  <a:pt x="228" y="63"/>
                  <a:pt x="231" y="62"/>
                </a:cubicBezTo>
                <a:cubicBezTo>
                  <a:pt x="230" y="62"/>
                  <a:pt x="232" y="60"/>
                  <a:pt x="232" y="60"/>
                </a:cubicBezTo>
                <a:cubicBezTo>
                  <a:pt x="231" y="60"/>
                  <a:pt x="230" y="61"/>
                  <a:pt x="230" y="61"/>
                </a:cubicBezTo>
                <a:close/>
                <a:moveTo>
                  <a:pt x="227" y="61"/>
                </a:moveTo>
                <a:cubicBezTo>
                  <a:pt x="227" y="62"/>
                  <a:pt x="227" y="62"/>
                  <a:pt x="227" y="62"/>
                </a:cubicBezTo>
                <a:cubicBezTo>
                  <a:pt x="228" y="61"/>
                  <a:pt x="229" y="60"/>
                  <a:pt x="230" y="60"/>
                </a:cubicBezTo>
                <a:cubicBezTo>
                  <a:pt x="230" y="60"/>
                  <a:pt x="229" y="60"/>
                  <a:pt x="227" y="61"/>
                </a:cubicBezTo>
                <a:close/>
                <a:moveTo>
                  <a:pt x="225" y="71"/>
                </a:moveTo>
                <a:cubicBezTo>
                  <a:pt x="228" y="69"/>
                  <a:pt x="229" y="68"/>
                  <a:pt x="232" y="66"/>
                </a:cubicBezTo>
                <a:cubicBezTo>
                  <a:pt x="230" y="67"/>
                  <a:pt x="232" y="66"/>
                  <a:pt x="232" y="65"/>
                </a:cubicBezTo>
                <a:cubicBezTo>
                  <a:pt x="230" y="67"/>
                  <a:pt x="226" y="67"/>
                  <a:pt x="226" y="68"/>
                </a:cubicBezTo>
                <a:cubicBezTo>
                  <a:pt x="227" y="69"/>
                  <a:pt x="228" y="67"/>
                  <a:pt x="230" y="67"/>
                </a:cubicBezTo>
                <a:cubicBezTo>
                  <a:pt x="230" y="67"/>
                  <a:pt x="231" y="67"/>
                  <a:pt x="231" y="67"/>
                </a:cubicBezTo>
                <a:cubicBezTo>
                  <a:pt x="228" y="69"/>
                  <a:pt x="225" y="70"/>
                  <a:pt x="225" y="71"/>
                </a:cubicBezTo>
                <a:close/>
                <a:moveTo>
                  <a:pt x="228" y="73"/>
                </a:moveTo>
                <a:cubicBezTo>
                  <a:pt x="228" y="73"/>
                  <a:pt x="228" y="72"/>
                  <a:pt x="226" y="73"/>
                </a:cubicBezTo>
                <a:cubicBezTo>
                  <a:pt x="227" y="74"/>
                  <a:pt x="227" y="74"/>
                  <a:pt x="227" y="74"/>
                </a:cubicBezTo>
                <a:cubicBezTo>
                  <a:pt x="228" y="73"/>
                  <a:pt x="231" y="72"/>
                  <a:pt x="230" y="72"/>
                </a:cubicBezTo>
                <a:lnTo>
                  <a:pt x="228" y="73"/>
                </a:lnTo>
                <a:close/>
                <a:moveTo>
                  <a:pt x="221" y="77"/>
                </a:moveTo>
                <a:cubicBezTo>
                  <a:pt x="221" y="77"/>
                  <a:pt x="224" y="76"/>
                  <a:pt x="225" y="76"/>
                </a:cubicBezTo>
                <a:cubicBezTo>
                  <a:pt x="224" y="77"/>
                  <a:pt x="222" y="78"/>
                  <a:pt x="221" y="79"/>
                </a:cubicBezTo>
                <a:cubicBezTo>
                  <a:pt x="223" y="78"/>
                  <a:pt x="225" y="77"/>
                  <a:pt x="227" y="76"/>
                </a:cubicBezTo>
                <a:cubicBezTo>
                  <a:pt x="228" y="75"/>
                  <a:pt x="227" y="75"/>
                  <a:pt x="226" y="74"/>
                </a:cubicBezTo>
                <a:cubicBezTo>
                  <a:pt x="224" y="75"/>
                  <a:pt x="223" y="76"/>
                  <a:pt x="222" y="77"/>
                </a:cubicBezTo>
                <a:cubicBezTo>
                  <a:pt x="222" y="76"/>
                  <a:pt x="221" y="76"/>
                  <a:pt x="221" y="77"/>
                </a:cubicBezTo>
                <a:close/>
                <a:moveTo>
                  <a:pt x="224" y="73"/>
                </a:moveTo>
                <a:cubicBezTo>
                  <a:pt x="220" y="76"/>
                  <a:pt x="220" y="76"/>
                  <a:pt x="220" y="76"/>
                </a:cubicBezTo>
                <a:cubicBezTo>
                  <a:pt x="222" y="76"/>
                  <a:pt x="221" y="76"/>
                  <a:pt x="224" y="75"/>
                </a:cubicBezTo>
                <a:cubicBezTo>
                  <a:pt x="223" y="74"/>
                  <a:pt x="226" y="73"/>
                  <a:pt x="224" y="73"/>
                </a:cubicBezTo>
                <a:close/>
                <a:moveTo>
                  <a:pt x="206" y="64"/>
                </a:moveTo>
                <a:cubicBezTo>
                  <a:pt x="207" y="65"/>
                  <a:pt x="208" y="64"/>
                  <a:pt x="207" y="65"/>
                </a:cubicBezTo>
                <a:cubicBezTo>
                  <a:pt x="212" y="62"/>
                  <a:pt x="208" y="64"/>
                  <a:pt x="209" y="63"/>
                </a:cubicBezTo>
                <a:cubicBezTo>
                  <a:pt x="210" y="62"/>
                  <a:pt x="210" y="63"/>
                  <a:pt x="212" y="62"/>
                </a:cubicBezTo>
                <a:cubicBezTo>
                  <a:pt x="212" y="61"/>
                  <a:pt x="209" y="62"/>
                  <a:pt x="206" y="64"/>
                </a:cubicBezTo>
                <a:close/>
                <a:moveTo>
                  <a:pt x="197" y="73"/>
                </a:moveTo>
                <a:cubicBezTo>
                  <a:pt x="198" y="73"/>
                  <a:pt x="198" y="72"/>
                  <a:pt x="198" y="73"/>
                </a:cubicBezTo>
                <a:cubicBezTo>
                  <a:pt x="199" y="72"/>
                  <a:pt x="200" y="71"/>
                  <a:pt x="200" y="71"/>
                </a:cubicBezTo>
                <a:cubicBezTo>
                  <a:pt x="198" y="72"/>
                  <a:pt x="201" y="70"/>
                  <a:pt x="200" y="70"/>
                </a:cubicBezTo>
                <a:cubicBezTo>
                  <a:pt x="197" y="72"/>
                  <a:pt x="200" y="72"/>
                  <a:pt x="197" y="73"/>
                </a:cubicBezTo>
                <a:close/>
                <a:moveTo>
                  <a:pt x="196" y="70"/>
                </a:moveTo>
                <a:cubicBezTo>
                  <a:pt x="196" y="71"/>
                  <a:pt x="198" y="69"/>
                  <a:pt x="197" y="71"/>
                </a:cubicBezTo>
                <a:cubicBezTo>
                  <a:pt x="200" y="69"/>
                  <a:pt x="198" y="68"/>
                  <a:pt x="196" y="70"/>
                </a:cubicBezTo>
                <a:close/>
                <a:moveTo>
                  <a:pt x="191" y="75"/>
                </a:moveTo>
                <a:cubicBezTo>
                  <a:pt x="192" y="74"/>
                  <a:pt x="194" y="72"/>
                  <a:pt x="192" y="73"/>
                </a:cubicBezTo>
                <a:cubicBezTo>
                  <a:pt x="192" y="74"/>
                  <a:pt x="189" y="75"/>
                  <a:pt x="191" y="75"/>
                </a:cubicBezTo>
                <a:close/>
                <a:moveTo>
                  <a:pt x="187" y="76"/>
                </a:moveTo>
                <a:cubicBezTo>
                  <a:pt x="186" y="77"/>
                  <a:pt x="184" y="78"/>
                  <a:pt x="185" y="79"/>
                </a:cubicBezTo>
                <a:cubicBezTo>
                  <a:pt x="185" y="78"/>
                  <a:pt x="187" y="77"/>
                  <a:pt x="187" y="78"/>
                </a:cubicBezTo>
                <a:cubicBezTo>
                  <a:pt x="186" y="78"/>
                  <a:pt x="187" y="78"/>
                  <a:pt x="188" y="77"/>
                </a:cubicBezTo>
                <a:cubicBezTo>
                  <a:pt x="189" y="76"/>
                  <a:pt x="189" y="76"/>
                  <a:pt x="187" y="76"/>
                </a:cubicBezTo>
                <a:close/>
                <a:moveTo>
                  <a:pt x="186" y="75"/>
                </a:moveTo>
                <a:cubicBezTo>
                  <a:pt x="185" y="76"/>
                  <a:pt x="184" y="77"/>
                  <a:pt x="184" y="77"/>
                </a:cubicBezTo>
                <a:cubicBezTo>
                  <a:pt x="183" y="78"/>
                  <a:pt x="188" y="76"/>
                  <a:pt x="188" y="75"/>
                </a:cubicBezTo>
                <a:cubicBezTo>
                  <a:pt x="186" y="76"/>
                  <a:pt x="187" y="75"/>
                  <a:pt x="186" y="75"/>
                </a:cubicBezTo>
                <a:close/>
                <a:moveTo>
                  <a:pt x="186" y="95"/>
                </a:moveTo>
                <a:cubicBezTo>
                  <a:pt x="187" y="94"/>
                  <a:pt x="186" y="95"/>
                  <a:pt x="186" y="95"/>
                </a:cubicBezTo>
                <a:cubicBezTo>
                  <a:pt x="191" y="92"/>
                  <a:pt x="191" y="92"/>
                  <a:pt x="191" y="92"/>
                </a:cubicBezTo>
                <a:cubicBezTo>
                  <a:pt x="192" y="92"/>
                  <a:pt x="191" y="93"/>
                  <a:pt x="193" y="92"/>
                </a:cubicBezTo>
                <a:cubicBezTo>
                  <a:pt x="192" y="92"/>
                  <a:pt x="195" y="91"/>
                  <a:pt x="195" y="90"/>
                </a:cubicBezTo>
                <a:cubicBezTo>
                  <a:pt x="194" y="91"/>
                  <a:pt x="193" y="90"/>
                  <a:pt x="192" y="91"/>
                </a:cubicBezTo>
                <a:cubicBezTo>
                  <a:pt x="190" y="93"/>
                  <a:pt x="187" y="94"/>
                  <a:pt x="186" y="95"/>
                </a:cubicBezTo>
                <a:close/>
                <a:moveTo>
                  <a:pt x="178" y="81"/>
                </a:moveTo>
                <a:cubicBezTo>
                  <a:pt x="176" y="83"/>
                  <a:pt x="179" y="82"/>
                  <a:pt x="180" y="81"/>
                </a:cubicBezTo>
                <a:cubicBezTo>
                  <a:pt x="181" y="80"/>
                  <a:pt x="183" y="79"/>
                  <a:pt x="183" y="79"/>
                </a:cubicBezTo>
                <a:cubicBezTo>
                  <a:pt x="180" y="81"/>
                  <a:pt x="183" y="78"/>
                  <a:pt x="178" y="81"/>
                </a:cubicBezTo>
                <a:close/>
                <a:moveTo>
                  <a:pt x="182" y="80"/>
                </a:moveTo>
                <a:cubicBezTo>
                  <a:pt x="182" y="81"/>
                  <a:pt x="178" y="83"/>
                  <a:pt x="179" y="83"/>
                </a:cubicBezTo>
                <a:cubicBezTo>
                  <a:pt x="181" y="82"/>
                  <a:pt x="182" y="82"/>
                  <a:pt x="183" y="81"/>
                </a:cubicBezTo>
                <a:cubicBezTo>
                  <a:pt x="180" y="82"/>
                  <a:pt x="186" y="79"/>
                  <a:pt x="182" y="80"/>
                </a:cubicBezTo>
                <a:close/>
                <a:moveTo>
                  <a:pt x="182" y="82"/>
                </a:moveTo>
                <a:cubicBezTo>
                  <a:pt x="180" y="84"/>
                  <a:pt x="178" y="86"/>
                  <a:pt x="180" y="86"/>
                </a:cubicBezTo>
                <a:cubicBezTo>
                  <a:pt x="180" y="85"/>
                  <a:pt x="183" y="83"/>
                  <a:pt x="181" y="85"/>
                </a:cubicBezTo>
                <a:cubicBezTo>
                  <a:pt x="186" y="82"/>
                  <a:pt x="180" y="85"/>
                  <a:pt x="183" y="82"/>
                </a:cubicBezTo>
                <a:cubicBezTo>
                  <a:pt x="182" y="82"/>
                  <a:pt x="182" y="83"/>
                  <a:pt x="182" y="82"/>
                </a:cubicBezTo>
                <a:close/>
                <a:moveTo>
                  <a:pt x="165" y="91"/>
                </a:moveTo>
                <a:cubicBezTo>
                  <a:pt x="163" y="92"/>
                  <a:pt x="163" y="92"/>
                  <a:pt x="163" y="93"/>
                </a:cubicBezTo>
                <a:cubicBezTo>
                  <a:pt x="163" y="92"/>
                  <a:pt x="159" y="95"/>
                  <a:pt x="158" y="95"/>
                </a:cubicBezTo>
                <a:cubicBezTo>
                  <a:pt x="159" y="96"/>
                  <a:pt x="163" y="93"/>
                  <a:pt x="166" y="91"/>
                </a:cubicBezTo>
                <a:cubicBezTo>
                  <a:pt x="165" y="91"/>
                  <a:pt x="167" y="90"/>
                  <a:pt x="165" y="91"/>
                </a:cubicBezTo>
                <a:close/>
                <a:moveTo>
                  <a:pt x="167" y="91"/>
                </a:moveTo>
                <a:cubicBezTo>
                  <a:pt x="169" y="90"/>
                  <a:pt x="169" y="90"/>
                  <a:pt x="171" y="90"/>
                </a:cubicBezTo>
                <a:cubicBezTo>
                  <a:pt x="171" y="88"/>
                  <a:pt x="176" y="85"/>
                  <a:pt x="178" y="83"/>
                </a:cubicBezTo>
                <a:cubicBezTo>
                  <a:pt x="176" y="84"/>
                  <a:pt x="176" y="82"/>
                  <a:pt x="174" y="84"/>
                </a:cubicBezTo>
                <a:cubicBezTo>
                  <a:pt x="175" y="85"/>
                  <a:pt x="170" y="87"/>
                  <a:pt x="170" y="88"/>
                </a:cubicBezTo>
                <a:cubicBezTo>
                  <a:pt x="169" y="88"/>
                  <a:pt x="169" y="88"/>
                  <a:pt x="169" y="87"/>
                </a:cubicBezTo>
                <a:cubicBezTo>
                  <a:pt x="166" y="90"/>
                  <a:pt x="167" y="90"/>
                  <a:pt x="167" y="91"/>
                </a:cubicBezTo>
                <a:close/>
                <a:moveTo>
                  <a:pt x="173" y="93"/>
                </a:moveTo>
                <a:cubicBezTo>
                  <a:pt x="174" y="92"/>
                  <a:pt x="173" y="94"/>
                  <a:pt x="176" y="92"/>
                </a:cubicBezTo>
                <a:cubicBezTo>
                  <a:pt x="176" y="91"/>
                  <a:pt x="175" y="92"/>
                  <a:pt x="176" y="91"/>
                </a:cubicBezTo>
                <a:cubicBezTo>
                  <a:pt x="174" y="92"/>
                  <a:pt x="173" y="92"/>
                  <a:pt x="173" y="93"/>
                </a:cubicBezTo>
                <a:close/>
                <a:moveTo>
                  <a:pt x="174" y="104"/>
                </a:moveTo>
                <a:cubicBezTo>
                  <a:pt x="174" y="105"/>
                  <a:pt x="181" y="100"/>
                  <a:pt x="180" y="100"/>
                </a:cubicBezTo>
                <a:cubicBezTo>
                  <a:pt x="177" y="102"/>
                  <a:pt x="177" y="103"/>
                  <a:pt x="174" y="104"/>
                </a:cubicBezTo>
                <a:close/>
                <a:moveTo>
                  <a:pt x="164" y="99"/>
                </a:moveTo>
                <a:cubicBezTo>
                  <a:pt x="166" y="98"/>
                  <a:pt x="169" y="96"/>
                  <a:pt x="170" y="95"/>
                </a:cubicBezTo>
                <a:cubicBezTo>
                  <a:pt x="167" y="97"/>
                  <a:pt x="165" y="97"/>
                  <a:pt x="164" y="99"/>
                </a:cubicBezTo>
                <a:close/>
                <a:moveTo>
                  <a:pt x="159" y="99"/>
                </a:moveTo>
                <a:cubicBezTo>
                  <a:pt x="159" y="100"/>
                  <a:pt x="158" y="100"/>
                  <a:pt x="158" y="100"/>
                </a:cubicBezTo>
                <a:cubicBezTo>
                  <a:pt x="160" y="99"/>
                  <a:pt x="160" y="98"/>
                  <a:pt x="161" y="97"/>
                </a:cubicBezTo>
                <a:cubicBezTo>
                  <a:pt x="161" y="97"/>
                  <a:pt x="161" y="98"/>
                  <a:pt x="162" y="97"/>
                </a:cubicBezTo>
                <a:cubicBezTo>
                  <a:pt x="163" y="96"/>
                  <a:pt x="162" y="97"/>
                  <a:pt x="162" y="97"/>
                </a:cubicBezTo>
                <a:cubicBezTo>
                  <a:pt x="158" y="99"/>
                  <a:pt x="158" y="99"/>
                  <a:pt x="158" y="99"/>
                </a:cubicBezTo>
                <a:cubicBezTo>
                  <a:pt x="158" y="100"/>
                  <a:pt x="157" y="102"/>
                  <a:pt x="159" y="99"/>
                </a:cubicBezTo>
                <a:close/>
                <a:moveTo>
                  <a:pt x="153" y="99"/>
                </a:moveTo>
                <a:cubicBezTo>
                  <a:pt x="153" y="99"/>
                  <a:pt x="152" y="100"/>
                  <a:pt x="153" y="101"/>
                </a:cubicBezTo>
                <a:cubicBezTo>
                  <a:pt x="151" y="101"/>
                  <a:pt x="149" y="103"/>
                  <a:pt x="150" y="103"/>
                </a:cubicBezTo>
                <a:cubicBezTo>
                  <a:pt x="154" y="100"/>
                  <a:pt x="153" y="100"/>
                  <a:pt x="156" y="98"/>
                </a:cubicBezTo>
                <a:cubicBezTo>
                  <a:pt x="155" y="98"/>
                  <a:pt x="155" y="98"/>
                  <a:pt x="154" y="98"/>
                </a:cubicBezTo>
                <a:cubicBezTo>
                  <a:pt x="154" y="100"/>
                  <a:pt x="154" y="98"/>
                  <a:pt x="153" y="99"/>
                </a:cubicBezTo>
                <a:close/>
                <a:moveTo>
                  <a:pt x="160" y="120"/>
                </a:moveTo>
                <a:cubicBezTo>
                  <a:pt x="160" y="120"/>
                  <a:pt x="160" y="121"/>
                  <a:pt x="161" y="120"/>
                </a:cubicBezTo>
                <a:cubicBezTo>
                  <a:pt x="162" y="119"/>
                  <a:pt x="165" y="116"/>
                  <a:pt x="163" y="117"/>
                </a:cubicBezTo>
                <a:cubicBezTo>
                  <a:pt x="163" y="117"/>
                  <a:pt x="162" y="119"/>
                  <a:pt x="160" y="120"/>
                </a:cubicBezTo>
                <a:close/>
                <a:moveTo>
                  <a:pt x="150" y="106"/>
                </a:moveTo>
                <a:cubicBezTo>
                  <a:pt x="148" y="108"/>
                  <a:pt x="154" y="103"/>
                  <a:pt x="151" y="106"/>
                </a:cubicBezTo>
                <a:cubicBezTo>
                  <a:pt x="154" y="104"/>
                  <a:pt x="154" y="104"/>
                  <a:pt x="154" y="104"/>
                </a:cubicBezTo>
                <a:cubicBezTo>
                  <a:pt x="154" y="103"/>
                  <a:pt x="153" y="104"/>
                  <a:pt x="154" y="103"/>
                </a:cubicBezTo>
                <a:cubicBezTo>
                  <a:pt x="151" y="105"/>
                  <a:pt x="151" y="105"/>
                  <a:pt x="150" y="106"/>
                </a:cubicBezTo>
                <a:close/>
                <a:moveTo>
                  <a:pt x="146" y="105"/>
                </a:moveTo>
                <a:cubicBezTo>
                  <a:pt x="142" y="108"/>
                  <a:pt x="147" y="106"/>
                  <a:pt x="145" y="108"/>
                </a:cubicBezTo>
                <a:cubicBezTo>
                  <a:pt x="147" y="106"/>
                  <a:pt x="146" y="106"/>
                  <a:pt x="149" y="104"/>
                </a:cubicBezTo>
                <a:cubicBezTo>
                  <a:pt x="148" y="104"/>
                  <a:pt x="149" y="103"/>
                  <a:pt x="149" y="103"/>
                </a:cubicBezTo>
                <a:cubicBezTo>
                  <a:pt x="145" y="105"/>
                  <a:pt x="149" y="103"/>
                  <a:pt x="146" y="106"/>
                </a:cubicBezTo>
                <a:cubicBezTo>
                  <a:pt x="146" y="105"/>
                  <a:pt x="147" y="104"/>
                  <a:pt x="146" y="105"/>
                </a:cubicBezTo>
                <a:close/>
                <a:moveTo>
                  <a:pt x="153" y="120"/>
                </a:moveTo>
                <a:cubicBezTo>
                  <a:pt x="156" y="118"/>
                  <a:pt x="154" y="119"/>
                  <a:pt x="157" y="116"/>
                </a:cubicBezTo>
                <a:cubicBezTo>
                  <a:pt x="156" y="117"/>
                  <a:pt x="154" y="118"/>
                  <a:pt x="152" y="119"/>
                </a:cubicBezTo>
                <a:cubicBezTo>
                  <a:pt x="154" y="119"/>
                  <a:pt x="151" y="121"/>
                  <a:pt x="149" y="122"/>
                </a:cubicBezTo>
                <a:cubicBezTo>
                  <a:pt x="148" y="124"/>
                  <a:pt x="152" y="120"/>
                  <a:pt x="151" y="122"/>
                </a:cubicBezTo>
                <a:cubicBezTo>
                  <a:pt x="153" y="120"/>
                  <a:pt x="153" y="119"/>
                  <a:pt x="154" y="119"/>
                </a:cubicBezTo>
                <a:cubicBezTo>
                  <a:pt x="154" y="119"/>
                  <a:pt x="153" y="120"/>
                  <a:pt x="153" y="120"/>
                </a:cubicBezTo>
                <a:close/>
                <a:moveTo>
                  <a:pt x="136" y="117"/>
                </a:moveTo>
                <a:cubicBezTo>
                  <a:pt x="139" y="115"/>
                  <a:pt x="135" y="118"/>
                  <a:pt x="135" y="118"/>
                </a:cubicBezTo>
                <a:cubicBezTo>
                  <a:pt x="138" y="116"/>
                  <a:pt x="140" y="115"/>
                  <a:pt x="142" y="113"/>
                </a:cubicBezTo>
                <a:cubicBezTo>
                  <a:pt x="142" y="112"/>
                  <a:pt x="147" y="109"/>
                  <a:pt x="148" y="107"/>
                </a:cubicBezTo>
                <a:cubicBezTo>
                  <a:pt x="147" y="108"/>
                  <a:pt x="146" y="108"/>
                  <a:pt x="146" y="108"/>
                </a:cubicBezTo>
                <a:cubicBezTo>
                  <a:pt x="144" y="109"/>
                  <a:pt x="144" y="110"/>
                  <a:pt x="142" y="111"/>
                </a:cubicBezTo>
                <a:cubicBezTo>
                  <a:pt x="141" y="113"/>
                  <a:pt x="142" y="113"/>
                  <a:pt x="141" y="113"/>
                </a:cubicBezTo>
                <a:cubicBezTo>
                  <a:pt x="140" y="113"/>
                  <a:pt x="136" y="116"/>
                  <a:pt x="136" y="117"/>
                </a:cubicBezTo>
                <a:close/>
                <a:moveTo>
                  <a:pt x="153" y="123"/>
                </a:moveTo>
                <a:cubicBezTo>
                  <a:pt x="154" y="123"/>
                  <a:pt x="157" y="120"/>
                  <a:pt x="156" y="120"/>
                </a:cubicBezTo>
                <a:cubicBezTo>
                  <a:pt x="155" y="121"/>
                  <a:pt x="152" y="123"/>
                  <a:pt x="153" y="123"/>
                </a:cubicBezTo>
                <a:close/>
                <a:moveTo>
                  <a:pt x="137" y="109"/>
                </a:moveTo>
                <a:cubicBezTo>
                  <a:pt x="139" y="108"/>
                  <a:pt x="141" y="106"/>
                  <a:pt x="141" y="106"/>
                </a:cubicBezTo>
                <a:cubicBezTo>
                  <a:pt x="139" y="107"/>
                  <a:pt x="137" y="109"/>
                  <a:pt x="137" y="109"/>
                </a:cubicBezTo>
                <a:close/>
                <a:moveTo>
                  <a:pt x="136" y="114"/>
                </a:moveTo>
                <a:cubicBezTo>
                  <a:pt x="138" y="114"/>
                  <a:pt x="137" y="113"/>
                  <a:pt x="137" y="115"/>
                </a:cubicBezTo>
                <a:cubicBezTo>
                  <a:pt x="138" y="114"/>
                  <a:pt x="138" y="113"/>
                  <a:pt x="141" y="111"/>
                </a:cubicBezTo>
                <a:cubicBezTo>
                  <a:pt x="142" y="110"/>
                  <a:pt x="141" y="111"/>
                  <a:pt x="140" y="111"/>
                </a:cubicBezTo>
                <a:cubicBezTo>
                  <a:pt x="141" y="110"/>
                  <a:pt x="142" y="110"/>
                  <a:pt x="143" y="109"/>
                </a:cubicBezTo>
                <a:cubicBezTo>
                  <a:pt x="143" y="109"/>
                  <a:pt x="144" y="108"/>
                  <a:pt x="143" y="108"/>
                </a:cubicBezTo>
                <a:cubicBezTo>
                  <a:pt x="141" y="111"/>
                  <a:pt x="139" y="111"/>
                  <a:pt x="136" y="114"/>
                </a:cubicBezTo>
                <a:close/>
                <a:moveTo>
                  <a:pt x="142" y="117"/>
                </a:moveTo>
                <a:cubicBezTo>
                  <a:pt x="140" y="118"/>
                  <a:pt x="142" y="116"/>
                  <a:pt x="144" y="115"/>
                </a:cubicBezTo>
                <a:cubicBezTo>
                  <a:pt x="144" y="114"/>
                  <a:pt x="142" y="115"/>
                  <a:pt x="141" y="116"/>
                </a:cubicBezTo>
                <a:cubicBezTo>
                  <a:pt x="141" y="116"/>
                  <a:pt x="141" y="117"/>
                  <a:pt x="140" y="117"/>
                </a:cubicBezTo>
                <a:cubicBezTo>
                  <a:pt x="137" y="118"/>
                  <a:pt x="139" y="119"/>
                  <a:pt x="136" y="120"/>
                </a:cubicBezTo>
                <a:cubicBezTo>
                  <a:pt x="136" y="121"/>
                  <a:pt x="133" y="123"/>
                  <a:pt x="132" y="124"/>
                </a:cubicBezTo>
                <a:cubicBezTo>
                  <a:pt x="133" y="124"/>
                  <a:pt x="131" y="125"/>
                  <a:pt x="131" y="126"/>
                </a:cubicBezTo>
                <a:cubicBezTo>
                  <a:pt x="133" y="124"/>
                  <a:pt x="135" y="122"/>
                  <a:pt x="134" y="124"/>
                </a:cubicBezTo>
                <a:cubicBezTo>
                  <a:pt x="135" y="124"/>
                  <a:pt x="139" y="121"/>
                  <a:pt x="138" y="121"/>
                </a:cubicBezTo>
                <a:cubicBezTo>
                  <a:pt x="137" y="121"/>
                  <a:pt x="135" y="124"/>
                  <a:pt x="135" y="123"/>
                </a:cubicBezTo>
                <a:cubicBezTo>
                  <a:pt x="136" y="122"/>
                  <a:pt x="135" y="122"/>
                  <a:pt x="137" y="121"/>
                </a:cubicBezTo>
                <a:cubicBezTo>
                  <a:pt x="139" y="119"/>
                  <a:pt x="142" y="117"/>
                  <a:pt x="142" y="117"/>
                </a:cubicBezTo>
                <a:close/>
                <a:moveTo>
                  <a:pt x="143" y="118"/>
                </a:moveTo>
                <a:cubicBezTo>
                  <a:pt x="141" y="119"/>
                  <a:pt x="141" y="119"/>
                  <a:pt x="141" y="119"/>
                </a:cubicBezTo>
                <a:cubicBezTo>
                  <a:pt x="140" y="120"/>
                  <a:pt x="140" y="120"/>
                  <a:pt x="141" y="121"/>
                </a:cubicBezTo>
                <a:cubicBezTo>
                  <a:pt x="143" y="119"/>
                  <a:pt x="142" y="119"/>
                  <a:pt x="143" y="118"/>
                </a:cubicBezTo>
                <a:cubicBezTo>
                  <a:pt x="143" y="119"/>
                  <a:pt x="144" y="118"/>
                  <a:pt x="145" y="117"/>
                </a:cubicBezTo>
                <a:cubicBezTo>
                  <a:pt x="143" y="118"/>
                  <a:pt x="144" y="117"/>
                  <a:pt x="143" y="118"/>
                </a:cubicBezTo>
                <a:close/>
                <a:moveTo>
                  <a:pt x="146" y="128"/>
                </a:moveTo>
                <a:cubicBezTo>
                  <a:pt x="147" y="128"/>
                  <a:pt x="145" y="129"/>
                  <a:pt x="145" y="130"/>
                </a:cubicBezTo>
                <a:cubicBezTo>
                  <a:pt x="146" y="129"/>
                  <a:pt x="146" y="129"/>
                  <a:pt x="148" y="128"/>
                </a:cubicBezTo>
                <a:cubicBezTo>
                  <a:pt x="147" y="128"/>
                  <a:pt x="147" y="127"/>
                  <a:pt x="148" y="127"/>
                </a:cubicBezTo>
                <a:cubicBezTo>
                  <a:pt x="147" y="127"/>
                  <a:pt x="146" y="128"/>
                  <a:pt x="146" y="128"/>
                </a:cubicBezTo>
                <a:close/>
                <a:moveTo>
                  <a:pt x="133" y="117"/>
                </a:moveTo>
                <a:cubicBezTo>
                  <a:pt x="133" y="118"/>
                  <a:pt x="134" y="117"/>
                  <a:pt x="135" y="117"/>
                </a:cubicBezTo>
                <a:cubicBezTo>
                  <a:pt x="136" y="116"/>
                  <a:pt x="137" y="115"/>
                  <a:pt x="137" y="115"/>
                </a:cubicBezTo>
                <a:cubicBezTo>
                  <a:pt x="136" y="116"/>
                  <a:pt x="135" y="115"/>
                  <a:pt x="133" y="117"/>
                </a:cubicBezTo>
                <a:close/>
                <a:moveTo>
                  <a:pt x="144" y="129"/>
                </a:moveTo>
                <a:cubicBezTo>
                  <a:pt x="143" y="129"/>
                  <a:pt x="141" y="129"/>
                  <a:pt x="139" y="132"/>
                </a:cubicBezTo>
                <a:cubicBezTo>
                  <a:pt x="139" y="133"/>
                  <a:pt x="145" y="129"/>
                  <a:pt x="146" y="127"/>
                </a:cubicBezTo>
                <a:cubicBezTo>
                  <a:pt x="145" y="128"/>
                  <a:pt x="144" y="128"/>
                  <a:pt x="144" y="129"/>
                </a:cubicBezTo>
                <a:close/>
                <a:moveTo>
                  <a:pt x="133" y="117"/>
                </a:moveTo>
                <a:cubicBezTo>
                  <a:pt x="132" y="118"/>
                  <a:pt x="132" y="117"/>
                  <a:pt x="131" y="118"/>
                </a:cubicBezTo>
                <a:cubicBezTo>
                  <a:pt x="131" y="119"/>
                  <a:pt x="133" y="117"/>
                  <a:pt x="135" y="116"/>
                </a:cubicBezTo>
                <a:cubicBezTo>
                  <a:pt x="134" y="116"/>
                  <a:pt x="136" y="114"/>
                  <a:pt x="134" y="115"/>
                </a:cubicBezTo>
                <a:cubicBezTo>
                  <a:pt x="134" y="116"/>
                  <a:pt x="134" y="116"/>
                  <a:pt x="133" y="117"/>
                </a:cubicBezTo>
                <a:close/>
                <a:moveTo>
                  <a:pt x="138" y="122"/>
                </a:moveTo>
                <a:cubicBezTo>
                  <a:pt x="137" y="123"/>
                  <a:pt x="137" y="123"/>
                  <a:pt x="139" y="122"/>
                </a:cubicBezTo>
                <a:cubicBezTo>
                  <a:pt x="140" y="121"/>
                  <a:pt x="140" y="120"/>
                  <a:pt x="138" y="122"/>
                </a:cubicBezTo>
                <a:close/>
                <a:moveTo>
                  <a:pt x="139" y="137"/>
                </a:moveTo>
                <a:cubicBezTo>
                  <a:pt x="141" y="135"/>
                  <a:pt x="141" y="137"/>
                  <a:pt x="139" y="138"/>
                </a:cubicBezTo>
                <a:cubicBezTo>
                  <a:pt x="140" y="137"/>
                  <a:pt x="141" y="137"/>
                  <a:pt x="142" y="136"/>
                </a:cubicBezTo>
                <a:cubicBezTo>
                  <a:pt x="142" y="135"/>
                  <a:pt x="142" y="135"/>
                  <a:pt x="142" y="135"/>
                </a:cubicBezTo>
                <a:cubicBezTo>
                  <a:pt x="142" y="135"/>
                  <a:pt x="143" y="134"/>
                  <a:pt x="144" y="134"/>
                </a:cubicBezTo>
                <a:cubicBezTo>
                  <a:pt x="142" y="136"/>
                  <a:pt x="138" y="139"/>
                  <a:pt x="138" y="140"/>
                </a:cubicBezTo>
                <a:cubicBezTo>
                  <a:pt x="138" y="140"/>
                  <a:pt x="137" y="141"/>
                  <a:pt x="136" y="141"/>
                </a:cubicBezTo>
                <a:cubicBezTo>
                  <a:pt x="138" y="140"/>
                  <a:pt x="138" y="139"/>
                  <a:pt x="139" y="138"/>
                </a:cubicBezTo>
                <a:cubicBezTo>
                  <a:pt x="139" y="137"/>
                  <a:pt x="136" y="138"/>
                  <a:pt x="133" y="141"/>
                </a:cubicBezTo>
                <a:cubicBezTo>
                  <a:pt x="134" y="141"/>
                  <a:pt x="136" y="139"/>
                  <a:pt x="137" y="139"/>
                </a:cubicBezTo>
                <a:cubicBezTo>
                  <a:pt x="137" y="139"/>
                  <a:pt x="138" y="139"/>
                  <a:pt x="138" y="139"/>
                </a:cubicBezTo>
                <a:cubicBezTo>
                  <a:pt x="135" y="142"/>
                  <a:pt x="132" y="145"/>
                  <a:pt x="132" y="146"/>
                </a:cubicBezTo>
                <a:cubicBezTo>
                  <a:pt x="133" y="145"/>
                  <a:pt x="135" y="144"/>
                  <a:pt x="135" y="143"/>
                </a:cubicBezTo>
                <a:cubicBezTo>
                  <a:pt x="134" y="144"/>
                  <a:pt x="134" y="144"/>
                  <a:pt x="134" y="144"/>
                </a:cubicBezTo>
                <a:cubicBezTo>
                  <a:pt x="135" y="144"/>
                  <a:pt x="136" y="142"/>
                  <a:pt x="136" y="142"/>
                </a:cubicBezTo>
                <a:cubicBezTo>
                  <a:pt x="137" y="142"/>
                  <a:pt x="134" y="145"/>
                  <a:pt x="137" y="143"/>
                </a:cubicBezTo>
                <a:cubicBezTo>
                  <a:pt x="136" y="142"/>
                  <a:pt x="139" y="141"/>
                  <a:pt x="140" y="141"/>
                </a:cubicBezTo>
                <a:cubicBezTo>
                  <a:pt x="139" y="140"/>
                  <a:pt x="141" y="139"/>
                  <a:pt x="141" y="139"/>
                </a:cubicBezTo>
                <a:cubicBezTo>
                  <a:pt x="140" y="139"/>
                  <a:pt x="140" y="139"/>
                  <a:pt x="141" y="138"/>
                </a:cubicBezTo>
                <a:cubicBezTo>
                  <a:pt x="144" y="136"/>
                  <a:pt x="146" y="134"/>
                  <a:pt x="148" y="133"/>
                </a:cubicBezTo>
                <a:cubicBezTo>
                  <a:pt x="147" y="133"/>
                  <a:pt x="143" y="135"/>
                  <a:pt x="146" y="132"/>
                </a:cubicBezTo>
                <a:cubicBezTo>
                  <a:pt x="143" y="133"/>
                  <a:pt x="141" y="134"/>
                  <a:pt x="139" y="137"/>
                </a:cubicBezTo>
                <a:close/>
                <a:moveTo>
                  <a:pt x="142" y="131"/>
                </a:moveTo>
                <a:cubicBezTo>
                  <a:pt x="142" y="131"/>
                  <a:pt x="143" y="132"/>
                  <a:pt x="144" y="130"/>
                </a:cubicBezTo>
                <a:cubicBezTo>
                  <a:pt x="144" y="130"/>
                  <a:pt x="144" y="130"/>
                  <a:pt x="144" y="129"/>
                </a:cubicBezTo>
                <a:cubicBezTo>
                  <a:pt x="144" y="130"/>
                  <a:pt x="143" y="130"/>
                  <a:pt x="142" y="131"/>
                </a:cubicBezTo>
                <a:close/>
                <a:moveTo>
                  <a:pt x="142" y="143"/>
                </a:moveTo>
                <a:cubicBezTo>
                  <a:pt x="142" y="143"/>
                  <a:pt x="145" y="140"/>
                  <a:pt x="145" y="142"/>
                </a:cubicBezTo>
                <a:cubicBezTo>
                  <a:pt x="147" y="140"/>
                  <a:pt x="149" y="139"/>
                  <a:pt x="150" y="138"/>
                </a:cubicBezTo>
                <a:cubicBezTo>
                  <a:pt x="148" y="139"/>
                  <a:pt x="147" y="140"/>
                  <a:pt x="146" y="140"/>
                </a:cubicBezTo>
                <a:cubicBezTo>
                  <a:pt x="147" y="139"/>
                  <a:pt x="147" y="139"/>
                  <a:pt x="148" y="138"/>
                </a:cubicBezTo>
                <a:cubicBezTo>
                  <a:pt x="147" y="139"/>
                  <a:pt x="150" y="137"/>
                  <a:pt x="150" y="137"/>
                </a:cubicBezTo>
                <a:cubicBezTo>
                  <a:pt x="148" y="138"/>
                  <a:pt x="142" y="142"/>
                  <a:pt x="142" y="143"/>
                </a:cubicBezTo>
                <a:close/>
                <a:moveTo>
                  <a:pt x="125" y="125"/>
                </a:moveTo>
                <a:cubicBezTo>
                  <a:pt x="126" y="125"/>
                  <a:pt x="128" y="123"/>
                  <a:pt x="128" y="124"/>
                </a:cubicBezTo>
                <a:cubicBezTo>
                  <a:pt x="126" y="126"/>
                  <a:pt x="124" y="127"/>
                  <a:pt x="124" y="128"/>
                </a:cubicBezTo>
                <a:cubicBezTo>
                  <a:pt x="129" y="124"/>
                  <a:pt x="129" y="124"/>
                  <a:pt x="129" y="124"/>
                </a:cubicBezTo>
                <a:cubicBezTo>
                  <a:pt x="128" y="123"/>
                  <a:pt x="132" y="121"/>
                  <a:pt x="131" y="120"/>
                </a:cubicBezTo>
                <a:cubicBezTo>
                  <a:pt x="129" y="122"/>
                  <a:pt x="127" y="123"/>
                  <a:pt x="125" y="125"/>
                </a:cubicBezTo>
                <a:close/>
                <a:moveTo>
                  <a:pt x="131" y="122"/>
                </a:moveTo>
                <a:cubicBezTo>
                  <a:pt x="132" y="122"/>
                  <a:pt x="131" y="122"/>
                  <a:pt x="131" y="123"/>
                </a:cubicBezTo>
                <a:cubicBezTo>
                  <a:pt x="132" y="122"/>
                  <a:pt x="132" y="121"/>
                  <a:pt x="133" y="120"/>
                </a:cubicBezTo>
                <a:cubicBezTo>
                  <a:pt x="134" y="120"/>
                  <a:pt x="134" y="120"/>
                  <a:pt x="134" y="120"/>
                </a:cubicBezTo>
                <a:cubicBezTo>
                  <a:pt x="133" y="120"/>
                  <a:pt x="135" y="117"/>
                  <a:pt x="131" y="119"/>
                </a:cubicBezTo>
                <a:cubicBezTo>
                  <a:pt x="131" y="120"/>
                  <a:pt x="134" y="119"/>
                  <a:pt x="131" y="122"/>
                </a:cubicBezTo>
                <a:close/>
                <a:moveTo>
                  <a:pt x="139" y="130"/>
                </a:moveTo>
                <a:cubicBezTo>
                  <a:pt x="138" y="132"/>
                  <a:pt x="142" y="129"/>
                  <a:pt x="142" y="129"/>
                </a:cubicBezTo>
                <a:lnTo>
                  <a:pt x="139" y="130"/>
                </a:lnTo>
                <a:close/>
                <a:moveTo>
                  <a:pt x="133" y="129"/>
                </a:moveTo>
                <a:cubicBezTo>
                  <a:pt x="135" y="127"/>
                  <a:pt x="136" y="126"/>
                  <a:pt x="135" y="126"/>
                </a:cubicBezTo>
                <a:cubicBezTo>
                  <a:pt x="133" y="128"/>
                  <a:pt x="132" y="129"/>
                  <a:pt x="133" y="129"/>
                </a:cubicBezTo>
                <a:close/>
                <a:moveTo>
                  <a:pt x="129" y="121"/>
                </a:moveTo>
                <a:cubicBezTo>
                  <a:pt x="128" y="120"/>
                  <a:pt x="126" y="121"/>
                  <a:pt x="124" y="124"/>
                </a:cubicBezTo>
                <a:cubicBezTo>
                  <a:pt x="125" y="123"/>
                  <a:pt x="125" y="123"/>
                  <a:pt x="124" y="124"/>
                </a:cubicBezTo>
                <a:cubicBezTo>
                  <a:pt x="123" y="124"/>
                  <a:pt x="121" y="127"/>
                  <a:pt x="120" y="128"/>
                </a:cubicBezTo>
                <a:cubicBezTo>
                  <a:pt x="121" y="128"/>
                  <a:pt x="121" y="128"/>
                  <a:pt x="120" y="130"/>
                </a:cubicBezTo>
                <a:cubicBezTo>
                  <a:pt x="121" y="129"/>
                  <a:pt x="121" y="129"/>
                  <a:pt x="121" y="129"/>
                </a:cubicBezTo>
                <a:cubicBezTo>
                  <a:pt x="125" y="126"/>
                  <a:pt x="124" y="125"/>
                  <a:pt x="128" y="123"/>
                </a:cubicBezTo>
                <a:cubicBezTo>
                  <a:pt x="127" y="122"/>
                  <a:pt x="126" y="123"/>
                  <a:pt x="129" y="121"/>
                </a:cubicBezTo>
                <a:close/>
                <a:moveTo>
                  <a:pt x="129" y="131"/>
                </a:moveTo>
                <a:cubicBezTo>
                  <a:pt x="130" y="130"/>
                  <a:pt x="133" y="127"/>
                  <a:pt x="134" y="126"/>
                </a:cubicBezTo>
                <a:cubicBezTo>
                  <a:pt x="131" y="128"/>
                  <a:pt x="130" y="130"/>
                  <a:pt x="129" y="131"/>
                </a:cubicBezTo>
                <a:close/>
                <a:moveTo>
                  <a:pt x="133" y="136"/>
                </a:moveTo>
                <a:cubicBezTo>
                  <a:pt x="135" y="136"/>
                  <a:pt x="137" y="136"/>
                  <a:pt x="139" y="133"/>
                </a:cubicBezTo>
                <a:cubicBezTo>
                  <a:pt x="136" y="135"/>
                  <a:pt x="136" y="134"/>
                  <a:pt x="133" y="136"/>
                </a:cubicBezTo>
                <a:close/>
                <a:moveTo>
                  <a:pt x="124" y="131"/>
                </a:moveTo>
                <a:cubicBezTo>
                  <a:pt x="125" y="131"/>
                  <a:pt x="125" y="131"/>
                  <a:pt x="124" y="132"/>
                </a:cubicBezTo>
                <a:cubicBezTo>
                  <a:pt x="126" y="131"/>
                  <a:pt x="131" y="127"/>
                  <a:pt x="128" y="128"/>
                </a:cubicBezTo>
                <a:cubicBezTo>
                  <a:pt x="128" y="129"/>
                  <a:pt x="126" y="130"/>
                  <a:pt x="124" y="131"/>
                </a:cubicBezTo>
                <a:close/>
                <a:moveTo>
                  <a:pt x="121" y="127"/>
                </a:moveTo>
                <a:cubicBezTo>
                  <a:pt x="121" y="126"/>
                  <a:pt x="121" y="125"/>
                  <a:pt x="123" y="124"/>
                </a:cubicBezTo>
                <a:cubicBezTo>
                  <a:pt x="120" y="126"/>
                  <a:pt x="117" y="127"/>
                  <a:pt x="117" y="128"/>
                </a:cubicBezTo>
                <a:cubicBezTo>
                  <a:pt x="118" y="128"/>
                  <a:pt x="120" y="126"/>
                  <a:pt x="121" y="126"/>
                </a:cubicBezTo>
                <a:cubicBezTo>
                  <a:pt x="120" y="126"/>
                  <a:pt x="119" y="128"/>
                  <a:pt x="121" y="127"/>
                </a:cubicBezTo>
                <a:close/>
                <a:moveTo>
                  <a:pt x="120" y="131"/>
                </a:moveTo>
                <a:cubicBezTo>
                  <a:pt x="121" y="131"/>
                  <a:pt x="122" y="131"/>
                  <a:pt x="124" y="129"/>
                </a:cubicBezTo>
                <a:cubicBezTo>
                  <a:pt x="124" y="128"/>
                  <a:pt x="121" y="130"/>
                  <a:pt x="120" y="131"/>
                </a:cubicBezTo>
                <a:close/>
                <a:moveTo>
                  <a:pt x="119" y="140"/>
                </a:moveTo>
                <a:cubicBezTo>
                  <a:pt x="121" y="139"/>
                  <a:pt x="122" y="137"/>
                  <a:pt x="124" y="135"/>
                </a:cubicBezTo>
                <a:cubicBezTo>
                  <a:pt x="124" y="134"/>
                  <a:pt x="124" y="134"/>
                  <a:pt x="124" y="134"/>
                </a:cubicBezTo>
                <a:cubicBezTo>
                  <a:pt x="121" y="137"/>
                  <a:pt x="119" y="139"/>
                  <a:pt x="119" y="140"/>
                </a:cubicBezTo>
                <a:close/>
                <a:moveTo>
                  <a:pt x="117" y="131"/>
                </a:moveTo>
                <a:cubicBezTo>
                  <a:pt x="119" y="130"/>
                  <a:pt x="117" y="130"/>
                  <a:pt x="118" y="129"/>
                </a:cubicBezTo>
                <a:cubicBezTo>
                  <a:pt x="116" y="131"/>
                  <a:pt x="116" y="131"/>
                  <a:pt x="117" y="131"/>
                </a:cubicBezTo>
                <a:close/>
                <a:moveTo>
                  <a:pt x="112" y="133"/>
                </a:moveTo>
                <a:cubicBezTo>
                  <a:pt x="112" y="134"/>
                  <a:pt x="114" y="132"/>
                  <a:pt x="113" y="133"/>
                </a:cubicBezTo>
                <a:cubicBezTo>
                  <a:pt x="117" y="130"/>
                  <a:pt x="114" y="131"/>
                  <a:pt x="112" y="133"/>
                </a:cubicBezTo>
                <a:close/>
                <a:moveTo>
                  <a:pt x="117" y="138"/>
                </a:moveTo>
                <a:cubicBezTo>
                  <a:pt x="116" y="140"/>
                  <a:pt x="113" y="143"/>
                  <a:pt x="114" y="143"/>
                </a:cubicBezTo>
                <a:cubicBezTo>
                  <a:pt x="117" y="140"/>
                  <a:pt x="116" y="140"/>
                  <a:pt x="119" y="137"/>
                </a:cubicBezTo>
                <a:cubicBezTo>
                  <a:pt x="118" y="138"/>
                  <a:pt x="118" y="137"/>
                  <a:pt x="117" y="138"/>
                </a:cubicBezTo>
                <a:close/>
                <a:moveTo>
                  <a:pt x="114" y="157"/>
                </a:moveTo>
                <a:cubicBezTo>
                  <a:pt x="112" y="158"/>
                  <a:pt x="113" y="158"/>
                  <a:pt x="111" y="158"/>
                </a:cubicBezTo>
                <a:cubicBezTo>
                  <a:pt x="113" y="158"/>
                  <a:pt x="109" y="161"/>
                  <a:pt x="109" y="161"/>
                </a:cubicBezTo>
                <a:cubicBezTo>
                  <a:pt x="111" y="159"/>
                  <a:pt x="109" y="160"/>
                  <a:pt x="108" y="161"/>
                </a:cubicBezTo>
                <a:cubicBezTo>
                  <a:pt x="108" y="162"/>
                  <a:pt x="107" y="163"/>
                  <a:pt x="107" y="164"/>
                </a:cubicBezTo>
                <a:cubicBezTo>
                  <a:pt x="105" y="166"/>
                  <a:pt x="105" y="164"/>
                  <a:pt x="102" y="167"/>
                </a:cubicBezTo>
                <a:cubicBezTo>
                  <a:pt x="102" y="169"/>
                  <a:pt x="103" y="167"/>
                  <a:pt x="104" y="167"/>
                </a:cubicBezTo>
                <a:cubicBezTo>
                  <a:pt x="103" y="168"/>
                  <a:pt x="102" y="168"/>
                  <a:pt x="101" y="169"/>
                </a:cubicBezTo>
                <a:cubicBezTo>
                  <a:pt x="103" y="169"/>
                  <a:pt x="106" y="166"/>
                  <a:pt x="107" y="164"/>
                </a:cubicBezTo>
                <a:cubicBezTo>
                  <a:pt x="106" y="167"/>
                  <a:pt x="101" y="172"/>
                  <a:pt x="99" y="173"/>
                </a:cubicBezTo>
                <a:cubicBezTo>
                  <a:pt x="99" y="173"/>
                  <a:pt x="99" y="175"/>
                  <a:pt x="98" y="175"/>
                </a:cubicBezTo>
                <a:cubicBezTo>
                  <a:pt x="98" y="175"/>
                  <a:pt x="99" y="175"/>
                  <a:pt x="98" y="175"/>
                </a:cubicBezTo>
                <a:cubicBezTo>
                  <a:pt x="99" y="175"/>
                  <a:pt x="98" y="175"/>
                  <a:pt x="99" y="175"/>
                </a:cubicBezTo>
                <a:cubicBezTo>
                  <a:pt x="99" y="175"/>
                  <a:pt x="100" y="174"/>
                  <a:pt x="100" y="174"/>
                </a:cubicBezTo>
                <a:cubicBezTo>
                  <a:pt x="100" y="174"/>
                  <a:pt x="100" y="174"/>
                  <a:pt x="100" y="174"/>
                </a:cubicBezTo>
                <a:cubicBezTo>
                  <a:pt x="101" y="172"/>
                  <a:pt x="101" y="172"/>
                  <a:pt x="101" y="172"/>
                </a:cubicBezTo>
                <a:cubicBezTo>
                  <a:pt x="102" y="172"/>
                  <a:pt x="103" y="171"/>
                  <a:pt x="104" y="170"/>
                </a:cubicBezTo>
                <a:cubicBezTo>
                  <a:pt x="103" y="170"/>
                  <a:pt x="106" y="168"/>
                  <a:pt x="106" y="167"/>
                </a:cubicBezTo>
                <a:cubicBezTo>
                  <a:pt x="108" y="166"/>
                  <a:pt x="114" y="158"/>
                  <a:pt x="117" y="157"/>
                </a:cubicBezTo>
                <a:cubicBezTo>
                  <a:pt x="117" y="157"/>
                  <a:pt x="116" y="157"/>
                  <a:pt x="117" y="156"/>
                </a:cubicBezTo>
                <a:cubicBezTo>
                  <a:pt x="119" y="155"/>
                  <a:pt x="120" y="153"/>
                  <a:pt x="123" y="151"/>
                </a:cubicBezTo>
                <a:cubicBezTo>
                  <a:pt x="122" y="150"/>
                  <a:pt x="125" y="150"/>
                  <a:pt x="126" y="148"/>
                </a:cubicBezTo>
                <a:cubicBezTo>
                  <a:pt x="126" y="148"/>
                  <a:pt x="127" y="147"/>
                  <a:pt x="126" y="147"/>
                </a:cubicBezTo>
                <a:cubicBezTo>
                  <a:pt x="123" y="150"/>
                  <a:pt x="122" y="148"/>
                  <a:pt x="120" y="151"/>
                </a:cubicBezTo>
                <a:cubicBezTo>
                  <a:pt x="121" y="150"/>
                  <a:pt x="120" y="153"/>
                  <a:pt x="119" y="153"/>
                </a:cubicBezTo>
                <a:cubicBezTo>
                  <a:pt x="119" y="152"/>
                  <a:pt x="117" y="155"/>
                  <a:pt x="116" y="155"/>
                </a:cubicBezTo>
                <a:cubicBezTo>
                  <a:pt x="117" y="154"/>
                  <a:pt x="118" y="153"/>
                  <a:pt x="118" y="152"/>
                </a:cubicBezTo>
                <a:cubicBezTo>
                  <a:pt x="117" y="154"/>
                  <a:pt x="116" y="154"/>
                  <a:pt x="116" y="154"/>
                </a:cubicBezTo>
                <a:cubicBezTo>
                  <a:pt x="116" y="154"/>
                  <a:pt x="117" y="153"/>
                  <a:pt x="117" y="153"/>
                </a:cubicBezTo>
                <a:cubicBezTo>
                  <a:pt x="115" y="155"/>
                  <a:pt x="115" y="155"/>
                  <a:pt x="114" y="157"/>
                </a:cubicBezTo>
                <a:close/>
                <a:moveTo>
                  <a:pt x="119" y="151"/>
                </a:moveTo>
                <a:cubicBezTo>
                  <a:pt x="120" y="150"/>
                  <a:pt x="121" y="149"/>
                  <a:pt x="121" y="148"/>
                </a:cubicBezTo>
                <a:cubicBezTo>
                  <a:pt x="120" y="149"/>
                  <a:pt x="119" y="149"/>
                  <a:pt x="118" y="151"/>
                </a:cubicBezTo>
                <a:cubicBezTo>
                  <a:pt x="118" y="152"/>
                  <a:pt x="119" y="150"/>
                  <a:pt x="120" y="150"/>
                </a:cubicBezTo>
                <a:cubicBezTo>
                  <a:pt x="119" y="151"/>
                  <a:pt x="118" y="152"/>
                  <a:pt x="119" y="151"/>
                </a:cubicBezTo>
                <a:close/>
                <a:moveTo>
                  <a:pt x="124" y="159"/>
                </a:moveTo>
                <a:cubicBezTo>
                  <a:pt x="125" y="159"/>
                  <a:pt x="128" y="159"/>
                  <a:pt x="128" y="157"/>
                </a:cubicBezTo>
                <a:cubicBezTo>
                  <a:pt x="125" y="160"/>
                  <a:pt x="127" y="156"/>
                  <a:pt x="124" y="159"/>
                </a:cubicBezTo>
                <a:close/>
                <a:moveTo>
                  <a:pt x="112" y="142"/>
                </a:moveTo>
                <a:cubicBezTo>
                  <a:pt x="110" y="143"/>
                  <a:pt x="109" y="144"/>
                  <a:pt x="109" y="145"/>
                </a:cubicBezTo>
                <a:cubicBezTo>
                  <a:pt x="110" y="145"/>
                  <a:pt x="111" y="143"/>
                  <a:pt x="112" y="142"/>
                </a:cubicBezTo>
                <a:cubicBezTo>
                  <a:pt x="112" y="143"/>
                  <a:pt x="112" y="143"/>
                  <a:pt x="113" y="142"/>
                </a:cubicBezTo>
                <a:cubicBezTo>
                  <a:pt x="113" y="142"/>
                  <a:pt x="112" y="142"/>
                  <a:pt x="112" y="142"/>
                </a:cubicBezTo>
                <a:close/>
                <a:moveTo>
                  <a:pt x="114" y="170"/>
                </a:moveTo>
                <a:cubicBezTo>
                  <a:pt x="115" y="170"/>
                  <a:pt x="118" y="166"/>
                  <a:pt x="117" y="166"/>
                </a:cubicBezTo>
                <a:cubicBezTo>
                  <a:pt x="115" y="168"/>
                  <a:pt x="116" y="167"/>
                  <a:pt x="114" y="170"/>
                </a:cubicBezTo>
                <a:close/>
                <a:moveTo>
                  <a:pt x="88" y="182"/>
                </a:moveTo>
                <a:cubicBezTo>
                  <a:pt x="88" y="182"/>
                  <a:pt x="89" y="182"/>
                  <a:pt x="89" y="181"/>
                </a:cubicBezTo>
                <a:cubicBezTo>
                  <a:pt x="88" y="181"/>
                  <a:pt x="88" y="182"/>
                  <a:pt x="88" y="182"/>
                </a:cubicBezTo>
                <a:close/>
                <a:moveTo>
                  <a:pt x="108" y="144"/>
                </a:moveTo>
                <a:cubicBezTo>
                  <a:pt x="106" y="144"/>
                  <a:pt x="109" y="142"/>
                  <a:pt x="108" y="142"/>
                </a:cubicBezTo>
                <a:cubicBezTo>
                  <a:pt x="107" y="142"/>
                  <a:pt x="103" y="145"/>
                  <a:pt x="103" y="145"/>
                </a:cubicBezTo>
                <a:cubicBezTo>
                  <a:pt x="105" y="144"/>
                  <a:pt x="106" y="145"/>
                  <a:pt x="107" y="144"/>
                </a:cubicBezTo>
                <a:cubicBezTo>
                  <a:pt x="109" y="143"/>
                  <a:pt x="109" y="143"/>
                  <a:pt x="110" y="141"/>
                </a:cubicBezTo>
                <a:cubicBezTo>
                  <a:pt x="110" y="141"/>
                  <a:pt x="110" y="141"/>
                  <a:pt x="110" y="141"/>
                </a:cubicBezTo>
                <a:cubicBezTo>
                  <a:pt x="107" y="143"/>
                  <a:pt x="110" y="142"/>
                  <a:pt x="108" y="144"/>
                </a:cubicBezTo>
                <a:close/>
                <a:moveTo>
                  <a:pt x="802" y="247"/>
                </a:moveTo>
                <a:cubicBezTo>
                  <a:pt x="799" y="242"/>
                  <a:pt x="799" y="242"/>
                  <a:pt x="799" y="242"/>
                </a:cubicBezTo>
                <a:cubicBezTo>
                  <a:pt x="798" y="242"/>
                  <a:pt x="801" y="247"/>
                  <a:pt x="801" y="246"/>
                </a:cubicBezTo>
                <a:cubicBezTo>
                  <a:pt x="801" y="247"/>
                  <a:pt x="801" y="247"/>
                  <a:pt x="801" y="247"/>
                </a:cubicBezTo>
                <a:cubicBezTo>
                  <a:pt x="800" y="244"/>
                  <a:pt x="802" y="246"/>
                  <a:pt x="802" y="247"/>
                </a:cubicBezTo>
                <a:close/>
                <a:moveTo>
                  <a:pt x="596" y="44"/>
                </a:moveTo>
                <a:cubicBezTo>
                  <a:pt x="592" y="42"/>
                  <a:pt x="592" y="42"/>
                  <a:pt x="592" y="42"/>
                </a:cubicBezTo>
                <a:cubicBezTo>
                  <a:pt x="592" y="43"/>
                  <a:pt x="593" y="43"/>
                  <a:pt x="594" y="44"/>
                </a:cubicBezTo>
                <a:cubicBezTo>
                  <a:pt x="591" y="43"/>
                  <a:pt x="597" y="45"/>
                  <a:pt x="596" y="44"/>
                </a:cubicBezTo>
                <a:close/>
                <a:moveTo>
                  <a:pt x="493" y="9"/>
                </a:moveTo>
                <a:cubicBezTo>
                  <a:pt x="495" y="10"/>
                  <a:pt x="500" y="11"/>
                  <a:pt x="502" y="11"/>
                </a:cubicBezTo>
                <a:cubicBezTo>
                  <a:pt x="500" y="10"/>
                  <a:pt x="492" y="9"/>
                  <a:pt x="493" y="9"/>
                </a:cubicBezTo>
                <a:close/>
                <a:moveTo>
                  <a:pt x="467" y="5"/>
                </a:moveTo>
                <a:cubicBezTo>
                  <a:pt x="469" y="5"/>
                  <a:pt x="477" y="7"/>
                  <a:pt x="475" y="6"/>
                </a:cubicBezTo>
                <a:cubicBezTo>
                  <a:pt x="473" y="6"/>
                  <a:pt x="466" y="4"/>
                  <a:pt x="466" y="5"/>
                </a:cubicBezTo>
                <a:cubicBezTo>
                  <a:pt x="467" y="6"/>
                  <a:pt x="469" y="7"/>
                  <a:pt x="470" y="6"/>
                </a:cubicBezTo>
                <a:cubicBezTo>
                  <a:pt x="469" y="6"/>
                  <a:pt x="468" y="6"/>
                  <a:pt x="467" y="5"/>
                </a:cubicBezTo>
                <a:close/>
                <a:moveTo>
                  <a:pt x="411" y="0"/>
                </a:moveTo>
                <a:cubicBezTo>
                  <a:pt x="410" y="0"/>
                  <a:pt x="406" y="0"/>
                  <a:pt x="404" y="1"/>
                </a:cubicBezTo>
                <a:cubicBezTo>
                  <a:pt x="407" y="1"/>
                  <a:pt x="411" y="1"/>
                  <a:pt x="414" y="1"/>
                </a:cubicBezTo>
                <a:cubicBezTo>
                  <a:pt x="413" y="1"/>
                  <a:pt x="411" y="1"/>
                  <a:pt x="412" y="1"/>
                </a:cubicBezTo>
                <a:cubicBezTo>
                  <a:pt x="413" y="1"/>
                  <a:pt x="417" y="0"/>
                  <a:pt x="415" y="0"/>
                </a:cubicBezTo>
                <a:cubicBezTo>
                  <a:pt x="415" y="1"/>
                  <a:pt x="413" y="0"/>
                  <a:pt x="411" y="0"/>
                </a:cubicBezTo>
                <a:close/>
                <a:moveTo>
                  <a:pt x="394" y="50"/>
                </a:moveTo>
                <a:cubicBezTo>
                  <a:pt x="394" y="49"/>
                  <a:pt x="401" y="50"/>
                  <a:pt x="399" y="50"/>
                </a:cubicBezTo>
                <a:cubicBezTo>
                  <a:pt x="399" y="49"/>
                  <a:pt x="391" y="49"/>
                  <a:pt x="394" y="50"/>
                </a:cubicBezTo>
                <a:close/>
                <a:moveTo>
                  <a:pt x="388" y="50"/>
                </a:moveTo>
                <a:cubicBezTo>
                  <a:pt x="389" y="50"/>
                  <a:pt x="391" y="51"/>
                  <a:pt x="393" y="50"/>
                </a:cubicBezTo>
                <a:cubicBezTo>
                  <a:pt x="384" y="50"/>
                  <a:pt x="379" y="50"/>
                  <a:pt x="376" y="50"/>
                </a:cubicBezTo>
                <a:cubicBezTo>
                  <a:pt x="379" y="50"/>
                  <a:pt x="373" y="51"/>
                  <a:pt x="376" y="51"/>
                </a:cubicBezTo>
                <a:cubicBezTo>
                  <a:pt x="378" y="50"/>
                  <a:pt x="383" y="51"/>
                  <a:pt x="382" y="50"/>
                </a:cubicBezTo>
                <a:cubicBezTo>
                  <a:pt x="383" y="50"/>
                  <a:pt x="386" y="50"/>
                  <a:pt x="388" y="50"/>
                </a:cubicBezTo>
                <a:close/>
                <a:moveTo>
                  <a:pt x="350" y="7"/>
                </a:moveTo>
                <a:cubicBezTo>
                  <a:pt x="351" y="6"/>
                  <a:pt x="358" y="6"/>
                  <a:pt x="359" y="6"/>
                </a:cubicBezTo>
                <a:cubicBezTo>
                  <a:pt x="355" y="6"/>
                  <a:pt x="351" y="7"/>
                  <a:pt x="349" y="7"/>
                </a:cubicBezTo>
                <a:cubicBezTo>
                  <a:pt x="350" y="7"/>
                  <a:pt x="350" y="7"/>
                  <a:pt x="350" y="7"/>
                </a:cubicBezTo>
                <a:cubicBezTo>
                  <a:pt x="350" y="7"/>
                  <a:pt x="349" y="7"/>
                  <a:pt x="350" y="7"/>
                </a:cubicBezTo>
                <a:close/>
                <a:moveTo>
                  <a:pt x="350" y="8"/>
                </a:moveTo>
                <a:cubicBezTo>
                  <a:pt x="350" y="8"/>
                  <a:pt x="350" y="8"/>
                  <a:pt x="351" y="7"/>
                </a:cubicBezTo>
                <a:cubicBezTo>
                  <a:pt x="348" y="8"/>
                  <a:pt x="348" y="7"/>
                  <a:pt x="347" y="7"/>
                </a:cubicBezTo>
                <a:cubicBezTo>
                  <a:pt x="346" y="8"/>
                  <a:pt x="345" y="8"/>
                  <a:pt x="343" y="8"/>
                </a:cubicBezTo>
                <a:cubicBezTo>
                  <a:pt x="342" y="8"/>
                  <a:pt x="336" y="8"/>
                  <a:pt x="335" y="9"/>
                </a:cubicBezTo>
                <a:cubicBezTo>
                  <a:pt x="336" y="9"/>
                  <a:pt x="337" y="9"/>
                  <a:pt x="337" y="9"/>
                </a:cubicBezTo>
                <a:cubicBezTo>
                  <a:pt x="334" y="10"/>
                  <a:pt x="330" y="9"/>
                  <a:pt x="327" y="11"/>
                </a:cubicBezTo>
                <a:cubicBezTo>
                  <a:pt x="331" y="11"/>
                  <a:pt x="333" y="10"/>
                  <a:pt x="336" y="10"/>
                </a:cubicBezTo>
                <a:cubicBezTo>
                  <a:pt x="336" y="9"/>
                  <a:pt x="337" y="9"/>
                  <a:pt x="339" y="9"/>
                </a:cubicBezTo>
                <a:cubicBezTo>
                  <a:pt x="339" y="9"/>
                  <a:pt x="336" y="9"/>
                  <a:pt x="337" y="10"/>
                </a:cubicBezTo>
                <a:cubicBezTo>
                  <a:pt x="342" y="9"/>
                  <a:pt x="350" y="9"/>
                  <a:pt x="351" y="8"/>
                </a:cubicBezTo>
                <a:cubicBezTo>
                  <a:pt x="350" y="8"/>
                  <a:pt x="350" y="8"/>
                  <a:pt x="350" y="8"/>
                </a:cubicBezTo>
                <a:close/>
                <a:moveTo>
                  <a:pt x="314" y="14"/>
                </a:moveTo>
                <a:cubicBezTo>
                  <a:pt x="315" y="14"/>
                  <a:pt x="322" y="13"/>
                  <a:pt x="320" y="13"/>
                </a:cubicBezTo>
                <a:cubicBezTo>
                  <a:pt x="317" y="14"/>
                  <a:pt x="316" y="13"/>
                  <a:pt x="314" y="14"/>
                </a:cubicBezTo>
                <a:close/>
                <a:moveTo>
                  <a:pt x="241" y="77"/>
                </a:moveTo>
                <a:cubicBezTo>
                  <a:pt x="240" y="77"/>
                  <a:pt x="241" y="75"/>
                  <a:pt x="240" y="76"/>
                </a:cubicBezTo>
                <a:cubicBezTo>
                  <a:pt x="240" y="76"/>
                  <a:pt x="238" y="77"/>
                  <a:pt x="238" y="77"/>
                </a:cubicBezTo>
                <a:cubicBezTo>
                  <a:pt x="238" y="77"/>
                  <a:pt x="238" y="77"/>
                  <a:pt x="237" y="77"/>
                </a:cubicBezTo>
                <a:cubicBezTo>
                  <a:pt x="237" y="78"/>
                  <a:pt x="238" y="77"/>
                  <a:pt x="238" y="77"/>
                </a:cubicBezTo>
                <a:cubicBezTo>
                  <a:pt x="236" y="79"/>
                  <a:pt x="236" y="78"/>
                  <a:pt x="235" y="79"/>
                </a:cubicBezTo>
                <a:cubicBezTo>
                  <a:pt x="236" y="79"/>
                  <a:pt x="240" y="77"/>
                  <a:pt x="241" y="77"/>
                </a:cubicBezTo>
                <a:close/>
                <a:moveTo>
                  <a:pt x="232" y="80"/>
                </a:moveTo>
                <a:cubicBezTo>
                  <a:pt x="232" y="81"/>
                  <a:pt x="233" y="81"/>
                  <a:pt x="228" y="83"/>
                </a:cubicBezTo>
                <a:cubicBezTo>
                  <a:pt x="231" y="83"/>
                  <a:pt x="236" y="79"/>
                  <a:pt x="241" y="77"/>
                </a:cubicBezTo>
                <a:cubicBezTo>
                  <a:pt x="238" y="78"/>
                  <a:pt x="235" y="79"/>
                  <a:pt x="232" y="80"/>
                </a:cubicBezTo>
                <a:close/>
                <a:moveTo>
                  <a:pt x="222" y="84"/>
                </a:moveTo>
                <a:cubicBezTo>
                  <a:pt x="220" y="86"/>
                  <a:pt x="220" y="87"/>
                  <a:pt x="223" y="86"/>
                </a:cubicBezTo>
                <a:cubicBezTo>
                  <a:pt x="221" y="87"/>
                  <a:pt x="219" y="89"/>
                  <a:pt x="217" y="89"/>
                </a:cubicBezTo>
                <a:cubicBezTo>
                  <a:pt x="217" y="88"/>
                  <a:pt x="219" y="88"/>
                  <a:pt x="219" y="87"/>
                </a:cubicBezTo>
                <a:cubicBezTo>
                  <a:pt x="217" y="88"/>
                  <a:pt x="213" y="90"/>
                  <a:pt x="213" y="91"/>
                </a:cubicBezTo>
                <a:cubicBezTo>
                  <a:pt x="218" y="88"/>
                  <a:pt x="214" y="91"/>
                  <a:pt x="215" y="91"/>
                </a:cubicBezTo>
                <a:cubicBezTo>
                  <a:pt x="219" y="89"/>
                  <a:pt x="219" y="89"/>
                  <a:pt x="219" y="89"/>
                </a:cubicBezTo>
                <a:cubicBezTo>
                  <a:pt x="219" y="88"/>
                  <a:pt x="224" y="86"/>
                  <a:pt x="226" y="84"/>
                </a:cubicBezTo>
                <a:cubicBezTo>
                  <a:pt x="222" y="86"/>
                  <a:pt x="223" y="85"/>
                  <a:pt x="222" y="84"/>
                </a:cubicBezTo>
                <a:close/>
                <a:moveTo>
                  <a:pt x="214" y="101"/>
                </a:moveTo>
                <a:cubicBezTo>
                  <a:pt x="214" y="103"/>
                  <a:pt x="210" y="104"/>
                  <a:pt x="207" y="106"/>
                </a:cubicBezTo>
                <a:cubicBezTo>
                  <a:pt x="211" y="104"/>
                  <a:pt x="216" y="101"/>
                  <a:pt x="220" y="99"/>
                </a:cubicBezTo>
                <a:cubicBezTo>
                  <a:pt x="219" y="99"/>
                  <a:pt x="215" y="102"/>
                  <a:pt x="215" y="101"/>
                </a:cubicBezTo>
                <a:cubicBezTo>
                  <a:pt x="219" y="99"/>
                  <a:pt x="223" y="98"/>
                  <a:pt x="226" y="95"/>
                </a:cubicBezTo>
                <a:cubicBezTo>
                  <a:pt x="223" y="97"/>
                  <a:pt x="219" y="98"/>
                  <a:pt x="214" y="101"/>
                </a:cubicBezTo>
                <a:close/>
                <a:moveTo>
                  <a:pt x="211" y="86"/>
                </a:moveTo>
                <a:cubicBezTo>
                  <a:pt x="213" y="83"/>
                  <a:pt x="216" y="83"/>
                  <a:pt x="217" y="81"/>
                </a:cubicBezTo>
                <a:cubicBezTo>
                  <a:pt x="214" y="83"/>
                  <a:pt x="214" y="82"/>
                  <a:pt x="210" y="84"/>
                </a:cubicBezTo>
                <a:cubicBezTo>
                  <a:pt x="210" y="85"/>
                  <a:pt x="208" y="86"/>
                  <a:pt x="211" y="86"/>
                </a:cubicBezTo>
                <a:close/>
                <a:moveTo>
                  <a:pt x="210" y="82"/>
                </a:moveTo>
                <a:cubicBezTo>
                  <a:pt x="211" y="82"/>
                  <a:pt x="207" y="83"/>
                  <a:pt x="208" y="84"/>
                </a:cubicBezTo>
                <a:cubicBezTo>
                  <a:pt x="211" y="83"/>
                  <a:pt x="211" y="82"/>
                  <a:pt x="213" y="80"/>
                </a:cubicBezTo>
                <a:cubicBezTo>
                  <a:pt x="214" y="80"/>
                  <a:pt x="214" y="81"/>
                  <a:pt x="215" y="80"/>
                </a:cubicBezTo>
                <a:cubicBezTo>
                  <a:pt x="216" y="79"/>
                  <a:pt x="212" y="81"/>
                  <a:pt x="210" y="82"/>
                </a:cubicBezTo>
                <a:close/>
                <a:moveTo>
                  <a:pt x="203" y="100"/>
                </a:moveTo>
                <a:cubicBezTo>
                  <a:pt x="201" y="100"/>
                  <a:pt x="199" y="102"/>
                  <a:pt x="199" y="102"/>
                </a:cubicBezTo>
                <a:cubicBezTo>
                  <a:pt x="201" y="100"/>
                  <a:pt x="205" y="97"/>
                  <a:pt x="207" y="96"/>
                </a:cubicBezTo>
                <a:cubicBezTo>
                  <a:pt x="207" y="96"/>
                  <a:pt x="213" y="92"/>
                  <a:pt x="212" y="92"/>
                </a:cubicBezTo>
                <a:cubicBezTo>
                  <a:pt x="211" y="93"/>
                  <a:pt x="207" y="95"/>
                  <a:pt x="207" y="96"/>
                </a:cubicBezTo>
                <a:cubicBezTo>
                  <a:pt x="204" y="97"/>
                  <a:pt x="201" y="100"/>
                  <a:pt x="197" y="101"/>
                </a:cubicBezTo>
                <a:cubicBezTo>
                  <a:pt x="197" y="102"/>
                  <a:pt x="198" y="101"/>
                  <a:pt x="196" y="103"/>
                </a:cubicBezTo>
                <a:cubicBezTo>
                  <a:pt x="192" y="104"/>
                  <a:pt x="183" y="110"/>
                  <a:pt x="180" y="114"/>
                </a:cubicBezTo>
                <a:cubicBezTo>
                  <a:pt x="175" y="115"/>
                  <a:pt x="167" y="123"/>
                  <a:pt x="160" y="128"/>
                </a:cubicBezTo>
                <a:cubicBezTo>
                  <a:pt x="161" y="128"/>
                  <a:pt x="163" y="127"/>
                  <a:pt x="161" y="129"/>
                </a:cubicBezTo>
                <a:cubicBezTo>
                  <a:pt x="164" y="127"/>
                  <a:pt x="163" y="126"/>
                  <a:pt x="165" y="125"/>
                </a:cubicBezTo>
                <a:cubicBezTo>
                  <a:pt x="166" y="125"/>
                  <a:pt x="167" y="124"/>
                  <a:pt x="165" y="127"/>
                </a:cubicBezTo>
                <a:cubicBezTo>
                  <a:pt x="167" y="125"/>
                  <a:pt x="166" y="126"/>
                  <a:pt x="168" y="125"/>
                </a:cubicBezTo>
                <a:cubicBezTo>
                  <a:pt x="168" y="124"/>
                  <a:pt x="169" y="122"/>
                  <a:pt x="167" y="123"/>
                </a:cubicBezTo>
                <a:cubicBezTo>
                  <a:pt x="172" y="119"/>
                  <a:pt x="174" y="119"/>
                  <a:pt x="177" y="116"/>
                </a:cubicBezTo>
                <a:cubicBezTo>
                  <a:pt x="176" y="117"/>
                  <a:pt x="178" y="116"/>
                  <a:pt x="179" y="115"/>
                </a:cubicBezTo>
                <a:cubicBezTo>
                  <a:pt x="179" y="115"/>
                  <a:pt x="178" y="115"/>
                  <a:pt x="179" y="114"/>
                </a:cubicBezTo>
                <a:cubicBezTo>
                  <a:pt x="183" y="113"/>
                  <a:pt x="189" y="107"/>
                  <a:pt x="193" y="105"/>
                </a:cubicBezTo>
                <a:cubicBezTo>
                  <a:pt x="193" y="105"/>
                  <a:pt x="192" y="105"/>
                  <a:pt x="194" y="104"/>
                </a:cubicBezTo>
                <a:cubicBezTo>
                  <a:pt x="193" y="106"/>
                  <a:pt x="196" y="103"/>
                  <a:pt x="198" y="102"/>
                </a:cubicBezTo>
                <a:cubicBezTo>
                  <a:pt x="198" y="103"/>
                  <a:pt x="189" y="108"/>
                  <a:pt x="194" y="106"/>
                </a:cubicBezTo>
                <a:cubicBezTo>
                  <a:pt x="192" y="107"/>
                  <a:pt x="190" y="108"/>
                  <a:pt x="190" y="108"/>
                </a:cubicBezTo>
                <a:cubicBezTo>
                  <a:pt x="194" y="106"/>
                  <a:pt x="190" y="109"/>
                  <a:pt x="189" y="110"/>
                </a:cubicBezTo>
                <a:cubicBezTo>
                  <a:pt x="194" y="107"/>
                  <a:pt x="196" y="106"/>
                  <a:pt x="200" y="103"/>
                </a:cubicBezTo>
                <a:cubicBezTo>
                  <a:pt x="201" y="103"/>
                  <a:pt x="200" y="103"/>
                  <a:pt x="201" y="102"/>
                </a:cubicBezTo>
                <a:cubicBezTo>
                  <a:pt x="202" y="102"/>
                  <a:pt x="205" y="100"/>
                  <a:pt x="205" y="99"/>
                </a:cubicBezTo>
                <a:cubicBezTo>
                  <a:pt x="207" y="98"/>
                  <a:pt x="210" y="96"/>
                  <a:pt x="210" y="97"/>
                </a:cubicBezTo>
                <a:cubicBezTo>
                  <a:pt x="212" y="96"/>
                  <a:pt x="213" y="96"/>
                  <a:pt x="213" y="95"/>
                </a:cubicBezTo>
                <a:cubicBezTo>
                  <a:pt x="211" y="96"/>
                  <a:pt x="215" y="94"/>
                  <a:pt x="214" y="94"/>
                </a:cubicBezTo>
                <a:cubicBezTo>
                  <a:pt x="213" y="95"/>
                  <a:pt x="213" y="94"/>
                  <a:pt x="211" y="95"/>
                </a:cubicBezTo>
                <a:cubicBezTo>
                  <a:pt x="211" y="96"/>
                  <a:pt x="207" y="98"/>
                  <a:pt x="205" y="99"/>
                </a:cubicBezTo>
                <a:cubicBezTo>
                  <a:pt x="205" y="99"/>
                  <a:pt x="202" y="101"/>
                  <a:pt x="202" y="101"/>
                </a:cubicBezTo>
                <a:cubicBezTo>
                  <a:pt x="200" y="101"/>
                  <a:pt x="205" y="99"/>
                  <a:pt x="203" y="100"/>
                </a:cubicBezTo>
                <a:close/>
                <a:moveTo>
                  <a:pt x="201" y="82"/>
                </a:moveTo>
                <a:cubicBezTo>
                  <a:pt x="203" y="81"/>
                  <a:pt x="203" y="82"/>
                  <a:pt x="205" y="81"/>
                </a:cubicBezTo>
                <a:cubicBezTo>
                  <a:pt x="205" y="80"/>
                  <a:pt x="206" y="80"/>
                  <a:pt x="205" y="79"/>
                </a:cubicBezTo>
                <a:cubicBezTo>
                  <a:pt x="203" y="80"/>
                  <a:pt x="202" y="81"/>
                  <a:pt x="201" y="82"/>
                </a:cubicBezTo>
                <a:close/>
                <a:moveTo>
                  <a:pt x="192" y="82"/>
                </a:moveTo>
                <a:cubicBezTo>
                  <a:pt x="192" y="81"/>
                  <a:pt x="194" y="80"/>
                  <a:pt x="194" y="80"/>
                </a:cubicBezTo>
                <a:cubicBezTo>
                  <a:pt x="192" y="80"/>
                  <a:pt x="187" y="84"/>
                  <a:pt x="190" y="83"/>
                </a:cubicBezTo>
                <a:cubicBezTo>
                  <a:pt x="192" y="81"/>
                  <a:pt x="191" y="83"/>
                  <a:pt x="191" y="83"/>
                </a:cubicBezTo>
                <a:cubicBezTo>
                  <a:pt x="192" y="83"/>
                  <a:pt x="194" y="82"/>
                  <a:pt x="195" y="81"/>
                </a:cubicBezTo>
                <a:cubicBezTo>
                  <a:pt x="195" y="81"/>
                  <a:pt x="195" y="82"/>
                  <a:pt x="195" y="82"/>
                </a:cubicBezTo>
                <a:cubicBezTo>
                  <a:pt x="197" y="81"/>
                  <a:pt x="197" y="81"/>
                  <a:pt x="197" y="81"/>
                </a:cubicBezTo>
                <a:cubicBezTo>
                  <a:pt x="197" y="80"/>
                  <a:pt x="197" y="80"/>
                  <a:pt x="197" y="80"/>
                </a:cubicBezTo>
                <a:cubicBezTo>
                  <a:pt x="194" y="82"/>
                  <a:pt x="193" y="81"/>
                  <a:pt x="192" y="82"/>
                </a:cubicBezTo>
                <a:close/>
                <a:moveTo>
                  <a:pt x="196" y="84"/>
                </a:moveTo>
                <a:cubicBezTo>
                  <a:pt x="193" y="86"/>
                  <a:pt x="192" y="85"/>
                  <a:pt x="192" y="85"/>
                </a:cubicBezTo>
                <a:cubicBezTo>
                  <a:pt x="192" y="86"/>
                  <a:pt x="191" y="86"/>
                  <a:pt x="191" y="87"/>
                </a:cubicBezTo>
                <a:cubicBezTo>
                  <a:pt x="193" y="86"/>
                  <a:pt x="192" y="87"/>
                  <a:pt x="194" y="87"/>
                </a:cubicBezTo>
                <a:cubicBezTo>
                  <a:pt x="196" y="86"/>
                  <a:pt x="195" y="86"/>
                  <a:pt x="197" y="85"/>
                </a:cubicBezTo>
                <a:cubicBezTo>
                  <a:pt x="198" y="84"/>
                  <a:pt x="195" y="86"/>
                  <a:pt x="195" y="85"/>
                </a:cubicBezTo>
                <a:cubicBezTo>
                  <a:pt x="195" y="85"/>
                  <a:pt x="198" y="82"/>
                  <a:pt x="196" y="83"/>
                </a:cubicBezTo>
                <a:cubicBezTo>
                  <a:pt x="196" y="83"/>
                  <a:pt x="196" y="83"/>
                  <a:pt x="196" y="84"/>
                </a:cubicBezTo>
                <a:close/>
                <a:moveTo>
                  <a:pt x="187" y="104"/>
                </a:moveTo>
                <a:cubicBezTo>
                  <a:pt x="188" y="103"/>
                  <a:pt x="188" y="105"/>
                  <a:pt x="192" y="103"/>
                </a:cubicBezTo>
                <a:cubicBezTo>
                  <a:pt x="192" y="102"/>
                  <a:pt x="190" y="103"/>
                  <a:pt x="190" y="103"/>
                </a:cubicBezTo>
                <a:cubicBezTo>
                  <a:pt x="192" y="102"/>
                  <a:pt x="193" y="101"/>
                  <a:pt x="194" y="99"/>
                </a:cubicBezTo>
                <a:cubicBezTo>
                  <a:pt x="195" y="100"/>
                  <a:pt x="195" y="100"/>
                  <a:pt x="195" y="100"/>
                </a:cubicBezTo>
                <a:cubicBezTo>
                  <a:pt x="197" y="98"/>
                  <a:pt x="198" y="98"/>
                  <a:pt x="201" y="96"/>
                </a:cubicBezTo>
                <a:cubicBezTo>
                  <a:pt x="200" y="96"/>
                  <a:pt x="201" y="94"/>
                  <a:pt x="200" y="95"/>
                </a:cubicBezTo>
                <a:cubicBezTo>
                  <a:pt x="196" y="97"/>
                  <a:pt x="191" y="101"/>
                  <a:pt x="189" y="102"/>
                </a:cubicBezTo>
                <a:cubicBezTo>
                  <a:pt x="188" y="103"/>
                  <a:pt x="191" y="102"/>
                  <a:pt x="188" y="103"/>
                </a:cubicBezTo>
                <a:cubicBezTo>
                  <a:pt x="188" y="103"/>
                  <a:pt x="187" y="104"/>
                  <a:pt x="187" y="104"/>
                </a:cubicBezTo>
                <a:close/>
                <a:moveTo>
                  <a:pt x="198" y="107"/>
                </a:moveTo>
                <a:cubicBezTo>
                  <a:pt x="200" y="106"/>
                  <a:pt x="201" y="105"/>
                  <a:pt x="202" y="105"/>
                </a:cubicBezTo>
                <a:cubicBezTo>
                  <a:pt x="201" y="105"/>
                  <a:pt x="199" y="106"/>
                  <a:pt x="198" y="106"/>
                </a:cubicBezTo>
                <a:cubicBezTo>
                  <a:pt x="200" y="105"/>
                  <a:pt x="200" y="104"/>
                  <a:pt x="202" y="103"/>
                </a:cubicBezTo>
                <a:cubicBezTo>
                  <a:pt x="201" y="104"/>
                  <a:pt x="203" y="102"/>
                  <a:pt x="205" y="102"/>
                </a:cubicBezTo>
                <a:cubicBezTo>
                  <a:pt x="204" y="101"/>
                  <a:pt x="200" y="104"/>
                  <a:pt x="197" y="105"/>
                </a:cubicBezTo>
                <a:cubicBezTo>
                  <a:pt x="199" y="105"/>
                  <a:pt x="196" y="108"/>
                  <a:pt x="198" y="107"/>
                </a:cubicBezTo>
                <a:close/>
                <a:moveTo>
                  <a:pt x="186" y="99"/>
                </a:moveTo>
                <a:cubicBezTo>
                  <a:pt x="183" y="101"/>
                  <a:pt x="173" y="108"/>
                  <a:pt x="182" y="103"/>
                </a:cubicBezTo>
                <a:cubicBezTo>
                  <a:pt x="183" y="101"/>
                  <a:pt x="187" y="99"/>
                  <a:pt x="183" y="102"/>
                </a:cubicBezTo>
                <a:cubicBezTo>
                  <a:pt x="186" y="100"/>
                  <a:pt x="187" y="99"/>
                  <a:pt x="188" y="98"/>
                </a:cubicBezTo>
                <a:cubicBezTo>
                  <a:pt x="187" y="99"/>
                  <a:pt x="187" y="98"/>
                  <a:pt x="186" y="99"/>
                </a:cubicBezTo>
                <a:close/>
                <a:moveTo>
                  <a:pt x="169" y="89"/>
                </a:moveTo>
                <a:cubicBezTo>
                  <a:pt x="171" y="89"/>
                  <a:pt x="178" y="83"/>
                  <a:pt x="174" y="85"/>
                </a:cubicBezTo>
                <a:cubicBezTo>
                  <a:pt x="174" y="86"/>
                  <a:pt x="171" y="88"/>
                  <a:pt x="169" y="89"/>
                </a:cubicBezTo>
                <a:close/>
                <a:moveTo>
                  <a:pt x="182" y="123"/>
                </a:moveTo>
                <a:cubicBezTo>
                  <a:pt x="187" y="120"/>
                  <a:pt x="189" y="118"/>
                  <a:pt x="195" y="114"/>
                </a:cubicBezTo>
                <a:cubicBezTo>
                  <a:pt x="194" y="115"/>
                  <a:pt x="195" y="113"/>
                  <a:pt x="194" y="114"/>
                </a:cubicBezTo>
                <a:cubicBezTo>
                  <a:pt x="194" y="114"/>
                  <a:pt x="191" y="117"/>
                  <a:pt x="189" y="118"/>
                </a:cubicBezTo>
                <a:cubicBezTo>
                  <a:pt x="190" y="117"/>
                  <a:pt x="190" y="117"/>
                  <a:pt x="190" y="116"/>
                </a:cubicBezTo>
                <a:cubicBezTo>
                  <a:pt x="188" y="118"/>
                  <a:pt x="186" y="120"/>
                  <a:pt x="183" y="121"/>
                </a:cubicBezTo>
                <a:cubicBezTo>
                  <a:pt x="184" y="121"/>
                  <a:pt x="184" y="120"/>
                  <a:pt x="183" y="121"/>
                </a:cubicBezTo>
                <a:cubicBezTo>
                  <a:pt x="183" y="121"/>
                  <a:pt x="182" y="123"/>
                  <a:pt x="182" y="123"/>
                </a:cubicBezTo>
                <a:close/>
                <a:moveTo>
                  <a:pt x="178" y="110"/>
                </a:moveTo>
                <a:cubicBezTo>
                  <a:pt x="180" y="109"/>
                  <a:pt x="180" y="109"/>
                  <a:pt x="180" y="109"/>
                </a:cubicBezTo>
                <a:cubicBezTo>
                  <a:pt x="178" y="111"/>
                  <a:pt x="182" y="109"/>
                  <a:pt x="182" y="108"/>
                </a:cubicBezTo>
                <a:cubicBezTo>
                  <a:pt x="181" y="108"/>
                  <a:pt x="179" y="109"/>
                  <a:pt x="178" y="110"/>
                </a:cubicBezTo>
                <a:close/>
                <a:moveTo>
                  <a:pt x="178" y="117"/>
                </a:moveTo>
                <a:cubicBezTo>
                  <a:pt x="177" y="118"/>
                  <a:pt x="176" y="118"/>
                  <a:pt x="175" y="120"/>
                </a:cubicBezTo>
                <a:cubicBezTo>
                  <a:pt x="176" y="119"/>
                  <a:pt x="176" y="119"/>
                  <a:pt x="177" y="119"/>
                </a:cubicBezTo>
                <a:cubicBezTo>
                  <a:pt x="178" y="118"/>
                  <a:pt x="182" y="116"/>
                  <a:pt x="181" y="116"/>
                </a:cubicBezTo>
                <a:cubicBezTo>
                  <a:pt x="177" y="119"/>
                  <a:pt x="181" y="114"/>
                  <a:pt x="178" y="117"/>
                </a:cubicBezTo>
                <a:close/>
                <a:moveTo>
                  <a:pt x="164" y="122"/>
                </a:moveTo>
                <a:cubicBezTo>
                  <a:pt x="169" y="117"/>
                  <a:pt x="172" y="117"/>
                  <a:pt x="177" y="112"/>
                </a:cubicBezTo>
                <a:cubicBezTo>
                  <a:pt x="174" y="114"/>
                  <a:pt x="176" y="112"/>
                  <a:pt x="174" y="113"/>
                </a:cubicBezTo>
                <a:cubicBezTo>
                  <a:pt x="171" y="116"/>
                  <a:pt x="165" y="119"/>
                  <a:pt x="164" y="122"/>
                </a:cubicBezTo>
                <a:close/>
                <a:moveTo>
                  <a:pt x="159" y="111"/>
                </a:moveTo>
                <a:cubicBezTo>
                  <a:pt x="160" y="110"/>
                  <a:pt x="164" y="108"/>
                  <a:pt x="164" y="107"/>
                </a:cubicBezTo>
                <a:cubicBezTo>
                  <a:pt x="162" y="109"/>
                  <a:pt x="158" y="112"/>
                  <a:pt x="159" y="111"/>
                </a:cubicBezTo>
                <a:close/>
                <a:moveTo>
                  <a:pt x="170" y="123"/>
                </a:moveTo>
                <a:cubicBezTo>
                  <a:pt x="172" y="122"/>
                  <a:pt x="175" y="118"/>
                  <a:pt x="172" y="121"/>
                </a:cubicBezTo>
                <a:cubicBezTo>
                  <a:pt x="172" y="121"/>
                  <a:pt x="173" y="120"/>
                  <a:pt x="173" y="121"/>
                </a:cubicBezTo>
                <a:cubicBezTo>
                  <a:pt x="172" y="121"/>
                  <a:pt x="168" y="124"/>
                  <a:pt x="170" y="123"/>
                </a:cubicBezTo>
                <a:close/>
                <a:moveTo>
                  <a:pt x="125" y="113"/>
                </a:moveTo>
                <a:cubicBezTo>
                  <a:pt x="123" y="114"/>
                  <a:pt x="123" y="114"/>
                  <a:pt x="123" y="114"/>
                </a:cubicBezTo>
                <a:cubicBezTo>
                  <a:pt x="123" y="115"/>
                  <a:pt x="122" y="116"/>
                  <a:pt x="123" y="115"/>
                </a:cubicBezTo>
                <a:cubicBezTo>
                  <a:pt x="125" y="114"/>
                  <a:pt x="125" y="114"/>
                  <a:pt x="125" y="113"/>
                </a:cubicBezTo>
                <a:cubicBezTo>
                  <a:pt x="125" y="113"/>
                  <a:pt x="126" y="113"/>
                  <a:pt x="126" y="112"/>
                </a:cubicBezTo>
                <a:cubicBezTo>
                  <a:pt x="125" y="113"/>
                  <a:pt x="125" y="113"/>
                  <a:pt x="125" y="113"/>
                </a:cubicBezTo>
                <a:close/>
                <a:moveTo>
                  <a:pt x="107" y="138"/>
                </a:moveTo>
                <a:cubicBezTo>
                  <a:pt x="106" y="138"/>
                  <a:pt x="106" y="138"/>
                  <a:pt x="105" y="139"/>
                </a:cubicBezTo>
                <a:cubicBezTo>
                  <a:pt x="105" y="138"/>
                  <a:pt x="107" y="136"/>
                  <a:pt x="107" y="136"/>
                </a:cubicBezTo>
                <a:cubicBezTo>
                  <a:pt x="105" y="138"/>
                  <a:pt x="104" y="139"/>
                  <a:pt x="102" y="141"/>
                </a:cubicBezTo>
                <a:cubicBezTo>
                  <a:pt x="104" y="141"/>
                  <a:pt x="106" y="140"/>
                  <a:pt x="108" y="139"/>
                </a:cubicBezTo>
                <a:cubicBezTo>
                  <a:pt x="104" y="141"/>
                  <a:pt x="110" y="134"/>
                  <a:pt x="107" y="137"/>
                </a:cubicBezTo>
                <a:cubicBezTo>
                  <a:pt x="107" y="137"/>
                  <a:pt x="107" y="137"/>
                  <a:pt x="107" y="138"/>
                </a:cubicBezTo>
                <a:close/>
                <a:moveTo>
                  <a:pt x="128" y="160"/>
                </a:moveTo>
                <a:cubicBezTo>
                  <a:pt x="127" y="161"/>
                  <a:pt x="126" y="161"/>
                  <a:pt x="126" y="161"/>
                </a:cubicBezTo>
                <a:cubicBezTo>
                  <a:pt x="125" y="163"/>
                  <a:pt x="128" y="160"/>
                  <a:pt x="128" y="162"/>
                </a:cubicBezTo>
                <a:cubicBezTo>
                  <a:pt x="127" y="163"/>
                  <a:pt x="126" y="164"/>
                  <a:pt x="125" y="164"/>
                </a:cubicBezTo>
                <a:cubicBezTo>
                  <a:pt x="125" y="165"/>
                  <a:pt x="128" y="162"/>
                  <a:pt x="129" y="162"/>
                </a:cubicBezTo>
                <a:cubicBezTo>
                  <a:pt x="128" y="162"/>
                  <a:pt x="127" y="163"/>
                  <a:pt x="127" y="163"/>
                </a:cubicBezTo>
                <a:cubicBezTo>
                  <a:pt x="131" y="161"/>
                  <a:pt x="128" y="162"/>
                  <a:pt x="131" y="159"/>
                </a:cubicBezTo>
                <a:cubicBezTo>
                  <a:pt x="130" y="159"/>
                  <a:pt x="127" y="162"/>
                  <a:pt x="128" y="160"/>
                </a:cubicBezTo>
                <a:close/>
                <a:moveTo>
                  <a:pt x="95" y="148"/>
                </a:moveTo>
                <a:cubicBezTo>
                  <a:pt x="95" y="148"/>
                  <a:pt x="96" y="148"/>
                  <a:pt x="96" y="148"/>
                </a:cubicBezTo>
                <a:cubicBezTo>
                  <a:pt x="94" y="149"/>
                  <a:pt x="94" y="150"/>
                  <a:pt x="94" y="150"/>
                </a:cubicBezTo>
                <a:cubicBezTo>
                  <a:pt x="98" y="147"/>
                  <a:pt x="99" y="145"/>
                  <a:pt x="101" y="143"/>
                </a:cubicBezTo>
                <a:cubicBezTo>
                  <a:pt x="102" y="143"/>
                  <a:pt x="102" y="142"/>
                  <a:pt x="102" y="141"/>
                </a:cubicBezTo>
                <a:cubicBezTo>
                  <a:pt x="100" y="143"/>
                  <a:pt x="97" y="147"/>
                  <a:pt x="95" y="148"/>
                </a:cubicBezTo>
                <a:close/>
                <a:moveTo>
                  <a:pt x="110" y="169"/>
                </a:moveTo>
                <a:cubicBezTo>
                  <a:pt x="110" y="169"/>
                  <a:pt x="111" y="169"/>
                  <a:pt x="111" y="169"/>
                </a:cubicBezTo>
                <a:cubicBezTo>
                  <a:pt x="110" y="170"/>
                  <a:pt x="109" y="171"/>
                  <a:pt x="109" y="171"/>
                </a:cubicBezTo>
                <a:cubicBezTo>
                  <a:pt x="112" y="168"/>
                  <a:pt x="113" y="166"/>
                  <a:pt x="114" y="165"/>
                </a:cubicBezTo>
                <a:cubicBezTo>
                  <a:pt x="114" y="165"/>
                  <a:pt x="114" y="165"/>
                  <a:pt x="114" y="165"/>
                </a:cubicBezTo>
                <a:cubicBezTo>
                  <a:pt x="112" y="167"/>
                  <a:pt x="111" y="169"/>
                  <a:pt x="110" y="169"/>
                </a:cubicBezTo>
                <a:close/>
                <a:moveTo>
                  <a:pt x="91" y="154"/>
                </a:moveTo>
                <a:cubicBezTo>
                  <a:pt x="92" y="155"/>
                  <a:pt x="92" y="155"/>
                  <a:pt x="92" y="155"/>
                </a:cubicBezTo>
                <a:cubicBezTo>
                  <a:pt x="94" y="153"/>
                  <a:pt x="93" y="153"/>
                  <a:pt x="94" y="152"/>
                </a:cubicBezTo>
                <a:cubicBezTo>
                  <a:pt x="94" y="152"/>
                  <a:pt x="94" y="152"/>
                  <a:pt x="95" y="152"/>
                </a:cubicBezTo>
                <a:cubicBezTo>
                  <a:pt x="95" y="152"/>
                  <a:pt x="95" y="151"/>
                  <a:pt x="95" y="151"/>
                </a:cubicBezTo>
                <a:cubicBezTo>
                  <a:pt x="94" y="151"/>
                  <a:pt x="94" y="151"/>
                  <a:pt x="94" y="152"/>
                </a:cubicBezTo>
                <a:cubicBezTo>
                  <a:pt x="93" y="153"/>
                  <a:pt x="93" y="153"/>
                  <a:pt x="91" y="154"/>
                </a:cubicBezTo>
                <a:close/>
                <a:moveTo>
                  <a:pt x="92" y="162"/>
                </a:moveTo>
                <a:cubicBezTo>
                  <a:pt x="94" y="162"/>
                  <a:pt x="97" y="157"/>
                  <a:pt x="99" y="155"/>
                </a:cubicBezTo>
                <a:cubicBezTo>
                  <a:pt x="96" y="158"/>
                  <a:pt x="95" y="159"/>
                  <a:pt x="92" y="162"/>
                </a:cubicBezTo>
                <a:close/>
                <a:moveTo>
                  <a:pt x="88" y="161"/>
                </a:moveTo>
                <a:cubicBezTo>
                  <a:pt x="87" y="161"/>
                  <a:pt x="87" y="161"/>
                  <a:pt x="87" y="161"/>
                </a:cubicBezTo>
                <a:cubicBezTo>
                  <a:pt x="87" y="161"/>
                  <a:pt x="87" y="161"/>
                  <a:pt x="87" y="161"/>
                </a:cubicBezTo>
                <a:cubicBezTo>
                  <a:pt x="87" y="162"/>
                  <a:pt x="87" y="162"/>
                  <a:pt x="87" y="162"/>
                </a:cubicBezTo>
                <a:cubicBezTo>
                  <a:pt x="87" y="162"/>
                  <a:pt x="87" y="162"/>
                  <a:pt x="87" y="162"/>
                </a:cubicBezTo>
                <a:cubicBezTo>
                  <a:pt x="87" y="162"/>
                  <a:pt x="87" y="163"/>
                  <a:pt x="87" y="163"/>
                </a:cubicBezTo>
                <a:cubicBezTo>
                  <a:pt x="87" y="163"/>
                  <a:pt x="87" y="162"/>
                  <a:pt x="87" y="162"/>
                </a:cubicBezTo>
                <a:cubicBezTo>
                  <a:pt x="87" y="162"/>
                  <a:pt x="87" y="162"/>
                  <a:pt x="88" y="161"/>
                </a:cubicBezTo>
                <a:cubicBezTo>
                  <a:pt x="89" y="160"/>
                  <a:pt x="89" y="160"/>
                  <a:pt x="89" y="160"/>
                </a:cubicBezTo>
                <a:cubicBezTo>
                  <a:pt x="88" y="162"/>
                  <a:pt x="90" y="159"/>
                  <a:pt x="91" y="158"/>
                </a:cubicBezTo>
                <a:cubicBezTo>
                  <a:pt x="91" y="157"/>
                  <a:pt x="93" y="157"/>
                  <a:pt x="94" y="156"/>
                </a:cubicBezTo>
                <a:cubicBezTo>
                  <a:pt x="92" y="156"/>
                  <a:pt x="90" y="158"/>
                  <a:pt x="88" y="161"/>
                </a:cubicBezTo>
                <a:close/>
                <a:moveTo>
                  <a:pt x="106" y="176"/>
                </a:moveTo>
                <a:cubicBezTo>
                  <a:pt x="106" y="177"/>
                  <a:pt x="105" y="177"/>
                  <a:pt x="105" y="178"/>
                </a:cubicBezTo>
                <a:cubicBezTo>
                  <a:pt x="104" y="178"/>
                  <a:pt x="104" y="178"/>
                  <a:pt x="104" y="178"/>
                </a:cubicBezTo>
                <a:cubicBezTo>
                  <a:pt x="104" y="179"/>
                  <a:pt x="103" y="179"/>
                  <a:pt x="103" y="180"/>
                </a:cubicBezTo>
                <a:cubicBezTo>
                  <a:pt x="104" y="179"/>
                  <a:pt x="104" y="180"/>
                  <a:pt x="104" y="179"/>
                </a:cubicBezTo>
                <a:cubicBezTo>
                  <a:pt x="105" y="179"/>
                  <a:pt x="105" y="180"/>
                  <a:pt x="106" y="179"/>
                </a:cubicBezTo>
                <a:cubicBezTo>
                  <a:pt x="105" y="179"/>
                  <a:pt x="105" y="179"/>
                  <a:pt x="105" y="179"/>
                </a:cubicBezTo>
                <a:cubicBezTo>
                  <a:pt x="105" y="178"/>
                  <a:pt x="105" y="179"/>
                  <a:pt x="106" y="178"/>
                </a:cubicBezTo>
                <a:cubicBezTo>
                  <a:pt x="105" y="179"/>
                  <a:pt x="108" y="175"/>
                  <a:pt x="108" y="175"/>
                </a:cubicBezTo>
                <a:cubicBezTo>
                  <a:pt x="108" y="175"/>
                  <a:pt x="108" y="175"/>
                  <a:pt x="109" y="175"/>
                </a:cubicBezTo>
                <a:cubicBezTo>
                  <a:pt x="108" y="175"/>
                  <a:pt x="107" y="175"/>
                  <a:pt x="106" y="176"/>
                </a:cubicBezTo>
                <a:close/>
                <a:moveTo>
                  <a:pt x="109" y="180"/>
                </a:moveTo>
                <a:cubicBezTo>
                  <a:pt x="108" y="180"/>
                  <a:pt x="108" y="180"/>
                  <a:pt x="108" y="180"/>
                </a:cubicBezTo>
                <a:cubicBezTo>
                  <a:pt x="108" y="181"/>
                  <a:pt x="108" y="181"/>
                  <a:pt x="108" y="181"/>
                </a:cubicBezTo>
                <a:cubicBezTo>
                  <a:pt x="107" y="181"/>
                  <a:pt x="107" y="181"/>
                  <a:pt x="107" y="181"/>
                </a:cubicBezTo>
                <a:cubicBezTo>
                  <a:pt x="107" y="181"/>
                  <a:pt x="107" y="181"/>
                  <a:pt x="107" y="181"/>
                </a:cubicBezTo>
                <a:cubicBezTo>
                  <a:pt x="106" y="182"/>
                  <a:pt x="106" y="183"/>
                  <a:pt x="105" y="184"/>
                </a:cubicBezTo>
                <a:cubicBezTo>
                  <a:pt x="106" y="184"/>
                  <a:pt x="107" y="183"/>
                  <a:pt x="107" y="182"/>
                </a:cubicBezTo>
                <a:cubicBezTo>
                  <a:pt x="108" y="182"/>
                  <a:pt x="108" y="182"/>
                  <a:pt x="108" y="182"/>
                </a:cubicBezTo>
                <a:cubicBezTo>
                  <a:pt x="108" y="182"/>
                  <a:pt x="108" y="182"/>
                  <a:pt x="110" y="180"/>
                </a:cubicBezTo>
                <a:cubicBezTo>
                  <a:pt x="110" y="180"/>
                  <a:pt x="109" y="180"/>
                  <a:pt x="109" y="180"/>
                </a:cubicBezTo>
                <a:close/>
                <a:moveTo>
                  <a:pt x="88" y="171"/>
                </a:moveTo>
                <a:cubicBezTo>
                  <a:pt x="89" y="170"/>
                  <a:pt x="88" y="170"/>
                  <a:pt x="88" y="170"/>
                </a:cubicBezTo>
                <a:cubicBezTo>
                  <a:pt x="89" y="171"/>
                  <a:pt x="90" y="169"/>
                  <a:pt x="90" y="169"/>
                </a:cubicBezTo>
                <a:cubicBezTo>
                  <a:pt x="90" y="169"/>
                  <a:pt x="90" y="168"/>
                  <a:pt x="89" y="169"/>
                </a:cubicBezTo>
                <a:cubicBezTo>
                  <a:pt x="89" y="169"/>
                  <a:pt x="88" y="170"/>
                  <a:pt x="88" y="171"/>
                </a:cubicBezTo>
                <a:close/>
                <a:moveTo>
                  <a:pt x="98" y="180"/>
                </a:moveTo>
                <a:cubicBezTo>
                  <a:pt x="99" y="179"/>
                  <a:pt x="99" y="180"/>
                  <a:pt x="100" y="180"/>
                </a:cubicBezTo>
                <a:cubicBezTo>
                  <a:pt x="99" y="179"/>
                  <a:pt x="98" y="179"/>
                  <a:pt x="98" y="180"/>
                </a:cubicBezTo>
                <a:close/>
                <a:moveTo>
                  <a:pt x="102" y="183"/>
                </a:moveTo>
                <a:cubicBezTo>
                  <a:pt x="102" y="182"/>
                  <a:pt x="101" y="182"/>
                  <a:pt x="102" y="182"/>
                </a:cubicBezTo>
                <a:cubicBezTo>
                  <a:pt x="102" y="182"/>
                  <a:pt x="102" y="183"/>
                  <a:pt x="102" y="182"/>
                </a:cubicBezTo>
                <a:cubicBezTo>
                  <a:pt x="102" y="182"/>
                  <a:pt x="101" y="182"/>
                  <a:pt x="101" y="182"/>
                </a:cubicBezTo>
                <a:cubicBezTo>
                  <a:pt x="102" y="182"/>
                  <a:pt x="101" y="183"/>
                  <a:pt x="102" y="183"/>
                </a:cubicBezTo>
                <a:close/>
                <a:moveTo>
                  <a:pt x="102" y="191"/>
                </a:moveTo>
                <a:cubicBezTo>
                  <a:pt x="102" y="191"/>
                  <a:pt x="104" y="189"/>
                  <a:pt x="104" y="188"/>
                </a:cubicBezTo>
                <a:cubicBezTo>
                  <a:pt x="103" y="187"/>
                  <a:pt x="103" y="186"/>
                  <a:pt x="102" y="187"/>
                </a:cubicBezTo>
                <a:cubicBezTo>
                  <a:pt x="104" y="188"/>
                  <a:pt x="101" y="190"/>
                  <a:pt x="102" y="191"/>
                </a:cubicBezTo>
                <a:close/>
                <a:moveTo>
                  <a:pt x="100" y="187"/>
                </a:moveTo>
                <a:cubicBezTo>
                  <a:pt x="100" y="187"/>
                  <a:pt x="99" y="187"/>
                  <a:pt x="100" y="187"/>
                </a:cubicBezTo>
                <a:cubicBezTo>
                  <a:pt x="100" y="187"/>
                  <a:pt x="101" y="187"/>
                  <a:pt x="101" y="187"/>
                </a:cubicBezTo>
                <a:cubicBezTo>
                  <a:pt x="100" y="187"/>
                  <a:pt x="100" y="187"/>
                  <a:pt x="100" y="187"/>
                </a:cubicBezTo>
                <a:close/>
                <a:moveTo>
                  <a:pt x="99" y="192"/>
                </a:moveTo>
                <a:cubicBezTo>
                  <a:pt x="97" y="193"/>
                  <a:pt x="94" y="197"/>
                  <a:pt x="94" y="198"/>
                </a:cubicBezTo>
                <a:cubicBezTo>
                  <a:pt x="95" y="197"/>
                  <a:pt x="96" y="196"/>
                  <a:pt x="97" y="194"/>
                </a:cubicBezTo>
                <a:cubicBezTo>
                  <a:pt x="97" y="195"/>
                  <a:pt x="97" y="195"/>
                  <a:pt x="97" y="194"/>
                </a:cubicBezTo>
                <a:cubicBezTo>
                  <a:pt x="98" y="192"/>
                  <a:pt x="101" y="192"/>
                  <a:pt x="102" y="189"/>
                </a:cubicBezTo>
                <a:cubicBezTo>
                  <a:pt x="101" y="189"/>
                  <a:pt x="101" y="190"/>
                  <a:pt x="101" y="190"/>
                </a:cubicBezTo>
                <a:cubicBezTo>
                  <a:pt x="100" y="189"/>
                  <a:pt x="102" y="189"/>
                  <a:pt x="102" y="188"/>
                </a:cubicBezTo>
                <a:cubicBezTo>
                  <a:pt x="100" y="189"/>
                  <a:pt x="100" y="191"/>
                  <a:pt x="98" y="191"/>
                </a:cubicBezTo>
                <a:cubicBezTo>
                  <a:pt x="99" y="191"/>
                  <a:pt x="99" y="192"/>
                  <a:pt x="99" y="192"/>
                </a:cubicBezTo>
                <a:close/>
                <a:moveTo>
                  <a:pt x="95" y="191"/>
                </a:moveTo>
                <a:cubicBezTo>
                  <a:pt x="96" y="191"/>
                  <a:pt x="95" y="192"/>
                  <a:pt x="96" y="192"/>
                </a:cubicBezTo>
                <a:cubicBezTo>
                  <a:pt x="96" y="191"/>
                  <a:pt x="98" y="191"/>
                  <a:pt x="97" y="190"/>
                </a:cubicBezTo>
                <a:cubicBezTo>
                  <a:pt x="98" y="190"/>
                  <a:pt x="98" y="189"/>
                  <a:pt x="98" y="189"/>
                </a:cubicBezTo>
                <a:cubicBezTo>
                  <a:pt x="98" y="189"/>
                  <a:pt x="97" y="189"/>
                  <a:pt x="98" y="189"/>
                </a:cubicBezTo>
                <a:cubicBezTo>
                  <a:pt x="98" y="189"/>
                  <a:pt x="99" y="189"/>
                  <a:pt x="100" y="188"/>
                </a:cubicBezTo>
                <a:cubicBezTo>
                  <a:pt x="99" y="187"/>
                  <a:pt x="99" y="187"/>
                  <a:pt x="99" y="187"/>
                </a:cubicBezTo>
                <a:cubicBezTo>
                  <a:pt x="98" y="187"/>
                  <a:pt x="99" y="188"/>
                  <a:pt x="98" y="188"/>
                </a:cubicBezTo>
                <a:cubicBezTo>
                  <a:pt x="98" y="187"/>
                  <a:pt x="96" y="189"/>
                  <a:pt x="97" y="190"/>
                </a:cubicBezTo>
                <a:cubicBezTo>
                  <a:pt x="96" y="190"/>
                  <a:pt x="96" y="190"/>
                  <a:pt x="96" y="190"/>
                </a:cubicBezTo>
                <a:cubicBezTo>
                  <a:pt x="96" y="190"/>
                  <a:pt x="97" y="190"/>
                  <a:pt x="96" y="191"/>
                </a:cubicBezTo>
                <a:cubicBezTo>
                  <a:pt x="96" y="190"/>
                  <a:pt x="96" y="190"/>
                  <a:pt x="96" y="190"/>
                </a:cubicBezTo>
                <a:cubicBezTo>
                  <a:pt x="96" y="191"/>
                  <a:pt x="96" y="191"/>
                  <a:pt x="95" y="191"/>
                </a:cubicBezTo>
                <a:close/>
                <a:moveTo>
                  <a:pt x="85" y="191"/>
                </a:moveTo>
                <a:cubicBezTo>
                  <a:pt x="85" y="194"/>
                  <a:pt x="82" y="195"/>
                  <a:pt x="81" y="197"/>
                </a:cubicBezTo>
                <a:cubicBezTo>
                  <a:pt x="82" y="198"/>
                  <a:pt x="82" y="197"/>
                  <a:pt x="82" y="197"/>
                </a:cubicBezTo>
                <a:cubicBezTo>
                  <a:pt x="84" y="195"/>
                  <a:pt x="85" y="193"/>
                  <a:pt x="87" y="192"/>
                </a:cubicBezTo>
                <a:cubicBezTo>
                  <a:pt x="87" y="192"/>
                  <a:pt x="87" y="193"/>
                  <a:pt x="88" y="193"/>
                </a:cubicBezTo>
                <a:cubicBezTo>
                  <a:pt x="88" y="193"/>
                  <a:pt x="89" y="191"/>
                  <a:pt x="90" y="191"/>
                </a:cubicBezTo>
                <a:cubicBezTo>
                  <a:pt x="89" y="190"/>
                  <a:pt x="89" y="190"/>
                  <a:pt x="89" y="190"/>
                </a:cubicBezTo>
                <a:cubicBezTo>
                  <a:pt x="89" y="191"/>
                  <a:pt x="88" y="193"/>
                  <a:pt x="87" y="192"/>
                </a:cubicBezTo>
                <a:cubicBezTo>
                  <a:pt x="87" y="191"/>
                  <a:pt x="88" y="190"/>
                  <a:pt x="89" y="189"/>
                </a:cubicBezTo>
                <a:cubicBezTo>
                  <a:pt x="88" y="189"/>
                  <a:pt x="88" y="188"/>
                  <a:pt x="87" y="189"/>
                </a:cubicBezTo>
                <a:cubicBezTo>
                  <a:pt x="88" y="189"/>
                  <a:pt x="87" y="190"/>
                  <a:pt x="88" y="190"/>
                </a:cubicBezTo>
                <a:cubicBezTo>
                  <a:pt x="87" y="190"/>
                  <a:pt x="88" y="190"/>
                  <a:pt x="87" y="190"/>
                </a:cubicBezTo>
                <a:cubicBezTo>
                  <a:pt x="86" y="190"/>
                  <a:pt x="86" y="192"/>
                  <a:pt x="85" y="191"/>
                </a:cubicBezTo>
                <a:cubicBezTo>
                  <a:pt x="86" y="191"/>
                  <a:pt x="86" y="191"/>
                  <a:pt x="86" y="191"/>
                </a:cubicBezTo>
                <a:cubicBezTo>
                  <a:pt x="85" y="191"/>
                  <a:pt x="86" y="191"/>
                  <a:pt x="85" y="191"/>
                </a:cubicBezTo>
                <a:close/>
                <a:moveTo>
                  <a:pt x="94" y="201"/>
                </a:moveTo>
                <a:cubicBezTo>
                  <a:pt x="95" y="200"/>
                  <a:pt x="94" y="199"/>
                  <a:pt x="95" y="200"/>
                </a:cubicBezTo>
                <a:cubicBezTo>
                  <a:pt x="95" y="199"/>
                  <a:pt x="95" y="199"/>
                  <a:pt x="96" y="199"/>
                </a:cubicBezTo>
                <a:cubicBezTo>
                  <a:pt x="94" y="198"/>
                  <a:pt x="94" y="200"/>
                  <a:pt x="94" y="201"/>
                </a:cubicBezTo>
                <a:close/>
                <a:moveTo>
                  <a:pt x="93" y="198"/>
                </a:moveTo>
                <a:cubicBezTo>
                  <a:pt x="93" y="199"/>
                  <a:pt x="93" y="199"/>
                  <a:pt x="92" y="199"/>
                </a:cubicBezTo>
                <a:cubicBezTo>
                  <a:pt x="93" y="200"/>
                  <a:pt x="91" y="200"/>
                  <a:pt x="92" y="200"/>
                </a:cubicBezTo>
                <a:cubicBezTo>
                  <a:pt x="92" y="199"/>
                  <a:pt x="94" y="199"/>
                  <a:pt x="93" y="198"/>
                </a:cubicBezTo>
                <a:close/>
                <a:moveTo>
                  <a:pt x="91" y="201"/>
                </a:moveTo>
                <a:cubicBezTo>
                  <a:pt x="91" y="202"/>
                  <a:pt x="91" y="201"/>
                  <a:pt x="90" y="201"/>
                </a:cubicBezTo>
                <a:cubicBezTo>
                  <a:pt x="90" y="202"/>
                  <a:pt x="91" y="202"/>
                  <a:pt x="91" y="202"/>
                </a:cubicBezTo>
                <a:cubicBezTo>
                  <a:pt x="91" y="202"/>
                  <a:pt x="91" y="202"/>
                  <a:pt x="91" y="203"/>
                </a:cubicBezTo>
                <a:cubicBezTo>
                  <a:pt x="91" y="202"/>
                  <a:pt x="92" y="202"/>
                  <a:pt x="91" y="202"/>
                </a:cubicBezTo>
                <a:cubicBezTo>
                  <a:pt x="92" y="201"/>
                  <a:pt x="92" y="202"/>
                  <a:pt x="92" y="201"/>
                </a:cubicBezTo>
                <a:cubicBezTo>
                  <a:pt x="92" y="201"/>
                  <a:pt x="92" y="201"/>
                  <a:pt x="92" y="201"/>
                </a:cubicBezTo>
                <a:cubicBezTo>
                  <a:pt x="92" y="200"/>
                  <a:pt x="92" y="201"/>
                  <a:pt x="93" y="201"/>
                </a:cubicBezTo>
                <a:cubicBezTo>
                  <a:pt x="93" y="200"/>
                  <a:pt x="93" y="200"/>
                  <a:pt x="93" y="200"/>
                </a:cubicBezTo>
                <a:cubicBezTo>
                  <a:pt x="92" y="199"/>
                  <a:pt x="92" y="201"/>
                  <a:pt x="91" y="201"/>
                </a:cubicBezTo>
                <a:close/>
                <a:moveTo>
                  <a:pt x="87" y="202"/>
                </a:moveTo>
                <a:cubicBezTo>
                  <a:pt x="87" y="203"/>
                  <a:pt x="86" y="204"/>
                  <a:pt x="86" y="205"/>
                </a:cubicBezTo>
                <a:cubicBezTo>
                  <a:pt x="88" y="203"/>
                  <a:pt x="89" y="204"/>
                  <a:pt x="90" y="205"/>
                </a:cubicBezTo>
                <a:cubicBezTo>
                  <a:pt x="89" y="204"/>
                  <a:pt x="90" y="204"/>
                  <a:pt x="90" y="204"/>
                </a:cubicBezTo>
                <a:cubicBezTo>
                  <a:pt x="90" y="204"/>
                  <a:pt x="89" y="204"/>
                  <a:pt x="89" y="203"/>
                </a:cubicBezTo>
                <a:cubicBezTo>
                  <a:pt x="89" y="204"/>
                  <a:pt x="89" y="203"/>
                  <a:pt x="88" y="203"/>
                </a:cubicBezTo>
                <a:cubicBezTo>
                  <a:pt x="88" y="203"/>
                  <a:pt x="88" y="203"/>
                  <a:pt x="88" y="203"/>
                </a:cubicBezTo>
                <a:cubicBezTo>
                  <a:pt x="88" y="203"/>
                  <a:pt x="88" y="203"/>
                  <a:pt x="88" y="203"/>
                </a:cubicBezTo>
                <a:cubicBezTo>
                  <a:pt x="88" y="203"/>
                  <a:pt x="88" y="202"/>
                  <a:pt x="89" y="202"/>
                </a:cubicBezTo>
                <a:cubicBezTo>
                  <a:pt x="87" y="202"/>
                  <a:pt x="88" y="201"/>
                  <a:pt x="87" y="202"/>
                </a:cubicBezTo>
                <a:close/>
                <a:moveTo>
                  <a:pt x="64" y="186"/>
                </a:moveTo>
                <a:cubicBezTo>
                  <a:pt x="65" y="186"/>
                  <a:pt x="65" y="186"/>
                  <a:pt x="65" y="186"/>
                </a:cubicBezTo>
                <a:cubicBezTo>
                  <a:pt x="65" y="186"/>
                  <a:pt x="65" y="186"/>
                  <a:pt x="65" y="186"/>
                </a:cubicBezTo>
                <a:cubicBezTo>
                  <a:pt x="65" y="186"/>
                  <a:pt x="65" y="186"/>
                  <a:pt x="65" y="186"/>
                </a:cubicBezTo>
                <a:cubicBezTo>
                  <a:pt x="65" y="186"/>
                  <a:pt x="65" y="186"/>
                  <a:pt x="65" y="186"/>
                </a:cubicBezTo>
                <a:cubicBezTo>
                  <a:pt x="65" y="186"/>
                  <a:pt x="64" y="186"/>
                  <a:pt x="64" y="186"/>
                </a:cubicBezTo>
                <a:close/>
                <a:moveTo>
                  <a:pt x="86" y="208"/>
                </a:moveTo>
                <a:cubicBezTo>
                  <a:pt x="86" y="208"/>
                  <a:pt x="86" y="207"/>
                  <a:pt x="86" y="207"/>
                </a:cubicBezTo>
                <a:cubicBezTo>
                  <a:pt x="85" y="207"/>
                  <a:pt x="87" y="207"/>
                  <a:pt x="87" y="206"/>
                </a:cubicBezTo>
                <a:cubicBezTo>
                  <a:pt x="86" y="206"/>
                  <a:pt x="85" y="208"/>
                  <a:pt x="86" y="208"/>
                </a:cubicBezTo>
                <a:close/>
                <a:moveTo>
                  <a:pt x="84" y="206"/>
                </a:moveTo>
                <a:cubicBezTo>
                  <a:pt x="84" y="206"/>
                  <a:pt x="84" y="207"/>
                  <a:pt x="85" y="206"/>
                </a:cubicBezTo>
                <a:cubicBezTo>
                  <a:pt x="84" y="206"/>
                  <a:pt x="84" y="205"/>
                  <a:pt x="84" y="206"/>
                </a:cubicBezTo>
                <a:cubicBezTo>
                  <a:pt x="84" y="206"/>
                  <a:pt x="83" y="205"/>
                  <a:pt x="84" y="206"/>
                </a:cubicBezTo>
                <a:close/>
                <a:moveTo>
                  <a:pt x="79" y="215"/>
                </a:moveTo>
                <a:cubicBezTo>
                  <a:pt x="79" y="215"/>
                  <a:pt x="79" y="215"/>
                  <a:pt x="80" y="215"/>
                </a:cubicBezTo>
                <a:cubicBezTo>
                  <a:pt x="80" y="214"/>
                  <a:pt x="82" y="213"/>
                  <a:pt x="81" y="212"/>
                </a:cubicBezTo>
                <a:cubicBezTo>
                  <a:pt x="81" y="212"/>
                  <a:pt x="81" y="212"/>
                  <a:pt x="81" y="212"/>
                </a:cubicBezTo>
                <a:cubicBezTo>
                  <a:pt x="81" y="212"/>
                  <a:pt x="80" y="212"/>
                  <a:pt x="80" y="212"/>
                </a:cubicBezTo>
                <a:cubicBezTo>
                  <a:pt x="81" y="212"/>
                  <a:pt x="81" y="212"/>
                  <a:pt x="81" y="213"/>
                </a:cubicBezTo>
                <a:cubicBezTo>
                  <a:pt x="80" y="212"/>
                  <a:pt x="80" y="213"/>
                  <a:pt x="80" y="212"/>
                </a:cubicBezTo>
                <a:cubicBezTo>
                  <a:pt x="79" y="212"/>
                  <a:pt x="79" y="212"/>
                  <a:pt x="79" y="213"/>
                </a:cubicBezTo>
                <a:cubicBezTo>
                  <a:pt x="79" y="214"/>
                  <a:pt x="77" y="216"/>
                  <a:pt x="76" y="217"/>
                </a:cubicBezTo>
                <a:cubicBezTo>
                  <a:pt x="77" y="217"/>
                  <a:pt x="77" y="216"/>
                  <a:pt x="77" y="217"/>
                </a:cubicBezTo>
                <a:cubicBezTo>
                  <a:pt x="77" y="217"/>
                  <a:pt x="77" y="217"/>
                  <a:pt x="77" y="217"/>
                </a:cubicBezTo>
                <a:cubicBezTo>
                  <a:pt x="77" y="217"/>
                  <a:pt x="78" y="216"/>
                  <a:pt x="79" y="216"/>
                </a:cubicBezTo>
                <a:cubicBezTo>
                  <a:pt x="78" y="216"/>
                  <a:pt x="78" y="215"/>
                  <a:pt x="78" y="215"/>
                </a:cubicBezTo>
                <a:cubicBezTo>
                  <a:pt x="79" y="215"/>
                  <a:pt x="78" y="215"/>
                  <a:pt x="79" y="215"/>
                </a:cubicBezTo>
                <a:cubicBezTo>
                  <a:pt x="79" y="215"/>
                  <a:pt x="79" y="215"/>
                  <a:pt x="79" y="215"/>
                </a:cubicBezTo>
                <a:close/>
                <a:moveTo>
                  <a:pt x="74" y="207"/>
                </a:moveTo>
                <a:cubicBezTo>
                  <a:pt x="73" y="207"/>
                  <a:pt x="73" y="208"/>
                  <a:pt x="72" y="207"/>
                </a:cubicBezTo>
                <a:cubicBezTo>
                  <a:pt x="71" y="209"/>
                  <a:pt x="70" y="210"/>
                  <a:pt x="69" y="210"/>
                </a:cubicBezTo>
                <a:cubicBezTo>
                  <a:pt x="68" y="211"/>
                  <a:pt x="69" y="210"/>
                  <a:pt x="69" y="211"/>
                </a:cubicBezTo>
                <a:cubicBezTo>
                  <a:pt x="68" y="211"/>
                  <a:pt x="69" y="212"/>
                  <a:pt x="68" y="212"/>
                </a:cubicBezTo>
                <a:cubicBezTo>
                  <a:pt x="69" y="212"/>
                  <a:pt x="69" y="211"/>
                  <a:pt x="68" y="211"/>
                </a:cubicBezTo>
                <a:cubicBezTo>
                  <a:pt x="68" y="212"/>
                  <a:pt x="67" y="212"/>
                  <a:pt x="68" y="213"/>
                </a:cubicBezTo>
                <a:cubicBezTo>
                  <a:pt x="68" y="213"/>
                  <a:pt x="68" y="213"/>
                  <a:pt x="68" y="213"/>
                </a:cubicBezTo>
                <a:cubicBezTo>
                  <a:pt x="69" y="212"/>
                  <a:pt x="69" y="213"/>
                  <a:pt x="69" y="214"/>
                </a:cubicBezTo>
                <a:cubicBezTo>
                  <a:pt x="70" y="213"/>
                  <a:pt x="70" y="211"/>
                  <a:pt x="71" y="211"/>
                </a:cubicBezTo>
                <a:cubicBezTo>
                  <a:pt x="70" y="211"/>
                  <a:pt x="70" y="212"/>
                  <a:pt x="70" y="212"/>
                </a:cubicBezTo>
                <a:cubicBezTo>
                  <a:pt x="71" y="212"/>
                  <a:pt x="71" y="212"/>
                  <a:pt x="71" y="212"/>
                </a:cubicBezTo>
                <a:cubicBezTo>
                  <a:pt x="71" y="213"/>
                  <a:pt x="70" y="213"/>
                  <a:pt x="71" y="214"/>
                </a:cubicBezTo>
                <a:cubicBezTo>
                  <a:pt x="69" y="213"/>
                  <a:pt x="70" y="215"/>
                  <a:pt x="69" y="216"/>
                </a:cubicBezTo>
                <a:cubicBezTo>
                  <a:pt x="68" y="217"/>
                  <a:pt x="66" y="218"/>
                  <a:pt x="67" y="219"/>
                </a:cubicBezTo>
                <a:cubicBezTo>
                  <a:pt x="65" y="219"/>
                  <a:pt x="64" y="222"/>
                  <a:pt x="62" y="223"/>
                </a:cubicBezTo>
                <a:cubicBezTo>
                  <a:pt x="63" y="223"/>
                  <a:pt x="62" y="223"/>
                  <a:pt x="63" y="223"/>
                </a:cubicBezTo>
                <a:cubicBezTo>
                  <a:pt x="63" y="223"/>
                  <a:pt x="62" y="225"/>
                  <a:pt x="63" y="225"/>
                </a:cubicBezTo>
                <a:cubicBezTo>
                  <a:pt x="63" y="224"/>
                  <a:pt x="63" y="223"/>
                  <a:pt x="64" y="223"/>
                </a:cubicBezTo>
                <a:cubicBezTo>
                  <a:pt x="64" y="221"/>
                  <a:pt x="67" y="221"/>
                  <a:pt x="67" y="219"/>
                </a:cubicBezTo>
                <a:cubicBezTo>
                  <a:pt x="68" y="218"/>
                  <a:pt x="68" y="218"/>
                  <a:pt x="69" y="217"/>
                </a:cubicBezTo>
                <a:cubicBezTo>
                  <a:pt x="69" y="217"/>
                  <a:pt x="68" y="217"/>
                  <a:pt x="69" y="216"/>
                </a:cubicBezTo>
                <a:cubicBezTo>
                  <a:pt x="70" y="217"/>
                  <a:pt x="69" y="216"/>
                  <a:pt x="69" y="216"/>
                </a:cubicBezTo>
                <a:cubicBezTo>
                  <a:pt x="70" y="216"/>
                  <a:pt x="73" y="213"/>
                  <a:pt x="72" y="212"/>
                </a:cubicBezTo>
                <a:cubicBezTo>
                  <a:pt x="73" y="212"/>
                  <a:pt x="73" y="212"/>
                  <a:pt x="73" y="212"/>
                </a:cubicBezTo>
                <a:cubicBezTo>
                  <a:pt x="73" y="211"/>
                  <a:pt x="73" y="210"/>
                  <a:pt x="72" y="210"/>
                </a:cubicBezTo>
                <a:cubicBezTo>
                  <a:pt x="73" y="210"/>
                  <a:pt x="73" y="210"/>
                  <a:pt x="73" y="211"/>
                </a:cubicBezTo>
                <a:cubicBezTo>
                  <a:pt x="72" y="210"/>
                  <a:pt x="72" y="211"/>
                  <a:pt x="72" y="211"/>
                </a:cubicBezTo>
                <a:cubicBezTo>
                  <a:pt x="72" y="210"/>
                  <a:pt x="72" y="209"/>
                  <a:pt x="72" y="209"/>
                </a:cubicBezTo>
                <a:cubicBezTo>
                  <a:pt x="72" y="210"/>
                  <a:pt x="71" y="210"/>
                  <a:pt x="71" y="210"/>
                </a:cubicBezTo>
                <a:cubicBezTo>
                  <a:pt x="72" y="210"/>
                  <a:pt x="71" y="209"/>
                  <a:pt x="72" y="209"/>
                </a:cubicBezTo>
                <a:cubicBezTo>
                  <a:pt x="73" y="209"/>
                  <a:pt x="72" y="207"/>
                  <a:pt x="74" y="208"/>
                </a:cubicBezTo>
                <a:cubicBezTo>
                  <a:pt x="74" y="208"/>
                  <a:pt x="74" y="207"/>
                  <a:pt x="74" y="207"/>
                </a:cubicBezTo>
                <a:close/>
                <a:moveTo>
                  <a:pt x="64" y="211"/>
                </a:moveTo>
                <a:cubicBezTo>
                  <a:pt x="66" y="211"/>
                  <a:pt x="67" y="206"/>
                  <a:pt x="68" y="207"/>
                </a:cubicBezTo>
                <a:cubicBezTo>
                  <a:pt x="68" y="206"/>
                  <a:pt x="70" y="205"/>
                  <a:pt x="69" y="204"/>
                </a:cubicBezTo>
                <a:cubicBezTo>
                  <a:pt x="68" y="206"/>
                  <a:pt x="66" y="208"/>
                  <a:pt x="64" y="211"/>
                </a:cubicBezTo>
                <a:close/>
                <a:moveTo>
                  <a:pt x="73" y="215"/>
                </a:moveTo>
                <a:cubicBezTo>
                  <a:pt x="73" y="215"/>
                  <a:pt x="74" y="214"/>
                  <a:pt x="73" y="214"/>
                </a:cubicBezTo>
                <a:cubicBezTo>
                  <a:pt x="73" y="215"/>
                  <a:pt x="72" y="214"/>
                  <a:pt x="72" y="215"/>
                </a:cubicBezTo>
                <a:cubicBezTo>
                  <a:pt x="72" y="215"/>
                  <a:pt x="71" y="215"/>
                  <a:pt x="71" y="217"/>
                </a:cubicBezTo>
                <a:cubicBezTo>
                  <a:pt x="71" y="217"/>
                  <a:pt x="71" y="217"/>
                  <a:pt x="71" y="217"/>
                </a:cubicBezTo>
                <a:cubicBezTo>
                  <a:pt x="72" y="217"/>
                  <a:pt x="73" y="215"/>
                  <a:pt x="74" y="216"/>
                </a:cubicBezTo>
                <a:cubicBezTo>
                  <a:pt x="74" y="216"/>
                  <a:pt x="74" y="215"/>
                  <a:pt x="75" y="215"/>
                </a:cubicBezTo>
                <a:cubicBezTo>
                  <a:pt x="74" y="214"/>
                  <a:pt x="74" y="214"/>
                  <a:pt x="74" y="213"/>
                </a:cubicBezTo>
                <a:cubicBezTo>
                  <a:pt x="75" y="213"/>
                  <a:pt x="75" y="212"/>
                  <a:pt x="76" y="212"/>
                </a:cubicBezTo>
                <a:cubicBezTo>
                  <a:pt x="75" y="212"/>
                  <a:pt x="76" y="211"/>
                  <a:pt x="76" y="211"/>
                </a:cubicBezTo>
                <a:cubicBezTo>
                  <a:pt x="75" y="211"/>
                  <a:pt x="74" y="213"/>
                  <a:pt x="73" y="214"/>
                </a:cubicBezTo>
                <a:cubicBezTo>
                  <a:pt x="74" y="214"/>
                  <a:pt x="74" y="215"/>
                  <a:pt x="73" y="215"/>
                </a:cubicBezTo>
                <a:close/>
                <a:moveTo>
                  <a:pt x="74" y="210"/>
                </a:moveTo>
                <a:cubicBezTo>
                  <a:pt x="74" y="210"/>
                  <a:pt x="74" y="210"/>
                  <a:pt x="74" y="210"/>
                </a:cubicBezTo>
                <a:cubicBezTo>
                  <a:pt x="75" y="211"/>
                  <a:pt x="75" y="211"/>
                  <a:pt x="75" y="211"/>
                </a:cubicBezTo>
                <a:cubicBezTo>
                  <a:pt x="75" y="210"/>
                  <a:pt x="75" y="210"/>
                  <a:pt x="75" y="210"/>
                </a:cubicBezTo>
                <a:cubicBezTo>
                  <a:pt x="75" y="210"/>
                  <a:pt x="75" y="210"/>
                  <a:pt x="75" y="210"/>
                </a:cubicBezTo>
                <a:cubicBezTo>
                  <a:pt x="75" y="210"/>
                  <a:pt x="74" y="210"/>
                  <a:pt x="74" y="210"/>
                </a:cubicBezTo>
                <a:close/>
                <a:moveTo>
                  <a:pt x="48" y="194"/>
                </a:moveTo>
                <a:cubicBezTo>
                  <a:pt x="47" y="194"/>
                  <a:pt x="49" y="193"/>
                  <a:pt x="48" y="193"/>
                </a:cubicBezTo>
                <a:cubicBezTo>
                  <a:pt x="47" y="193"/>
                  <a:pt x="47" y="195"/>
                  <a:pt x="48" y="194"/>
                </a:cubicBezTo>
                <a:close/>
                <a:moveTo>
                  <a:pt x="75" y="220"/>
                </a:moveTo>
                <a:cubicBezTo>
                  <a:pt x="76" y="219"/>
                  <a:pt x="77" y="219"/>
                  <a:pt x="77" y="217"/>
                </a:cubicBezTo>
                <a:cubicBezTo>
                  <a:pt x="76" y="218"/>
                  <a:pt x="75" y="219"/>
                  <a:pt x="75" y="220"/>
                </a:cubicBezTo>
                <a:close/>
                <a:moveTo>
                  <a:pt x="39" y="198"/>
                </a:moveTo>
                <a:cubicBezTo>
                  <a:pt x="39" y="199"/>
                  <a:pt x="39" y="198"/>
                  <a:pt x="39" y="199"/>
                </a:cubicBezTo>
                <a:cubicBezTo>
                  <a:pt x="40" y="199"/>
                  <a:pt x="40" y="198"/>
                  <a:pt x="40" y="198"/>
                </a:cubicBezTo>
                <a:cubicBezTo>
                  <a:pt x="40" y="198"/>
                  <a:pt x="39" y="198"/>
                  <a:pt x="39" y="198"/>
                </a:cubicBezTo>
                <a:close/>
                <a:moveTo>
                  <a:pt x="67" y="230"/>
                </a:moveTo>
                <a:cubicBezTo>
                  <a:pt x="68" y="230"/>
                  <a:pt x="68" y="229"/>
                  <a:pt x="67" y="229"/>
                </a:cubicBezTo>
                <a:cubicBezTo>
                  <a:pt x="67" y="229"/>
                  <a:pt x="66" y="229"/>
                  <a:pt x="67" y="230"/>
                </a:cubicBezTo>
                <a:cubicBezTo>
                  <a:pt x="67" y="230"/>
                  <a:pt x="67" y="230"/>
                  <a:pt x="67" y="230"/>
                </a:cubicBezTo>
                <a:cubicBezTo>
                  <a:pt x="68" y="230"/>
                  <a:pt x="71" y="228"/>
                  <a:pt x="70" y="227"/>
                </a:cubicBezTo>
                <a:cubicBezTo>
                  <a:pt x="70" y="228"/>
                  <a:pt x="69" y="228"/>
                  <a:pt x="68" y="228"/>
                </a:cubicBezTo>
                <a:cubicBezTo>
                  <a:pt x="68" y="228"/>
                  <a:pt x="67" y="228"/>
                  <a:pt x="68" y="227"/>
                </a:cubicBezTo>
                <a:cubicBezTo>
                  <a:pt x="67" y="228"/>
                  <a:pt x="67" y="229"/>
                  <a:pt x="68" y="229"/>
                </a:cubicBezTo>
                <a:cubicBezTo>
                  <a:pt x="68" y="229"/>
                  <a:pt x="68" y="229"/>
                  <a:pt x="68" y="230"/>
                </a:cubicBezTo>
                <a:cubicBezTo>
                  <a:pt x="68" y="229"/>
                  <a:pt x="67" y="230"/>
                  <a:pt x="67" y="230"/>
                </a:cubicBezTo>
                <a:close/>
                <a:moveTo>
                  <a:pt x="57" y="232"/>
                </a:moveTo>
                <a:cubicBezTo>
                  <a:pt x="56" y="231"/>
                  <a:pt x="57" y="233"/>
                  <a:pt x="56" y="233"/>
                </a:cubicBezTo>
                <a:cubicBezTo>
                  <a:pt x="56" y="233"/>
                  <a:pt x="57" y="233"/>
                  <a:pt x="57" y="232"/>
                </a:cubicBezTo>
                <a:cubicBezTo>
                  <a:pt x="57" y="231"/>
                  <a:pt x="60" y="229"/>
                  <a:pt x="61" y="228"/>
                </a:cubicBezTo>
                <a:cubicBezTo>
                  <a:pt x="60" y="228"/>
                  <a:pt x="60" y="227"/>
                  <a:pt x="60" y="227"/>
                </a:cubicBezTo>
                <a:cubicBezTo>
                  <a:pt x="61" y="227"/>
                  <a:pt x="62" y="226"/>
                  <a:pt x="62" y="226"/>
                </a:cubicBezTo>
                <a:cubicBezTo>
                  <a:pt x="61" y="226"/>
                  <a:pt x="61" y="226"/>
                  <a:pt x="60" y="226"/>
                </a:cubicBezTo>
                <a:cubicBezTo>
                  <a:pt x="61" y="226"/>
                  <a:pt x="61" y="227"/>
                  <a:pt x="61" y="227"/>
                </a:cubicBezTo>
                <a:cubicBezTo>
                  <a:pt x="59" y="228"/>
                  <a:pt x="58" y="230"/>
                  <a:pt x="57" y="232"/>
                </a:cubicBezTo>
                <a:close/>
                <a:moveTo>
                  <a:pt x="66" y="232"/>
                </a:moveTo>
                <a:cubicBezTo>
                  <a:pt x="67" y="232"/>
                  <a:pt x="65" y="232"/>
                  <a:pt x="65" y="231"/>
                </a:cubicBezTo>
                <a:cubicBezTo>
                  <a:pt x="66" y="232"/>
                  <a:pt x="64" y="232"/>
                  <a:pt x="64" y="233"/>
                </a:cubicBezTo>
                <a:cubicBezTo>
                  <a:pt x="65" y="233"/>
                  <a:pt x="65" y="233"/>
                  <a:pt x="66" y="233"/>
                </a:cubicBezTo>
                <a:cubicBezTo>
                  <a:pt x="65" y="232"/>
                  <a:pt x="65" y="233"/>
                  <a:pt x="65" y="233"/>
                </a:cubicBezTo>
                <a:cubicBezTo>
                  <a:pt x="65" y="232"/>
                  <a:pt x="65" y="232"/>
                  <a:pt x="66" y="232"/>
                </a:cubicBezTo>
                <a:cubicBezTo>
                  <a:pt x="66" y="232"/>
                  <a:pt x="66" y="232"/>
                  <a:pt x="66" y="233"/>
                </a:cubicBezTo>
                <a:cubicBezTo>
                  <a:pt x="67" y="232"/>
                  <a:pt x="68" y="232"/>
                  <a:pt x="67" y="231"/>
                </a:cubicBezTo>
                <a:cubicBezTo>
                  <a:pt x="67" y="231"/>
                  <a:pt x="67" y="232"/>
                  <a:pt x="66" y="232"/>
                </a:cubicBezTo>
                <a:close/>
                <a:moveTo>
                  <a:pt x="50" y="233"/>
                </a:moveTo>
                <a:cubicBezTo>
                  <a:pt x="50" y="232"/>
                  <a:pt x="50" y="232"/>
                  <a:pt x="50" y="232"/>
                </a:cubicBezTo>
                <a:cubicBezTo>
                  <a:pt x="49" y="233"/>
                  <a:pt x="49" y="233"/>
                  <a:pt x="49" y="233"/>
                </a:cubicBezTo>
                <a:cubicBezTo>
                  <a:pt x="49" y="233"/>
                  <a:pt x="49" y="233"/>
                  <a:pt x="49" y="233"/>
                </a:cubicBezTo>
                <a:cubicBezTo>
                  <a:pt x="48" y="233"/>
                  <a:pt x="48" y="234"/>
                  <a:pt x="47" y="235"/>
                </a:cubicBezTo>
                <a:cubicBezTo>
                  <a:pt x="48" y="233"/>
                  <a:pt x="49" y="231"/>
                  <a:pt x="50" y="229"/>
                </a:cubicBezTo>
                <a:cubicBezTo>
                  <a:pt x="52" y="228"/>
                  <a:pt x="53" y="226"/>
                  <a:pt x="55" y="224"/>
                </a:cubicBezTo>
                <a:cubicBezTo>
                  <a:pt x="55" y="225"/>
                  <a:pt x="54" y="226"/>
                  <a:pt x="53" y="227"/>
                </a:cubicBezTo>
                <a:cubicBezTo>
                  <a:pt x="52" y="228"/>
                  <a:pt x="53" y="228"/>
                  <a:pt x="52" y="229"/>
                </a:cubicBezTo>
                <a:cubicBezTo>
                  <a:pt x="52" y="229"/>
                  <a:pt x="52" y="230"/>
                  <a:pt x="52" y="229"/>
                </a:cubicBezTo>
                <a:cubicBezTo>
                  <a:pt x="52" y="231"/>
                  <a:pt x="50" y="232"/>
                  <a:pt x="50" y="233"/>
                </a:cubicBezTo>
                <a:close/>
                <a:moveTo>
                  <a:pt x="51" y="231"/>
                </a:moveTo>
                <a:cubicBezTo>
                  <a:pt x="51" y="231"/>
                  <a:pt x="50" y="231"/>
                  <a:pt x="50" y="231"/>
                </a:cubicBezTo>
                <a:cubicBezTo>
                  <a:pt x="50" y="232"/>
                  <a:pt x="50" y="232"/>
                  <a:pt x="51" y="231"/>
                </a:cubicBezTo>
                <a:close/>
                <a:moveTo>
                  <a:pt x="47" y="227"/>
                </a:moveTo>
                <a:cubicBezTo>
                  <a:pt x="47" y="226"/>
                  <a:pt x="48" y="225"/>
                  <a:pt x="48" y="225"/>
                </a:cubicBezTo>
                <a:cubicBezTo>
                  <a:pt x="47" y="225"/>
                  <a:pt x="47" y="225"/>
                  <a:pt x="47" y="225"/>
                </a:cubicBezTo>
                <a:cubicBezTo>
                  <a:pt x="48" y="226"/>
                  <a:pt x="46" y="226"/>
                  <a:pt x="47" y="227"/>
                </a:cubicBezTo>
                <a:close/>
                <a:moveTo>
                  <a:pt x="64" y="239"/>
                </a:moveTo>
                <a:cubicBezTo>
                  <a:pt x="64" y="238"/>
                  <a:pt x="65" y="238"/>
                  <a:pt x="64" y="238"/>
                </a:cubicBezTo>
                <a:cubicBezTo>
                  <a:pt x="64" y="238"/>
                  <a:pt x="64" y="238"/>
                  <a:pt x="64" y="238"/>
                </a:cubicBezTo>
                <a:cubicBezTo>
                  <a:pt x="65" y="238"/>
                  <a:pt x="63" y="239"/>
                  <a:pt x="64" y="239"/>
                </a:cubicBezTo>
                <a:close/>
                <a:moveTo>
                  <a:pt x="54" y="231"/>
                </a:moveTo>
                <a:cubicBezTo>
                  <a:pt x="53" y="232"/>
                  <a:pt x="53" y="232"/>
                  <a:pt x="53" y="232"/>
                </a:cubicBezTo>
                <a:cubicBezTo>
                  <a:pt x="53" y="231"/>
                  <a:pt x="53" y="231"/>
                  <a:pt x="53" y="231"/>
                </a:cubicBezTo>
                <a:cubicBezTo>
                  <a:pt x="53" y="231"/>
                  <a:pt x="52" y="231"/>
                  <a:pt x="52" y="231"/>
                </a:cubicBezTo>
                <a:cubicBezTo>
                  <a:pt x="52" y="232"/>
                  <a:pt x="53" y="232"/>
                  <a:pt x="52" y="232"/>
                </a:cubicBezTo>
                <a:cubicBezTo>
                  <a:pt x="51" y="232"/>
                  <a:pt x="51" y="234"/>
                  <a:pt x="50" y="235"/>
                </a:cubicBezTo>
                <a:cubicBezTo>
                  <a:pt x="50" y="235"/>
                  <a:pt x="51" y="236"/>
                  <a:pt x="51" y="235"/>
                </a:cubicBezTo>
                <a:cubicBezTo>
                  <a:pt x="52" y="235"/>
                  <a:pt x="50" y="235"/>
                  <a:pt x="51" y="235"/>
                </a:cubicBezTo>
                <a:cubicBezTo>
                  <a:pt x="51" y="235"/>
                  <a:pt x="52" y="235"/>
                  <a:pt x="52" y="234"/>
                </a:cubicBezTo>
                <a:cubicBezTo>
                  <a:pt x="51" y="234"/>
                  <a:pt x="51" y="234"/>
                  <a:pt x="51" y="233"/>
                </a:cubicBezTo>
                <a:cubicBezTo>
                  <a:pt x="52" y="233"/>
                  <a:pt x="52" y="232"/>
                  <a:pt x="53" y="232"/>
                </a:cubicBezTo>
                <a:cubicBezTo>
                  <a:pt x="53" y="232"/>
                  <a:pt x="53" y="233"/>
                  <a:pt x="53" y="233"/>
                </a:cubicBezTo>
                <a:cubicBezTo>
                  <a:pt x="54" y="232"/>
                  <a:pt x="54" y="231"/>
                  <a:pt x="53" y="231"/>
                </a:cubicBezTo>
                <a:cubicBezTo>
                  <a:pt x="53" y="231"/>
                  <a:pt x="54" y="231"/>
                  <a:pt x="54" y="231"/>
                </a:cubicBezTo>
                <a:close/>
                <a:moveTo>
                  <a:pt x="53" y="236"/>
                </a:moveTo>
                <a:cubicBezTo>
                  <a:pt x="54" y="237"/>
                  <a:pt x="51" y="238"/>
                  <a:pt x="52" y="239"/>
                </a:cubicBezTo>
                <a:cubicBezTo>
                  <a:pt x="53" y="237"/>
                  <a:pt x="55" y="235"/>
                  <a:pt x="56" y="233"/>
                </a:cubicBezTo>
                <a:cubicBezTo>
                  <a:pt x="55" y="234"/>
                  <a:pt x="55" y="235"/>
                  <a:pt x="54" y="235"/>
                </a:cubicBezTo>
                <a:cubicBezTo>
                  <a:pt x="54" y="236"/>
                  <a:pt x="54" y="236"/>
                  <a:pt x="54" y="235"/>
                </a:cubicBezTo>
                <a:cubicBezTo>
                  <a:pt x="54" y="236"/>
                  <a:pt x="53" y="237"/>
                  <a:pt x="53" y="236"/>
                </a:cubicBezTo>
                <a:close/>
                <a:moveTo>
                  <a:pt x="59" y="240"/>
                </a:moveTo>
                <a:cubicBezTo>
                  <a:pt x="59" y="240"/>
                  <a:pt x="60" y="240"/>
                  <a:pt x="60" y="240"/>
                </a:cubicBezTo>
                <a:cubicBezTo>
                  <a:pt x="60" y="239"/>
                  <a:pt x="60" y="240"/>
                  <a:pt x="59" y="239"/>
                </a:cubicBezTo>
                <a:cubicBezTo>
                  <a:pt x="60" y="239"/>
                  <a:pt x="59" y="239"/>
                  <a:pt x="59" y="239"/>
                </a:cubicBezTo>
                <a:cubicBezTo>
                  <a:pt x="60" y="240"/>
                  <a:pt x="59" y="240"/>
                  <a:pt x="59" y="240"/>
                </a:cubicBezTo>
                <a:close/>
                <a:moveTo>
                  <a:pt x="46" y="234"/>
                </a:moveTo>
                <a:cubicBezTo>
                  <a:pt x="47" y="234"/>
                  <a:pt x="47" y="233"/>
                  <a:pt x="47" y="233"/>
                </a:cubicBezTo>
                <a:cubicBezTo>
                  <a:pt x="46" y="234"/>
                  <a:pt x="46" y="232"/>
                  <a:pt x="46" y="233"/>
                </a:cubicBezTo>
                <a:cubicBezTo>
                  <a:pt x="46" y="233"/>
                  <a:pt x="46" y="233"/>
                  <a:pt x="46" y="233"/>
                </a:cubicBezTo>
                <a:cubicBezTo>
                  <a:pt x="46" y="233"/>
                  <a:pt x="46" y="234"/>
                  <a:pt x="46" y="234"/>
                </a:cubicBezTo>
                <a:close/>
                <a:moveTo>
                  <a:pt x="48" y="236"/>
                </a:moveTo>
                <a:cubicBezTo>
                  <a:pt x="48" y="237"/>
                  <a:pt x="49" y="237"/>
                  <a:pt x="49" y="238"/>
                </a:cubicBezTo>
                <a:cubicBezTo>
                  <a:pt x="49" y="237"/>
                  <a:pt x="51" y="237"/>
                  <a:pt x="51" y="236"/>
                </a:cubicBezTo>
                <a:cubicBezTo>
                  <a:pt x="50" y="236"/>
                  <a:pt x="50" y="236"/>
                  <a:pt x="49" y="237"/>
                </a:cubicBezTo>
                <a:cubicBezTo>
                  <a:pt x="49" y="236"/>
                  <a:pt x="50" y="236"/>
                  <a:pt x="49" y="235"/>
                </a:cubicBezTo>
                <a:cubicBezTo>
                  <a:pt x="49" y="236"/>
                  <a:pt x="49" y="236"/>
                  <a:pt x="48" y="236"/>
                </a:cubicBezTo>
                <a:close/>
                <a:moveTo>
                  <a:pt x="24" y="224"/>
                </a:moveTo>
                <a:cubicBezTo>
                  <a:pt x="24" y="223"/>
                  <a:pt x="24" y="224"/>
                  <a:pt x="25" y="223"/>
                </a:cubicBezTo>
                <a:cubicBezTo>
                  <a:pt x="24" y="223"/>
                  <a:pt x="24" y="223"/>
                  <a:pt x="23" y="223"/>
                </a:cubicBezTo>
                <a:cubicBezTo>
                  <a:pt x="24" y="224"/>
                  <a:pt x="24" y="223"/>
                  <a:pt x="24" y="224"/>
                </a:cubicBezTo>
                <a:cubicBezTo>
                  <a:pt x="24" y="224"/>
                  <a:pt x="24" y="224"/>
                  <a:pt x="24" y="224"/>
                </a:cubicBezTo>
                <a:close/>
                <a:moveTo>
                  <a:pt x="17" y="230"/>
                </a:moveTo>
                <a:cubicBezTo>
                  <a:pt x="18" y="228"/>
                  <a:pt x="19" y="228"/>
                  <a:pt x="19" y="227"/>
                </a:cubicBezTo>
                <a:cubicBezTo>
                  <a:pt x="19" y="227"/>
                  <a:pt x="16" y="229"/>
                  <a:pt x="17" y="230"/>
                </a:cubicBezTo>
                <a:close/>
                <a:moveTo>
                  <a:pt x="45" y="246"/>
                </a:moveTo>
                <a:cubicBezTo>
                  <a:pt x="45" y="246"/>
                  <a:pt x="46" y="247"/>
                  <a:pt x="46" y="247"/>
                </a:cubicBezTo>
                <a:cubicBezTo>
                  <a:pt x="45" y="247"/>
                  <a:pt x="45" y="248"/>
                  <a:pt x="45" y="248"/>
                </a:cubicBezTo>
                <a:cubicBezTo>
                  <a:pt x="46" y="248"/>
                  <a:pt x="46" y="247"/>
                  <a:pt x="47" y="247"/>
                </a:cubicBezTo>
                <a:cubicBezTo>
                  <a:pt x="47" y="247"/>
                  <a:pt x="47" y="247"/>
                  <a:pt x="47" y="247"/>
                </a:cubicBezTo>
                <a:cubicBezTo>
                  <a:pt x="46" y="247"/>
                  <a:pt x="46" y="245"/>
                  <a:pt x="45" y="246"/>
                </a:cubicBezTo>
                <a:close/>
                <a:moveTo>
                  <a:pt x="19" y="231"/>
                </a:moveTo>
                <a:cubicBezTo>
                  <a:pt x="19" y="231"/>
                  <a:pt x="18" y="231"/>
                  <a:pt x="18" y="231"/>
                </a:cubicBezTo>
                <a:cubicBezTo>
                  <a:pt x="19" y="232"/>
                  <a:pt x="19" y="230"/>
                  <a:pt x="18" y="230"/>
                </a:cubicBezTo>
                <a:cubicBezTo>
                  <a:pt x="18" y="231"/>
                  <a:pt x="19" y="230"/>
                  <a:pt x="19" y="231"/>
                </a:cubicBezTo>
                <a:close/>
                <a:moveTo>
                  <a:pt x="18" y="232"/>
                </a:moveTo>
                <a:cubicBezTo>
                  <a:pt x="18" y="234"/>
                  <a:pt x="17" y="234"/>
                  <a:pt x="17" y="235"/>
                </a:cubicBezTo>
                <a:cubicBezTo>
                  <a:pt x="17" y="235"/>
                  <a:pt x="17" y="234"/>
                  <a:pt x="18" y="234"/>
                </a:cubicBezTo>
                <a:cubicBezTo>
                  <a:pt x="18" y="233"/>
                  <a:pt x="19" y="232"/>
                  <a:pt x="18" y="232"/>
                </a:cubicBezTo>
                <a:cubicBezTo>
                  <a:pt x="17" y="232"/>
                  <a:pt x="18" y="233"/>
                  <a:pt x="18" y="232"/>
                </a:cubicBezTo>
                <a:close/>
                <a:moveTo>
                  <a:pt x="4" y="256"/>
                </a:moveTo>
                <a:cubicBezTo>
                  <a:pt x="5" y="255"/>
                  <a:pt x="5" y="254"/>
                  <a:pt x="6" y="253"/>
                </a:cubicBezTo>
                <a:cubicBezTo>
                  <a:pt x="5" y="254"/>
                  <a:pt x="4" y="255"/>
                  <a:pt x="4" y="256"/>
                </a:cubicBezTo>
                <a:close/>
                <a:moveTo>
                  <a:pt x="5" y="258"/>
                </a:moveTo>
                <a:cubicBezTo>
                  <a:pt x="6" y="257"/>
                  <a:pt x="6" y="258"/>
                  <a:pt x="6" y="257"/>
                </a:cubicBezTo>
                <a:cubicBezTo>
                  <a:pt x="6" y="257"/>
                  <a:pt x="6" y="256"/>
                  <a:pt x="6" y="257"/>
                </a:cubicBezTo>
                <a:cubicBezTo>
                  <a:pt x="6" y="257"/>
                  <a:pt x="6" y="257"/>
                  <a:pt x="6" y="257"/>
                </a:cubicBezTo>
                <a:cubicBezTo>
                  <a:pt x="5" y="257"/>
                  <a:pt x="5" y="257"/>
                  <a:pt x="5" y="258"/>
                </a:cubicBezTo>
                <a:close/>
                <a:moveTo>
                  <a:pt x="810" y="264"/>
                </a:moveTo>
                <a:cubicBezTo>
                  <a:pt x="810" y="263"/>
                  <a:pt x="808" y="261"/>
                  <a:pt x="809" y="261"/>
                </a:cubicBezTo>
                <a:cubicBezTo>
                  <a:pt x="810" y="263"/>
                  <a:pt x="809" y="259"/>
                  <a:pt x="809" y="258"/>
                </a:cubicBezTo>
                <a:cubicBezTo>
                  <a:pt x="810" y="258"/>
                  <a:pt x="811" y="261"/>
                  <a:pt x="811" y="261"/>
                </a:cubicBezTo>
                <a:cubicBezTo>
                  <a:pt x="809" y="256"/>
                  <a:pt x="809" y="255"/>
                  <a:pt x="807" y="251"/>
                </a:cubicBezTo>
                <a:cubicBezTo>
                  <a:pt x="808" y="254"/>
                  <a:pt x="807" y="252"/>
                  <a:pt x="806" y="253"/>
                </a:cubicBezTo>
                <a:cubicBezTo>
                  <a:pt x="806" y="253"/>
                  <a:pt x="807" y="260"/>
                  <a:pt x="805" y="261"/>
                </a:cubicBezTo>
                <a:cubicBezTo>
                  <a:pt x="805" y="261"/>
                  <a:pt x="804" y="259"/>
                  <a:pt x="804" y="259"/>
                </a:cubicBezTo>
                <a:cubicBezTo>
                  <a:pt x="803" y="261"/>
                  <a:pt x="804" y="266"/>
                  <a:pt x="801" y="262"/>
                </a:cubicBezTo>
                <a:cubicBezTo>
                  <a:pt x="805" y="271"/>
                  <a:pt x="805" y="267"/>
                  <a:pt x="806" y="266"/>
                </a:cubicBezTo>
                <a:cubicBezTo>
                  <a:pt x="806" y="266"/>
                  <a:pt x="810" y="269"/>
                  <a:pt x="808" y="265"/>
                </a:cubicBezTo>
                <a:cubicBezTo>
                  <a:pt x="809" y="266"/>
                  <a:pt x="810" y="269"/>
                  <a:pt x="810" y="268"/>
                </a:cubicBezTo>
                <a:cubicBezTo>
                  <a:pt x="811" y="267"/>
                  <a:pt x="808" y="263"/>
                  <a:pt x="810" y="264"/>
                </a:cubicBezTo>
                <a:close/>
                <a:moveTo>
                  <a:pt x="440" y="4"/>
                </a:moveTo>
                <a:cubicBezTo>
                  <a:pt x="437" y="3"/>
                  <a:pt x="437" y="4"/>
                  <a:pt x="434" y="4"/>
                </a:cubicBezTo>
                <a:cubicBezTo>
                  <a:pt x="434" y="3"/>
                  <a:pt x="433" y="3"/>
                  <a:pt x="433" y="3"/>
                </a:cubicBezTo>
                <a:cubicBezTo>
                  <a:pt x="435" y="3"/>
                  <a:pt x="437" y="3"/>
                  <a:pt x="438" y="2"/>
                </a:cubicBezTo>
                <a:cubicBezTo>
                  <a:pt x="434" y="2"/>
                  <a:pt x="429" y="3"/>
                  <a:pt x="425" y="3"/>
                </a:cubicBezTo>
                <a:cubicBezTo>
                  <a:pt x="428" y="3"/>
                  <a:pt x="433" y="4"/>
                  <a:pt x="437" y="4"/>
                </a:cubicBezTo>
                <a:cubicBezTo>
                  <a:pt x="436" y="4"/>
                  <a:pt x="434" y="4"/>
                  <a:pt x="434" y="4"/>
                </a:cubicBezTo>
                <a:cubicBezTo>
                  <a:pt x="439" y="4"/>
                  <a:pt x="441" y="4"/>
                  <a:pt x="443" y="5"/>
                </a:cubicBezTo>
                <a:cubicBezTo>
                  <a:pt x="442" y="4"/>
                  <a:pt x="446" y="5"/>
                  <a:pt x="446" y="5"/>
                </a:cubicBezTo>
                <a:cubicBezTo>
                  <a:pt x="444" y="4"/>
                  <a:pt x="444" y="5"/>
                  <a:pt x="440" y="4"/>
                </a:cubicBezTo>
                <a:close/>
                <a:moveTo>
                  <a:pt x="399" y="5"/>
                </a:moveTo>
                <a:cubicBezTo>
                  <a:pt x="398" y="4"/>
                  <a:pt x="401" y="4"/>
                  <a:pt x="398" y="4"/>
                </a:cubicBezTo>
                <a:cubicBezTo>
                  <a:pt x="393" y="5"/>
                  <a:pt x="386" y="4"/>
                  <a:pt x="382" y="5"/>
                </a:cubicBezTo>
                <a:cubicBezTo>
                  <a:pt x="385" y="5"/>
                  <a:pt x="389" y="5"/>
                  <a:pt x="390" y="6"/>
                </a:cubicBezTo>
                <a:cubicBezTo>
                  <a:pt x="395" y="5"/>
                  <a:pt x="398" y="6"/>
                  <a:pt x="400" y="5"/>
                </a:cubicBezTo>
                <a:lnTo>
                  <a:pt x="399" y="5"/>
                </a:lnTo>
                <a:close/>
                <a:moveTo>
                  <a:pt x="142" y="101"/>
                </a:moveTo>
                <a:cubicBezTo>
                  <a:pt x="142" y="102"/>
                  <a:pt x="141" y="103"/>
                  <a:pt x="143" y="102"/>
                </a:cubicBezTo>
                <a:cubicBezTo>
                  <a:pt x="147" y="98"/>
                  <a:pt x="152" y="95"/>
                  <a:pt x="156" y="91"/>
                </a:cubicBezTo>
                <a:cubicBezTo>
                  <a:pt x="154" y="92"/>
                  <a:pt x="153" y="93"/>
                  <a:pt x="152" y="94"/>
                </a:cubicBezTo>
                <a:cubicBezTo>
                  <a:pt x="153" y="93"/>
                  <a:pt x="154" y="92"/>
                  <a:pt x="154" y="91"/>
                </a:cubicBezTo>
                <a:cubicBezTo>
                  <a:pt x="149" y="95"/>
                  <a:pt x="141" y="101"/>
                  <a:pt x="134" y="107"/>
                </a:cubicBezTo>
                <a:cubicBezTo>
                  <a:pt x="135" y="107"/>
                  <a:pt x="140" y="103"/>
                  <a:pt x="142" y="101"/>
                </a:cubicBezTo>
                <a:close/>
                <a:moveTo>
                  <a:pt x="84" y="158"/>
                </a:moveTo>
                <a:cubicBezTo>
                  <a:pt x="84" y="159"/>
                  <a:pt x="84" y="160"/>
                  <a:pt x="83" y="160"/>
                </a:cubicBezTo>
                <a:cubicBezTo>
                  <a:pt x="83" y="161"/>
                  <a:pt x="83" y="162"/>
                  <a:pt x="84" y="161"/>
                </a:cubicBezTo>
                <a:cubicBezTo>
                  <a:pt x="84" y="161"/>
                  <a:pt x="84" y="161"/>
                  <a:pt x="84" y="161"/>
                </a:cubicBezTo>
                <a:cubicBezTo>
                  <a:pt x="84" y="160"/>
                  <a:pt x="84" y="160"/>
                  <a:pt x="84" y="160"/>
                </a:cubicBezTo>
                <a:cubicBezTo>
                  <a:pt x="85" y="160"/>
                  <a:pt x="84" y="161"/>
                  <a:pt x="85" y="161"/>
                </a:cubicBezTo>
                <a:cubicBezTo>
                  <a:pt x="85" y="160"/>
                  <a:pt x="86" y="160"/>
                  <a:pt x="85" y="160"/>
                </a:cubicBezTo>
                <a:cubicBezTo>
                  <a:pt x="85" y="160"/>
                  <a:pt x="85" y="160"/>
                  <a:pt x="85" y="160"/>
                </a:cubicBezTo>
                <a:cubicBezTo>
                  <a:pt x="85" y="160"/>
                  <a:pt x="85" y="159"/>
                  <a:pt x="85" y="159"/>
                </a:cubicBezTo>
                <a:cubicBezTo>
                  <a:pt x="85" y="159"/>
                  <a:pt x="86" y="159"/>
                  <a:pt x="87" y="158"/>
                </a:cubicBezTo>
                <a:cubicBezTo>
                  <a:pt x="85" y="159"/>
                  <a:pt x="86" y="157"/>
                  <a:pt x="84" y="158"/>
                </a:cubicBezTo>
                <a:close/>
                <a:moveTo>
                  <a:pt x="103" y="180"/>
                </a:moveTo>
                <a:cubicBezTo>
                  <a:pt x="102" y="180"/>
                  <a:pt x="102" y="181"/>
                  <a:pt x="102" y="181"/>
                </a:cubicBezTo>
                <a:cubicBezTo>
                  <a:pt x="102" y="181"/>
                  <a:pt x="103" y="181"/>
                  <a:pt x="103" y="181"/>
                </a:cubicBezTo>
                <a:cubicBezTo>
                  <a:pt x="103" y="181"/>
                  <a:pt x="102" y="181"/>
                  <a:pt x="103" y="182"/>
                </a:cubicBezTo>
                <a:cubicBezTo>
                  <a:pt x="103" y="182"/>
                  <a:pt x="103" y="181"/>
                  <a:pt x="104" y="181"/>
                </a:cubicBezTo>
                <a:cubicBezTo>
                  <a:pt x="103" y="182"/>
                  <a:pt x="103" y="182"/>
                  <a:pt x="103" y="183"/>
                </a:cubicBezTo>
                <a:cubicBezTo>
                  <a:pt x="103" y="182"/>
                  <a:pt x="104" y="182"/>
                  <a:pt x="104" y="181"/>
                </a:cubicBezTo>
                <a:cubicBezTo>
                  <a:pt x="103" y="182"/>
                  <a:pt x="104" y="180"/>
                  <a:pt x="103" y="180"/>
                </a:cubicBezTo>
                <a:close/>
                <a:moveTo>
                  <a:pt x="77" y="160"/>
                </a:moveTo>
                <a:cubicBezTo>
                  <a:pt x="79" y="161"/>
                  <a:pt x="79" y="158"/>
                  <a:pt x="80" y="158"/>
                </a:cubicBezTo>
                <a:cubicBezTo>
                  <a:pt x="80" y="157"/>
                  <a:pt x="80" y="157"/>
                  <a:pt x="80" y="157"/>
                </a:cubicBezTo>
                <a:cubicBezTo>
                  <a:pt x="79" y="157"/>
                  <a:pt x="78" y="159"/>
                  <a:pt x="77" y="160"/>
                </a:cubicBezTo>
                <a:close/>
                <a:moveTo>
                  <a:pt x="81" y="163"/>
                </a:moveTo>
                <a:cubicBezTo>
                  <a:pt x="81" y="163"/>
                  <a:pt x="81" y="164"/>
                  <a:pt x="81" y="164"/>
                </a:cubicBezTo>
                <a:cubicBezTo>
                  <a:pt x="81" y="164"/>
                  <a:pt x="80" y="165"/>
                  <a:pt x="80" y="165"/>
                </a:cubicBezTo>
                <a:cubicBezTo>
                  <a:pt x="82" y="164"/>
                  <a:pt x="83" y="163"/>
                  <a:pt x="83" y="162"/>
                </a:cubicBezTo>
                <a:cubicBezTo>
                  <a:pt x="83" y="161"/>
                  <a:pt x="83" y="161"/>
                  <a:pt x="82" y="161"/>
                </a:cubicBezTo>
                <a:cubicBezTo>
                  <a:pt x="81" y="161"/>
                  <a:pt x="82" y="163"/>
                  <a:pt x="81" y="163"/>
                </a:cubicBezTo>
                <a:close/>
                <a:moveTo>
                  <a:pt x="95" y="192"/>
                </a:moveTo>
                <a:cubicBezTo>
                  <a:pt x="95" y="192"/>
                  <a:pt x="95" y="192"/>
                  <a:pt x="94" y="192"/>
                </a:cubicBezTo>
                <a:cubicBezTo>
                  <a:pt x="94" y="192"/>
                  <a:pt x="94" y="193"/>
                  <a:pt x="94" y="193"/>
                </a:cubicBezTo>
                <a:cubicBezTo>
                  <a:pt x="93" y="193"/>
                  <a:pt x="93" y="194"/>
                  <a:pt x="94" y="194"/>
                </a:cubicBezTo>
                <a:cubicBezTo>
                  <a:pt x="93" y="194"/>
                  <a:pt x="91" y="196"/>
                  <a:pt x="91" y="197"/>
                </a:cubicBezTo>
                <a:cubicBezTo>
                  <a:pt x="91" y="197"/>
                  <a:pt x="91" y="197"/>
                  <a:pt x="91" y="197"/>
                </a:cubicBezTo>
                <a:cubicBezTo>
                  <a:pt x="91" y="198"/>
                  <a:pt x="90" y="198"/>
                  <a:pt x="90" y="199"/>
                </a:cubicBezTo>
                <a:cubicBezTo>
                  <a:pt x="91" y="197"/>
                  <a:pt x="92" y="197"/>
                  <a:pt x="93" y="197"/>
                </a:cubicBezTo>
                <a:cubicBezTo>
                  <a:pt x="93" y="197"/>
                  <a:pt x="93" y="197"/>
                  <a:pt x="93" y="196"/>
                </a:cubicBezTo>
                <a:cubicBezTo>
                  <a:pt x="93" y="196"/>
                  <a:pt x="94" y="195"/>
                  <a:pt x="94" y="195"/>
                </a:cubicBezTo>
                <a:cubicBezTo>
                  <a:pt x="94" y="195"/>
                  <a:pt x="94" y="195"/>
                  <a:pt x="94" y="196"/>
                </a:cubicBezTo>
                <a:cubicBezTo>
                  <a:pt x="95" y="194"/>
                  <a:pt x="95" y="192"/>
                  <a:pt x="96" y="193"/>
                </a:cubicBezTo>
                <a:cubicBezTo>
                  <a:pt x="96" y="193"/>
                  <a:pt x="96" y="193"/>
                  <a:pt x="96" y="193"/>
                </a:cubicBezTo>
                <a:cubicBezTo>
                  <a:pt x="97" y="193"/>
                  <a:pt x="97" y="193"/>
                  <a:pt x="97" y="192"/>
                </a:cubicBezTo>
                <a:cubicBezTo>
                  <a:pt x="96" y="193"/>
                  <a:pt x="97" y="192"/>
                  <a:pt x="96" y="192"/>
                </a:cubicBezTo>
                <a:cubicBezTo>
                  <a:pt x="96" y="193"/>
                  <a:pt x="96" y="192"/>
                  <a:pt x="95" y="192"/>
                </a:cubicBezTo>
                <a:close/>
                <a:moveTo>
                  <a:pt x="65" y="175"/>
                </a:moveTo>
                <a:cubicBezTo>
                  <a:pt x="64" y="175"/>
                  <a:pt x="64" y="175"/>
                  <a:pt x="63" y="175"/>
                </a:cubicBezTo>
                <a:cubicBezTo>
                  <a:pt x="63" y="175"/>
                  <a:pt x="63" y="175"/>
                  <a:pt x="63" y="176"/>
                </a:cubicBezTo>
                <a:cubicBezTo>
                  <a:pt x="64" y="176"/>
                  <a:pt x="64" y="176"/>
                  <a:pt x="64" y="177"/>
                </a:cubicBezTo>
                <a:cubicBezTo>
                  <a:pt x="65" y="175"/>
                  <a:pt x="66" y="175"/>
                  <a:pt x="67" y="173"/>
                </a:cubicBezTo>
                <a:cubicBezTo>
                  <a:pt x="65" y="173"/>
                  <a:pt x="66" y="174"/>
                  <a:pt x="65" y="175"/>
                </a:cubicBezTo>
                <a:close/>
                <a:moveTo>
                  <a:pt x="45" y="240"/>
                </a:moveTo>
                <a:cubicBezTo>
                  <a:pt x="46" y="241"/>
                  <a:pt x="46" y="241"/>
                  <a:pt x="46" y="241"/>
                </a:cubicBezTo>
                <a:cubicBezTo>
                  <a:pt x="45" y="241"/>
                  <a:pt x="45" y="242"/>
                  <a:pt x="44" y="243"/>
                </a:cubicBezTo>
                <a:cubicBezTo>
                  <a:pt x="44" y="243"/>
                  <a:pt x="43" y="243"/>
                  <a:pt x="43" y="243"/>
                </a:cubicBezTo>
                <a:cubicBezTo>
                  <a:pt x="43" y="244"/>
                  <a:pt x="43" y="244"/>
                  <a:pt x="42" y="245"/>
                </a:cubicBezTo>
                <a:cubicBezTo>
                  <a:pt x="43" y="245"/>
                  <a:pt x="43" y="245"/>
                  <a:pt x="44" y="244"/>
                </a:cubicBezTo>
                <a:cubicBezTo>
                  <a:pt x="44" y="244"/>
                  <a:pt x="44" y="244"/>
                  <a:pt x="44" y="244"/>
                </a:cubicBezTo>
                <a:cubicBezTo>
                  <a:pt x="44" y="244"/>
                  <a:pt x="45" y="243"/>
                  <a:pt x="45" y="244"/>
                </a:cubicBezTo>
                <a:cubicBezTo>
                  <a:pt x="45" y="241"/>
                  <a:pt x="47" y="241"/>
                  <a:pt x="48" y="239"/>
                </a:cubicBezTo>
                <a:cubicBezTo>
                  <a:pt x="47" y="238"/>
                  <a:pt x="48" y="238"/>
                  <a:pt x="48" y="237"/>
                </a:cubicBezTo>
                <a:cubicBezTo>
                  <a:pt x="47" y="238"/>
                  <a:pt x="47" y="240"/>
                  <a:pt x="45" y="240"/>
                </a:cubicBezTo>
                <a:close/>
                <a:moveTo>
                  <a:pt x="820" y="180"/>
                </a:moveTo>
                <a:cubicBezTo>
                  <a:pt x="820" y="181"/>
                  <a:pt x="820" y="181"/>
                  <a:pt x="820" y="181"/>
                </a:cubicBezTo>
                <a:cubicBezTo>
                  <a:pt x="821" y="181"/>
                  <a:pt x="820" y="180"/>
                  <a:pt x="820" y="180"/>
                </a:cubicBezTo>
                <a:close/>
                <a:moveTo>
                  <a:pt x="866" y="171"/>
                </a:moveTo>
                <a:cubicBezTo>
                  <a:pt x="865" y="171"/>
                  <a:pt x="865" y="172"/>
                  <a:pt x="865" y="172"/>
                </a:cubicBezTo>
                <a:cubicBezTo>
                  <a:pt x="865" y="172"/>
                  <a:pt x="866" y="172"/>
                  <a:pt x="866" y="171"/>
                </a:cubicBezTo>
                <a:close/>
                <a:moveTo>
                  <a:pt x="867" y="170"/>
                </a:moveTo>
                <a:cubicBezTo>
                  <a:pt x="867" y="170"/>
                  <a:pt x="866" y="171"/>
                  <a:pt x="866" y="171"/>
                </a:cubicBezTo>
                <a:cubicBezTo>
                  <a:pt x="867" y="171"/>
                  <a:pt x="867" y="170"/>
                  <a:pt x="867" y="170"/>
                </a:cubicBezTo>
                <a:close/>
                <a:moveTo>
                  <a:pt x="861" y="164"/>
                </a:moveTo>
                <a:cubicBezTo>
                  <a:pt x="861" y="164"/>
                  <a:pt x="861" y="165"/>
                  <a:pt x="861" y="165"/>
                </a:cubicBezTo>
                <a:cubicBezTo>
                  <a:pt x="861" y="164"/>
                  <a:pt x="861" y="164"/>
                  <a:pt x="861" y="164"/>
                </a:cubicBezTo>
                <a:close/>
                <a:moveTo>
                  <a:pt x="868" y="162"/>
                </a:moveTo>
                <a:cubicBezTo>
                  <a:pt x="868" y="163"/>
                  <a:pt x="868" y="163"/>
                  <a:pt x="868" y="164"/>
                </a:cubicBezTo>
                <a:cubicBezTo>
                  <a:pt x="868" y="163"/>
                  <a:pt x="868" y="162"/>
                  <a:pt x="868" y="162"/>
                </a:cubicBezTo>
                <a:close/>
                <a:moveTo>
                  <a:pt x="837" y="147"/>
                </a:moveTo>
                <a:cubicBezTo>
                  <a:pt x="837" y="148"/>
                  <a:pt x="837" y="150"/>
                  <a:pt x="836" y="151"/>
                </a:cubicBezTo>
                <a:cubicBezTo>
                  <a:pt x="837" y="150"/>
                  <a:pt x="837" y="148"/>
                  <a:pt x="837" y="147"/>
                </a:cubicBezTo>
                <a:close/>
                <a:moveTo>
                  <a:pt x="852" y="150"/>
                </a:moveTo>
                <a:cubicBezTo>
                  <a:pt x="852" y="149"/>
                  <a:pt x="852" y="149"/>
                  <a:pt x="852" y="149"/>
                </a:cubicBezTo>
                <a:cubicBezTo>
                  <a:pt x="852" y="148"/>
                  <a:pt x="853" y="145"/>
                  <a:pt x="852" y="146"/>
                </a:cubicBezTo>
                <a:cubicBezTo>
                  <a:pt x="852" y="147"/>
                  <a:pt x="851" y="150"/>
                  <a:pt x="851" y="151"/>
                </a:cubicBezTo>
                <a:cubicBezTo>
                  <a:pt x="852" y="151"/>
                  <a:pt x="852" y="150"/>
                  <a:pt x="852" y="150"/>
                </a:cubicBezTo>
                <a:close/>
                <a:moveTo>
                  <a:pt x="857" y="134"/>
                </a:moveTo>
                <a:cubicBezTo>
                  <a:pt x="857" y="134"/>
                  <a:pt x="857" y="134"/>
                  <a:pt x="857" y="134"/>
                </a:cubicBezTo>
                <a:cubicBezTo>
                  <a:pt x="857" y="135"/>
                  <a:pt x="857" y="135"/>
                  <a:pt x="857" y="135"/>
                </a:cubicBezTo>
                <a:lnTo>
                  <a:pt x="857" y="134"/>
                </a:lnTo>
                <a:close/>
                <a:moveTo>
                  <a:pt x="855" y="121"/>
                </a:moveTo>
                <a:cubicBezTo>
                  <a:pt x="855" y="119"/>
                  <a:pt x="855" y="121"/>
                  <a:pt x="855" y="122"/>
                </a:cubicBezTo>
                <a:cubicBezTo>
                  <a:pt x="854" y="122"/>
                  <a:pt x="855" y="122"/>
                  <a:pt x="855" y="122"/>
                </a:cubicBezTo>
                <a:cubicBezTo>
                  <a:pt x="854" y="123"/>
                  <a:pt x="853" y="126"/>
                  <a:pt x="854" y="127"/>
                </a:cubicBezTo>
                <a:cubicBezTo>
                  <a:pt x="854" y="125"/>
                  <a:pt x="855" y="123"/>
                  <a:pt x="855" y="121"/>
                </a:cubicBezTo>
                <a:close/>
                <a:moveTo>
                  <a:pt x="861" y="127"/>
                </a:moveTo>
                <a:cubicBezTo>
                  <a:pt x="861" y="127"/>
                  <a:pt x="861" y="128"/>
                  <a:pt x="861" y="128"/>
                </a:cubicBezTo>
                <a:cubicBezTo>
                  <a:pt x="862" y="128"/>
                  <a:pt x="862" y="127"/>
                  <a:pt x="861" y="127"/>
                </a:cubicBezTo>
                <a:close/>
                <a:moveTo>
                  <a:pt x="843" y="120"/>
                </a:moveTo>
                <a:cubicBezTo>
                  <a:pt x="843" y="121"/>
                  <a:pt x="842" y="121"/>
                  <a:pt x="842" y="122"/>
                </a:cubicBezTo>
                <a:cubicBezTo>
                  <a:pt x="843" y="121"/>
                  <a:pt x="843" y="120"/>
                  <a:pt x="843" y="120"/>
                </a:cubicBezTo>
                <a:close/>
                <a:moveTo>
                  <a:pt x="859" y="124"/>
                </a:moveTo>
                <a:cubicBezTo>
                  <a:pt x="859" y="125"/>
                  <a:pt x="859" y="126"/>
                  <a:pt x="859" y="126"/>
                </a:cubicBezTo>
                <a:cubicBezTo>
                  <a:pt x="859" y="125"/>
                  <a:pt x="860" y="124"/>
                  <a:pt x="859" y="124"/>
                </a:cubicBezTo>
                <a:close/>
                <a:moveTo>
                  <a:pt x="862" y="124"/>
                </a:moveTo>
                <a:cubicBezTo>
                  <a:pt x="862" y="124"/>
                  <a:pt x="861" y="125"/>
                  <a:pt x="862" y="126"/>
                </a:cubicBezTo>
                <a:cubicBezTo>
                  <a:pt x="862" y="125"/>
                  <a:pt x="862" y="124"/>
                  <a:pt x="862" y="124"/>
                </a:cubicBezTo>
                <a:close/>
                <a:moveTo>
                  <a:pt x="839" y="118"/>
                </a:moveTo>
                <a:cubicBezTo>
                  <a:pt x="839" y="118"/>
                  <a:pt x="839" y="119"/>
                  <a:pt x="839" y="119"/>
                </a:cubicBezTo>
                <a:cubicBezTo>
                  <a:pt x="839" y="119"/>
                  <a:pt x="839" y="118"/>
                  <a:pt x="839" y="118"/>
                </a:cubicBezTo>
                <a:close/>
                <a:moveTo>
                  <a:pt x="844" y="116"/>
                </a:moveTo>
                <a:cubicBezTo>
                  <a:pt x="843" y="117"/>
                  <a:pt x="843" y="119"/>
                  <a:pt x="843" y="119"/>
                </a:cubicBezTo>
                <a:cubicBezTo>
                  <a:pt x="843" y="118"/>
                  <a:pt x="844" y="117"/>
                  <a:pt x="844" y="116"/>
                </a:cubicBezTo>
                <a:close/>
                <a:moveTo>
                  <a:pt x="862" y="120"/>
                </a:moveTo>
                <a:cubicBezTo>
                  <a:pt x="862" y="121"/>
                  <a:pt x="861" y="122"/>
                  <a:pt x="862" y="123"/>
                </a:cubicBezTo>
                <a:cubicBezTo>
                  <a:pt x="862" y="122"/>
                  <a:pt x="863" y="121"/>
                  <a:pt x="862" y="120"/>
                </a:cubicBezTo>
                <a:close/>
                <a:moveTo>
                  <a:pt x="855" y="118"/>
                </a:moveTo>
                <a:cubicBezTo>
                  <a:pt x="855" y="118"/>
                  <a:pt x="855" y="119"/>
                  <a:pt x="855" y="119"/>
                </a:cubicBezTo>
                <a:cubicBezTo>
                  <a:pt x="855" y="119"/>
                  <a:pt x="856" y="118"/>
                  <a:pt x="855" y="118"/>
                </a:cubicBezTo>
                <a:close/>
                <a:moveTo>
                  <a:pt x="858" y="117"/>
                </a:moveTo>
                <a:cubicBezTo>
                  <a:pt x="857" y="117"/>
                  <a:pt x="857" y="118"/>
                  <a:pt x="857" y="118"/>
                </a:cubicBezTo>
                <a:cubicBezTo>
                  <a:pt x="857" y="118"/>
                  <a:pt x="858" y="117"/>
                  <a:pt x="858" y="117"/>
                </a:cubicBezTo>
                <a:close/>
                <a:moveTo>
                  <a:pt x="860" y="116"/>
                </a:moveTo>
                <a:cubicBezTo>
                  <a:pt x="860" y="116"/>
                  <a:pt x="860" y="116"/>
                  <a:pt x="860" y="116"/>
                </a:cubicBezTo>
                <a:cubicBezTo>
                  <a:pt x="859" y="115"/>
                  <a:pt x="859" y="117"/>
                  <a:pt x="859" y="117"/>
                </a:cubicBezTo>
                <a:cubicBezTo>
                  <a:pt x="860" y="117"/>
                  <a:pt x="859" y="117"/>
                  <a:pt x="860" y="116"/>
                </a:cubicBezTo>
                <a:close/>
                <a:moveTo>
                  <a:pt x="849" y="110"/>
                </a:moveTo>
                <a:cubicBezTo>
                  <a:pt x="848" y="113"/>
                  <a:pt x="849" y="111"/>
                  <a:pt x="849" y="110"/>
                </a:cubicBezTo>
                <a:close/>
                <a:moveTo>
                  <a:pt x="845" y="105"/>
                </a:moveTo>
                <a:cubicBezTo>
                  <a:pt x="844" y="106"/>
                  <a:pt x="844" y="106"/>
                  <a:pt x="844" y="107"/>
                </a:cubicBezTo>
                <a:cubicBezTo>
                  <a:pt x="844" y="107"/>
                  <a:pt x="845" y="105"/>
                  <a:pt x="845" y="105"/>
                </a:cubicBezTo>
                <a:close/>
                <a:moveTo>
                  <a:pt x="844" y="105"/>
                </a:moveTo>
                <a:cubicBezTo>
                  <a:pt x="843" y="105"/>
                  <a:pt x="843" y="106"/>
                  <a:pt x="843" y="106"/>
                </a:cubicBezTo>
                <a:lnTo>
                  <a:pt x="844" y="105"/>
                </a:lnTo>
                <a:close/>
                <a:moveTo>
                  <a:pt x="836" y="101"/>
                </a:moveTo>
                <a:cubicBezTo>
                  <a:pt x="836" y="102"/>
                  <a:pt x="836" y="102"/>
                  <a:pt x="836" y="102"/>
                </a:cubicBezTo>
                <a:cubicBezTo>
                  <a:pt x="836" y="102"/>
                  <a:pt x="836" y="101"/>
                  <a:pt x="836" y="101"/>
                </a:cubicBezTo>
                <a:close/>
                <a:moveTo>
                  <a:pt x="838" y="98"/>
                </a:moveTo>
                <a:cubicBezTo>
                  <a:pt x="839" y="95"/>
                  <a:pt x="838" y="96"/>
                  <a:pt x="838" y="98"/>
                </a:cubicBezTo>
                <a:close/>
                <a:moveTo>
                  <a:pt x="828" y="135"/>
                </a:moveTo>
                <a:cubicBezTo>
                  <a:pt x="828" y="136"/>
                  <a:pt x="828" y="137"/>
                  <a:pt x="827" y="137"/>
                </a:cubicBezTo>
                <a:cubicBezTo>
                  <a:pt x="828" y="138"/>
                  <a:pt x="828" y="138"/>
                  <a:pt x="828" y="138"/>
                </a:cubicBezTo>
                <a:cubicBezTo>
                  <a:pt x="828" y="137"/>
                  <a:pt x="829" y="136"/>
                  <a:pt x="828" y="135"/>
                </a:cubicBezTo>
                <a:close/>
                <a:moveTo>
                  <a:pt x="846" y="121"/>
                </a:moveTo>
                <a:cubicBezTo>
                  <a:pt x="847" y="121"/>
                  <a:pt x="846" y="122"/>
                  <a:pt x="846" y="123"/>
                </a:cubicBezTo>
                <a:cubicBezTo>
                  <a:pt x="847" y="121"/>
                  <a:pt x="848" y="117"/>
                  <a:pt x="848" y="115"/>
                </a:cubicBezTo>
                <a:cubicBezTo>
                  <a:pt x="848" y="117"/>
                  <a:pt x="846" y="118"/>
                  <a:pt x="847" y="119"/>
                </a:cubicBezTo>
                <a:cubicBezTo>
                  <a:pt x="847" y="119"/>
                  <a:pt x="847" y="119"/>
                  <a:pt x="847" y="118"/>
                </a:cubicBezTo>
                <a:cubicBezTo>
                  <a:pt x="846" y="119"/>
                  <a:pt x="846" y="120"/>
                  <a:pt x="846" y="121"/>
                </a:cubicBezTo>
                <a:cubicBezTo>
                  <a:pt x="846" y="121"/>
                  <a:pt x="846" y="120"/>
                  <a:pt x="846" y="120"/>
                </a:cubicBezTo>
                <a:cubicBezTo>
                  <a:pt x="846" y="121"/>
                  <a:pt x="845" y="121"/>
                  <a:pt x="845" y="121"/>
                </a:cubicBezTo>
                <a:cubicBezTo>
                  <a:pt x="846" y="122"/>
                  <a:pt x="846" y="121"/>
                  <a:pt x="846" y="121"/>
                </a:cubicBezTo>
                <a:close/>
                <a:moveTo>
                  <a:pt x="860" y="122"/>
                </a:moveTo>
                <a:cubicBezTo>
                  <a:pt x="860" y="122"/>
                  <a:pt x="859" y="123"/>
                  <a:pt x="860" y="123"/>
                </a:cubicBezTo>
                <a:cubicBezTo>
                  <a:pt x="860" y="123"/>
                  <a:pt x="860" y="123"/>
                  <a:pt x="860" y="123"/>
                </a:cubicBezTo>
                <a:cubicBezTo>
                  <a:pt x="859" y="124"/>
                  <a:pt x="860" y="122"/>
                  <a:pt x="860" y="122"/>
                </a:cubicBezTo>
                <a:close/>
                <a:moveTo>
                  <a:pt x="861" y="115"/>
                </a:moveTo>
                <a:cubicBezTo>
                  <a:pt x="861" y="115"/>
                  <a:pt x="861" y="115"/>
                  <a:pt x="861" y="115"/>
                </a:cubicBezTo>
                <a:cubicBezTo>
                  <a:pt x="862" y="117"/>
                  <a:pt x="859" y="120"/>
                  <a:pt x="860" y="122"/>
                </a:cubicBezTo>
                <a:cubicBezTo>
                  <a:pt x="860" y="118"/>
                  <a:pt x="862" y="115"/>
                  <a:pt x="862" y="112"/>
                </a:cubicBezTo>
                <a:cubicBezTo>
                  <a:pt x="862" y="112"/>
                  <a:pt x="862" y="111"/>
                  <a:pt x="862" y="111"/>
                </a:cubicBezTo>
                <a:cubicBezTo>
                  <a:pt x="862" y="110"/>
                  <a:pt x="864" y="107"/>
                  <a:pt x="863" y="106"/>
                </a:cubicBezTo>
                <a:cubicBezTo>
                  <a:pt x="863" y="107"/>
                  <a:pt x="862" y="108"/>
                  <a:pt x="862" y="110"/>
                </a:cubicBezTo>
                <a:cubicBezTo>
                  <a:pt x="861" y="109"/>
                  <a:pt x="861" y="109"/>
                  <a:pt x="861" y="109"/>
                </a:cubicBezTo>
                <a:cubicBezTo>
                  <a:pt x="862" y="111"/>
                  <a:pt x="861" y="114"/>
                  <a:pt x="861" y="115"/>
                </a:cubicBezTo>
                <a:close/>
                <a:moveTo>
                  <a:pt x="842" y="104"/>
                </a:moveTo>
                <a:cubicBezTo>
                  <a:pt x="842" y="105"/>
                  <a:pt x="842" y="105"/>
                  <a:pt x="842" y="106"/>
                </a:cubicBezTo>
                <a:cubicBezTo>
                  <a:pt x="843" y="105"/>
                  <a:pt x="842" y="104"/>
                  <a:pt x="842" y="104"/>
                </a:cubicBezTo>
                <a:close/>
                <a:moveTo>
                  <a:pt x="707" y="252"/>
                </a:moveTo>
                <a:cubicBezTo>
                  <a:pt x="708" y="252"/>
                  <a:pt x="709" y="252"/>
                  <a:pt x="710" y="253"/>
                </a:cubicBezTo>
                <a:cubicBezTo>
                  <a:pt x="710" y="254"/>
                  <a:pt x="709" y="255"/>
                  <a:pt x="710" y="256"/>
                </a:cubicBezTo>
                <a:cubicBezTo>
                  <a:pt x="712" y="257"/>
                  <a:pt x="715" y="253"/>
                  <a:pt x="715" y="256"/>
                </a:cubicBezTo>
                <a:cubicBezTo>
                  <a:pt x="717" y="258"/>
                  <a:pt x="720" y="259"/>
                  <a:pt x="723" y="259"/>
                </a:cubicBezTo>
                <a:cubicBezTo>
                  <a:pt x="725" y="260"/>
                  <a:pt x="726" y="261"/>
                  <a:pt x="728" y="262"/>
                </a:cubicBezTo>
                <a:cubicBezTo>
                  <a:pt x="730" y="262"/>
                  <a:pt x="733" y="262"/>
                  <a:pt x="734" y="263"/>
                </a:cubicBezTo>
                <a:cubicBezTo>
                  <a:pt x="736" y="263"/>
                  <a:pt x="737" y="264"/>
                  <a:pt x="739" y="265"/>
                </a:cubicBezTo>
                <a:cubicBezTo>
                  <a:pt x="744" y="267"/>
                  <a:pt x="749" y="267"/>
                  <a:pt x="753" y="269"/>
                </a:cubicBezTo>
                <a:cubicBezTo>
                  <a:pt x="756" y="269"/>
                  <a:pt x="760" y="271"/>
                  <a:pt x="762" y="272"/>
                </a:cubicBezTo>
                <a:cubicBezTo>
                  <a:pt x="765" y="272"/>
                  <a:pt x="768" y="274"/>
                  <a:pt x="771" y="275"/>
                </a:cubicBezTo>
                <a:cubicBezTo>
                  <a:pt x="772" y="275"/>
                  <a:pt x="774" y="275"/>
                  <a:pt x="776" y="276"/>
                </a:cubicBezTo>
                <a:cubicBezTo>
                  <a:pt x="776" y="276"/>
                  <a:pt x="777" y="276"/>
                  <a:pt x="777" y="276"/>
                </a:cubicBezTo>
                <a:cubicBezTo>
                  <a:pt x="779" y="277"/>
                  <a:pt x="781" y="277"/>
                  <a:pt x="782" y="277"/>
                </a:cubicBezTo>
                <a:cubicBezTo>
                  <a:pt x="784" y="278"/>
                  <a:pt x="785" y="279"/>
                  <a:pt x="787" y="279"/>
                </a:cubicBezTo>
                <a:cubicBezTo>
                  <a:pt x="789" y="280"/>
                  <a:pt x="792" y="281"/>
                  <a:pt x="795" y="281"/>
                </a:cubicBezTo>
                <a:cubicBezTo>
                  <a:pt x="796" y="282"/>
                  <a:pt x="798" y="282"/>
                  <a:pt x="799" y="282"/>
                </a:cubicBezTo>
                <a:cubicBezTo>
                  <a:pt x="800" y="283"/>
                  <a:pt x="800" y="283"/>
                  <a:pt x="801" y="283"/>
                </a:cubicBezTo>
                <a:cubicBezTo>
                  <a:pt x="802" y="283"/>
                  <a:pt x="802" y="283"/>
                  <a:pt x="802" y="283"/>
                </a:cubicBezTo>
                <a:cubicBezTo>
                  <a:pt x="803" y="284"/>
                  <a:pt x="803" y="284"/>
                  <a:pt x="803" y="284"/>
                </a:cubicBezTo>
                <a:cubicBezTo>
                  <a:pt x="803" y="284"/>
                  <a:pt x="803" y="284"/>
                  <a:pt x="803" y="284"/>
                </a:cubicBezTo>
                <a:cubicBezTo>
                  <a:pt x="803" y="284"/>
                  <a:pt x="803" y="284"/>
                  <a:pt x="803" y="284"/>
                </a:cubicBezTo>
                <a:cubicBezTo>
                  <a:pt x="804" y="285"/>
                  <a:pt x="805" y="284"/>
                  <a:pt x="806" y="285"/>
                </a:cubicBezTo>
                <a:cubicBezTo>
                  <a:pt x="807" y="285"/>
                  <a:pt x="808" y="286"/>
                  <a:pt x="809" y="287"/>
                </a:cubicBezTo>
                <a:cubicBezTo>
                  <a:pt x="810" y="286"/>
                  <a:pt x="811" y="287"/>
                  <a:pt x="812" y="288"/>
                </a:cubicBezTo>
                <a:cubicBezTo>
                  <a:pt x="813" y="288"/>
                  <a:pt x="813" y="288"/>
                  <a:pt x="813" y="288"/>
                </a:cubicBezTo>
                <a:cubicBezTo>
                  <a:pt x="813" y="288"/>
                  <a:pt x="813" y="287"/>
                  <a:pt x="813" y="287"/>
                </a:cubicBezTo>
                <a:cubicBezTo>
                  <a:pt x="813" y="287"/>
                  <a:pt x="813" y="287"/>
                  <a:pt x="813" y="286"/>
                </a:cubicBezTo>
                <a:cubicBezTo>
                  <a:pt x="813" y="286"/>
                  <a:pt x="813" y="286"/>
                  <a:pt x="813" y="286"/>
                </a:cubicBezTo>
                <a:cubicBezTo>
                  <a:pt x="813" y="285"/>
                  <a:pt x="813" y="285"/>
                  <a:pt x="813" y="284"/>
                </a:cubicBezTo>
                <a:cubicBezTo>
                  <a:pt x="813" y="282"/>
                  <a:pt x="813" y="282"/>
                  <a:pt x="813" y="282"/>
                </a:cubicBezTo>
                <a:cubicBezTo>
                  <a:pt x="813" y="282"/>
                  <a:pt x="812" y="281"/>
                  <a:pt x="812" y="280"/>
                </a:cubicBezTo>
                <a:cubicBezTo>
                  <a:pt x="812" y="280"/>
                  <a:pt x="813" y="280"/>
                  <a:pt x="813" y="279"/>
                </a:cubicBezTo>
                <a:cubicBezTo>
                  <a:pt x="813" y="279"/>
                  <a:pt x="812" y="279"/>
                  <a:pt x="812" y="279"/>
                </a:cubicBezTo>
                <a:cubicBezTo>
                  <a:pt x="812" y="278"/>
                  <a:pt x="812" y="278"/>
                  <a:pt x="812" y="278"/>
                </a:cubicBezTo>
                <a:cubicBezTo>
                  <a:pt x="812" y="277"/>
                  <a:pt x="812" y="277"/>
                  <a:pt x="812" y="277"/>
                </a:cubicBezTo>
                <a:cubicBezTo>
                  <a:pt x="812" y="276"/>
                  <a:pt x="812" y="276"/>
                  <a:pt x="812" y="275"/>
                </a:cubicBezTo>
                <a:cubicBezTo>
                  <a:pt x="813" y="270"/>
                  <a:pt x="813" y="265"/>
                  <a:pt x="813" y="259"/>
                </a:cubicBezTo>
                <a:cubicBezTo>
                  <a:pt x="813" y="254"/>
                  <a:pt x="813" y="250"/>
                  <a:pt x="813" y="245"/>
                </a:cubicBezTo>
                <a:cubicBezTo>
                  <a:pt x="815" y="226"/>
                  <a:pt x="815" y="226"/>
                  <a:pt x="815" y="226"/>
                </a:cubicBezTo>
                <a:cubicBezTo>
                  <a:pt x="815" y="219"/>
                  <a:pt x="816" y="212"/>
                  <a:pt x="817" y="206"/>
                </a:cubicBezTo>
                <a:cubicBezTo>
                  <a:pt x="817" y="206"/>
                  <a:pt x="818" y="205"/>
                  <a:pt x="818" y="205"/>
                </a:cubicBezTo>
                <a:cubicBezTo>
                  <a:pt x="818" y="204"/>
                  <a:pt x="817" y="204"/>
                  <a:pt x="818" y="204"/>
                </a:cubicBezTo>
                <a:cubicBezTo>
                  <a:pt x="818" y="203"/>
                  <a:pt x="818" y="203"/>
                  <a:pt x="818" y="203"/>
                </a:cubicBezTo>
                <a:cubicBezTo>
                  <a:pt x="819" y="197"/>
                  <a:pt x="820" y="192"/>
                  <a:pt x="822" y="186"/>
                </a:cubicBezTo>
                <a:cubicBezTo>
                  <a:pt x="822" y="185"/>
                  <a:pt x="822" y="186"/>
                  <a:pt x="822" y="186"/>
                </a:cubicBezTo>
                <a:cubicBezTo>
                  <a:pt x="823" y="183"/>
                  <a:pt x="824" y="178"/>
                  <a:pt x="825" y="175"/>
                </a:cubicBezTo>
                <a:cubicBezTo>
                  <a:pt x="825" y="173"/>
                  <a:pt x="825" y="171"/>
                  <a:pt x="826" y="170"/>
                </a:cubicBezTo>
                <a:cubicBezTo>
                  <a:pt x="826" y="169"/>
                  <a:pt x="825" y="169"/>
                  <a:pt x="825" y="169"/>
                </a:cubicBezTo>
                <a:cubicBezTo>
                  <a:pt x="826" y="169"/>
                  <a:pt x="826" y="169"/>
                  <a:pt x="826" y="169"/>
                </a:cubicBezTo>
                <a:cubicBezTo>
                  <a:pt x="826" y="167"/>
                  <a:pt x="826" y="167"/>
                  <a:pt x="826" y="167"/>
                </a:cubicBezTo>
                <a:cubicBezTo>
                  <a:pt x="827" y="164"/>
                  <a:pt x="828" y="160"/>
                  <a:pt x="829" y="156"/>
                </a:cubicBezTo>
                <a:cubicBezTo>
                  <a:pt x="829" y="155"/>
                  <a:pt x="829" y="155"/>
                  <a:pt x="829" y="154"/>
                </a:cubicBezTo>
                <a:cubicBezTo>
                  <a:pt x="830" y="154"/>
                  <a:pt x="830" y="154"/>
                  <a:pt x="829" y="153"/>
                </a:cubicBezTo>
                <a:cubicBezTo>
                  <a:pt x="829" y="153"/>
                  <a:pt x="830" y="151"/>
                  <a:pt x="830" y="152"/>
                </a:cubicBezTo>
                <a:cubicBezTo>
                  <a:pt x="830" y="151"/>
                  <a:pt x="830" y="152"/>
                  <a:pt x="830" y="152"/>
                </a:cubicBezTo>
                <a:cubicBezTo>
                  <a:pt x="831" y="151"/>
                  <a:pt x="831" y="149"/>
                  <a:pt x="831" y="147"/>
                </a:cubicBezTo>
                <a:cubicBezTo>
                  <a:pt x="831" y="146"/>
                  <a:pt x="832" y="144"/>
                  <a:pt x="833" y="142"/>
                </a:cubicBezTo>
                <a:cubicBezTo>
                  <a:pt x="833" y="144"/>
                  <a:pt x="833" y="146"/>
                  <a:pt x="835" y="147"/>
                </a:cubicBezTo>
                <a:cubicBezTo>
                  <a:pt x="836" y="145"/>
                  <a:pt x="836" y="141"/>
                  <a:pt x="837" y="140"/>
                </a:cubicBezTo>
                <a:cubicBezTo>
                  <a:pt x="838" y="135"/>
                  <a:pt x="839" y="130"/>
                  <a:pt x="840" y="125"/>
                </a:cubicBezTo>
                <a:cubicBezTo>
                  <a:pt x="840" y="124"/>
                  <a:pt x="840" y="124"/>
                  <a:pt x="840" y="124"/>
                </a:cubicBezTo>
                <a:cubicBezTo>
                  <a:pt x="842" y="119"/>
                  <a:pt x="842" y="114"/>
                  <a:pt x="844" y="108"/>
                </a:cubicBezTo>
                <a:cubicBezTo>
                  <a:pt x="842" y="119"/>
                  <a:pt x="839" y="128"/>
                  <a:pt x="838" y="138"/>
                </a:cubicBezTo>
                <a:cubicBezTo>
                  <a:pt x="837" y="140"/>
                  <a:pt x="836" y="146"/>
                  <a:pt x="835" y="150"/>
                </a:cubicBezTo>
                <a:cubicBezTo>
                  <a:pt x="835" y="152"/>
                  <a:pt x="836" y="153"/>
                  <a:pt x="838" y="152"/>
                </a:cubicBezTo>
                <a:cubicBezTo>
                  <a:pt x="840" y="150"/>
                  <a:pt x="839" y="147"/>
                  <a:pt x="840" y="145"/>
                </a:cubicBezTo>
                <a:cubicBezTo>
                  <a:pt x="841" y="145"/>
                  <a:pt x="841" y="144"/>
                  <a:pt x="842" y="145"/>
                </a:cubicBezTo>
                <a:cubicBezTo>
                  <a:pt x="842" y="150"/>
                  <a:pt x="840" y="156"/>
                  <a:pt x="840" y="160"/>
                </a:cubicBezTo>
                <a:cubicBezTo>
                  <a:pt x="840" y="161"/>
                  <a:pt x="840" y="162"/>
                  <a:pt x="840" y="163"/>
                </a:cubicBezTo>
                <a:cubicBezTo>
                  <a:pt x="840" y="163"/>
                  <a:pt x="840" y="164"/>
                  <a:pt x="841" y="164"/>
                </a:cubicBezTo>
                <a:cubicBezTo>
                  <a:pt x="841" y="164"/>
                  <a:pt x="841" y="164"/>
                  <a:pt x="842" y="164"/>
                </a:cubicBezTo>
                <a:cubicBezTo>
                  <a:pt x="842" y="159"/>
                  <a:pt x="846" y="156"/>
                  <a:pt x="846" y="151"/>
                </a:cubicBezTo>
                <a:cubicBezTo>
                  <a:pt x="847" y="150"/>
                  <a:pt x="848" y="149"/>
                  <a:pt x="849" y="149"/>
                </a:cubicBezTo>
                <a:cubicBezTo>
                  <a:pt x="849" y="147"/>
                  <a:pt x="850" y="145"/>
                  <a:pt x="850" y="143"/>
                </a:cubicBezTo>
                <a:cubicBezTo>
                  <a:pt x="850" y="142"/>
                  <a:pt x="850" y="142"/>
                  <a:pt x="850" y="142"/>
                </a:cubicBezTo>
                <a:cubicBezTo>
                  <a:pt x="851" y="137"/>
                  <a:pt x="851" y="133"/>
                  <a:pt x="853" y="129"/>
                </a:cubicBezTo>
                <a:cubicBezTo>
                  <a:pt x="853" y="133"/>
                  <a:pt x="852" y="136"/>
                  <a:pt x="851" y="140"/>
                </a:cubicBezTo>
                <a:cubicBezTo>
                  <a:pt x="851" y="140"/>
                  <a:pt x="852" y="141"/>
                  <a:pt x="852" y="141"/>
                </a:cubicBezTo>
                <a:cubicBezTo>
                  <a:pt x="851" y="144"/>
                  <a:pt x="850" y="149"/>
                  <a:pt x="849" y="152"/>
                </a:cubicBezTo>
                <a:cubicBezTo>
                  <a:pt x="850" y="153"/>
                  <a:pt x="851" y="153"/>
                  <a:pt x="851" y="152"/>
                </a:cubicBezTo>
                <a:cubicBezTo>
                  <a:pt x="851" y="152"/>
                  <a:pt x="851" y="153"/>
                  <a:pt x="851" y="153"/>
                </a:cubicBezTo>
                <a:cubicBezTo>
                  <a:pt x="851" y="153"/>
                  <a:pt x="851" y="153"/>
                  <a:pt x="852" y="153"/>
                </a:cubicBezTo>
                <a:cubicBezTo>
                  <a:pt x="851" y="155"/>
                  <a:pt x="851" y="155"/>
                  <a:pt x="851" y="157"/>
                </a:cubicBezTo>
                <a:cubicBezTo>
                  <a:pt x="851" y="158"/>
                  <a:pt x="851" y="158"/>
                  <a:pt x="852" y="158"/>
                </a:cubicBezTo>
                <a:cubicBezTo>
                  <a:pt x="852" y="156"/>
                  <a:pt x="853" y="155"/>
                  <a:pt x="853" y="153"/>
                </a:cubicBezTo>
                <a:cubicBezTo>
                  <a:pt x="853" y="152"/>
                  <a:pt x="853" y="151"/>
                  <a:pt x="853" y="151"/>
                </a:cubicBezTo>
                <a:cubicBezTo>
                  <a:pt x="853" y="150"/>
                  <a:pt x="853" y="150"/>
                  <a:pt x="854" y="150"/>
                </a:cubicBezTo>
                <a:cubicBezTo>
                  <a:pt x="854" y="149"/>
                  <a:pt x="853" y="149"/>
                  <a:pt x="853" y="148"/>
                </a:cubicBezTo>
                <a:cubicBezTo>
                  <a:pt x="853" y="148"/>
                  <a:pt x="854" y="148"/>
                  <a:pt x="854" y="147"/>
                </a:cubicBezTo>
                <a:cubicBezTo>
                  <a:pt x="855" y="145"/>
                  <a:pt x="854" y="143"/>
                  <a:pt x="855" y="141"/>
                </a:cubicBezTo>
                <a:cubicBezTo>
                  <a:pt x="855" y="140"/>
                  <a:pt x="856" y="139"/>
                  <a:pt x="857" y="137"/>
                </a:cubicBezTo>
                <a:cubicBezTo>
                  <a:pt x="857" y="138"/>
                  <a:pt x="856" y="139"/>
                  <a:pt x="856" y="140"/>
                </a:cubicBezTo>
                <a:cubicBezTo>
                  <a:pt x="855" y="144"/>
                  <a:pt x="856" y="148"/>
                  <a:pt x="855" y="151"/>
                </a:cubicBezTo>
                <a:cubicBezTo>
                  <a:pt x="856" y="152"/>
                  <a:pt x="856" y="151"/>
                  <a:pt x="857" y="151"/>
                </a:cubicBezTo>
                <a:cubicBezTo>
                  <a:pt x="857" y="150"/>
                  <a:pt x="857" y="149"/>
                  <a:pt x="857" y="148"/>
                </a:cubicBezTo>
                <a:cubicBezTo>
                  <a:pt x="857" y="148"/>
                  <a:pt x="857" y="149"/>
                  <a:pt x="857" y="148"/>
                </a:cubicBezTo>
                <a:cubicBezTo>
                  <a:pt x="857" y="146"/>
                  <a:pt x="857" y="144"/>
                  <a:pt x="858" y="141"/>
                </a:cubicBezTo>
                <a:cubicBezTo>
                  <a:pt x="858" y="141"/>
                  <a:pt x="858" y="140"/>
                  <a:pt x="859" y="141"/>
                </a:cubicBezTo>
                <a:cubicBezTo>
                  <a:pt x="859" y="140"/>
                  <a:pt x="859" y="140"/>
                  <a:pt x="860" y="140"/>
                </a:cubicBezTo>
                <a:cubicBezTo>
                  <a:pt x="860" y="139"/>
                  <a:pt x="859" y="140"/>
                  <a:pt x="859" y="140"/>
                </a:cubicBezTo>
                <a:cubicBezTo>
                  <a:pt x="860" y="139"/>
                  <a:pt x="859" y="138"/>
                  <a:pt x="860" y="138"/>
                </a:cubicBezTo>
                <a:cubicBezTo>
                  <a:pt x="860" y="134"/>
                  <a:pt x="861" y="132"/>
                  <a:pt x="861" y="128"/>
                </a:cubicBezTo>
                <a:cubicBezTo>
                  <a:pt x="861" y="131"/>
                  <a:pt x="861" y="134"/>
                  <a:pt x="860" y="137"/>
                </a:cubicBezTo>
                <a:cubicBezTo>
                  <a:pt x="860" y="138"/>
                  <a:pt x="861" y="137"/>
                  <a:pt x="861" y="138"/>
                </a:cubicBezTo>
                <a:cubicBezTo>
                  <a:pt x="861" y="139"/>
                  <a:pt x="860" y="139"/>
                  <a:pt x="860" y="140"/>
                </a:cubicBezTo>
                <a:cubicBezTo>
                  <a:pt x="860" y="141"/>
                  <a:pt x="860" y="142"/>
                  <a:pt x="860" y="143"/>
                </a:cubicBezTo>
                <a:cubicBezTo>
                  <a:pt x="860" y="144"/>
                  <a:pt x="859" y="145"/>
                  <a:pt x="859" y="146"/>
                </a:cubicBezTo>
                <a:cubicBezTo>
                  <a:pt x="860" y="147"/>
                  <a:pt x="860" y="148"/>
                  <a:pt x="860" y="149"/>
                </a:cubicBezTo>
                <a:cubicBezTo>
                  <a:pt x="860" y="150"/>
                  <a:pt x="860" y="149"/>
                  <a:pt x="860" y="150"/>
                </a:cubicBezTo>
                <a:cubicBezTo>
                  <a:pt x="861" y="151"/>
                  <a:pt x="861" y="150"/>
                  <a:pt x="862" y="150"/>
                </a:cubicBezTo>
                <a:cubicBezTo>
                  <a:pt x="862" y="151"/>
                  <a:pt x="861" y="150"/>
                  <a:pt x="861" y="151"/>
                </a:cubicBezTo>
                <a:cubicBezTo>
                  <a:pt x="861" y="151"/>
                  <a:pt x="861" y="152"/>
                  <a:pt x="862" y="152"/>
                </a:cubicBezTo>
                <a:cubicBezTo>
                  <a:pt x="861" y="154"/>
                  <a:pt x="861" y="155"/>
                  <a:pt x="861" y="157"/>
                </a:cubicBezTo>
                <a:cubicBezTo>
                  <a:pt x="861" y="157"/>
                  <a:pt x="861" y="156"/>
                  <a:pt x="861" y="157"/>
                </a:cubicBezTo>
                <a:cubicBezTo>
                  <a:pt x="861" y="157"/>
                  <a:pt x="861" y="160"/>
                  <a:pt x="861" y="160"/>
                </a:cubicBezTo>
                <a:cubicBezTo>
                  <a:pt x="861" y="162"/>
                  <a:pt x="861" y="163"/>
                  <a:pt x="860" y="165"/>
                </a:cubicBezTo>
                <a:cubicBezTo>
                  <a:pt x="860" y="166"/>
                  <a:pt x="861" y="165"/>
                  <a:pt x="861" y="166"/>
                </a:cubicBezTo>
                <a:cubicBezTo>
                  <a:pt x="861" y="167"/>
                  <a:pt x="861" y="168"/>
                  <a:pt x="860" y="169"/>
                </a:cubicBezTo>
                <a:cubicBezTo>
                  <a:pt x="861" y="170"/>
                  <a:pt x="861" y="172"/>
                  <a:pt x="860" y="173"/>
                </a:cubicBezTo>
                <a:cubicBezTo>
                  <a:pt x="861" y="173"/>
                  <a:pt x="861" y="172"/>
                  <a:pt x="862" y="172"/>
                </a:cubicBezTo>
                <a:cubicBezTo>
                  <a:pt x="862" y="172"/>
                  <a:pt x="861" y="173"/>
                  <a:pt x="861" y="174"/>
                </a:cubicBezTo>
                <a:cubicBezTo>
                  <a:pt x="861" y="178"/>
                  <a:pt x="862" y="181"/>
                  <a:pt x="861" y="186"/>
                </a:cubicBezTo>
                <a:cubicBezTo>
                  <a:pt x="861" y="187"/>
                  <a:pt x="862" y="187"/>
                  <a:pt x="861" y="188"/>
                </a:cubicBezTo>
                <a:cubicBezTo>
                  <a:pt x="861" y="188"/>
                  <a:pt x="862" y="188"/>
                  <a:pt x="862" y="188"/>
                </a:cubicBezTo>
                <a:cubicBezTo>
                  <a:pt x="862" y="190"/>
                  <a:pt x="860" y="196"/>
                  <a:pt x="862" y="198"/>
                </a:cubicBezTo>
                <a:cubicBezTo>
                  <a:pt x="861" y="198"/>
                  <a:pt x="861" y="197"/>
                  <a:pt x="861" y="198"/>
                </a:cubicBezTo>
                <a:cubicBezTo>
                  <a:pt x="861" y="199"/>
                  <a:pt x="860" y="200"/>
                  <a:pt x="861" y="201"/>
                </a:cubicBezTo>
                <a:cubicBezTo>
                  <a:pt x="861" y="204"/>
                  <a:pt x="860" y="206"/>
                  <a:pt x="861" y="208"/>
                </a:cubicBezTo>
                <a:cubicBezTo>
                  <a:pt x="860" y="209"/>
                  <a:pt x="860" y="210"/>
                  <a:pt x="860" y="210"/>
                </a:cubicBezTo>
                <a:cubicBezTo>
                  <a:pt x="860" y="211"/>
                  <a:pt x="860" y="213"/>
                  <a:pt x="860" y="214"/>
                </a:cubicBezTo>
                <a:cubicBezTo>
                  <a:pt x="859" y="231"/>
                  <a:pt x="857" y="248"/>
                  <a:pt x="857" y="264"/>
                </a:cubicBezTo>
                <a:cubicBezTo>
                  <a:pt x="856" y="268"/>
                  <a:pt x="857" y="273"/>
                  <a:pt x="857" y="277"/>
                </a:cubicBezTo>
                <a:cubicBezTo>
                  <a:pt x="857" y="277"/>
                  <a:pt x="857" y="277"/>
                  <a:pt x="857" y="278"/>
                </a:cubicBezTo>
                <a:cubicBezTo>
                  <a:pt x="857" y="279"/>
                  <a:pt x="857" y="279"/>
                  <a:pt x="857" y="279"/>
                </a:cubicBezTo>
                <a:cubicBezTo>
                  <a:pt x="857" y="280"/>
                  <a:pt x="857" y="281"/>
                  <a:pt x="857" y="282"/>
                </a:cubicBezTo>
                <a:cubicBezTo>
                  <a:pt x="857" y="291"/>
                  <a:pt x="857" y="302"/>
                  <a:pt x="859" y="311"/>
                </a:cubicBezTo>
                <a:cubicBezTo>
                  <a:pt x="858" y="317"/>
                  <a:pt x="860" y="324"/>
                  <a:pt x="860" y="331"/>
                </a:cubicBezTo>
                <a:cubicBezTo>
                  <a:pt x="860" y="334"/>
                  <a:pt x="860" y="336"/>
                  <a:pt x="860" y="339"/>
                </a:cubicBezTo>
                <a:cubicBezTo>
                  <a:pt x="861" y="340"/>
                  <a:pt x="861" y="342"/>
                  <a:pt x="861" y="343"/>
                </a:cubicBezTo>
                <a:cubicBezTo>
                  <a:pt x="861" y="345"/>
                  <a:pt x="861" y="347"/>
                  <a:pt x="861" y="349"/>
                </a:cubicBezTo>
                <a:cubicBezTo>
                  <a:pt x="861" y="350"/>
                  <a:pt x="861" y="350"/>
                  <a:pt x="861" y="350"/>
                </a:cubicBezTo>
                <a:cubicBezTo>
                  <a:pt x="861" y="351"/>
                  <a:pt x="861" y="351"/>
                  <a:pt x="861" y="351"/>
                </a:cubicBezTo>
                <a:cubicBezTo>
                  <a:pt x="861" y="351"/>
                  <a:pt x="861" y="351"/>
                  <a:pt x="861" y="351"/>
                </a:cubicBezTo>
                <a:cubicBezTo>
                  <a:pt x="861" y="351"/>
                  <a:pt x="860" y="350"/>
                  <a:pt x="860" y="350"/>
                </a:cubicBezTo>
                <a:cubicBezTo>
                  <a:pt x="859" y="350"/>
                  <a:pt x="858" y="350"/>
                  <a:pt x="857" y="349"/>
                </a:cubicBezTo>
                <a:cubicBezTo>
                  <a:pt x="854" y="349"/>
                  <a:pt x="853" y="349"/>
                  <a:pt x="851" y="348"/>
                </a:cubicBezTo>
                <a:cubicBezTo>
                  <a:pt x="843" y="346"/>
                  <a:pt x="834" y="342"/>
                  <a:pt x="826" y="340"/>
                </a:cubicBezTo>
                <a:cubicBezTo>
                  <a:pt x="824" y="340"/>
                  <a:pt x="821" y="338"/>
                  <a:pt x="819" y="338"/>
                </a:cubicBezTo>
                <a:cubicBezTo>
                  <a:pt x="818" y="338"/>
                  <a:pt x="817" y="338"/>
                  <a:pt x="816" y="337"/>
                </a:cubicBezTo>
                <a:cubicBezTo>
                  <a:pt x="812" y="336"/>
                  <a:pt x="807" y="334"/>
                  <a:pt x="803" y="334"/>
                </a:cubicBezTo>
                <a:cubicBezTo>
                  <a:pt x="801" y="333"/>
                  <a:pt x="799" y="332"/>
                  <a:pt x="797" y="331"/>
                </a:cubicBezTo>
                <a:cubicBezTo>
                  <a:pt x="794" y="331"/>
                  <a:pt x="792" y="330"/>
                  <a:pt x="790" y="330"/>
                </a:cubicBezTo>
                <a:cubicBezTo>
                  <a:pt x="789" y="329"/>
                  <a:pt x="788" y="329"/>
                  <a:pt x="788" y="329"/>
                </a:cubicBezTo>
                <a:cubicBezTo>
                  <a:pt x="787" y="329"/>
                  <a:pt x="787" y="329"/>
                  <a:pt x="786" y="328"/>
                </a:cubicBezTo>
                <a:cubicBezTo>
                  <a:pt x="783" y="328"/>
                  <a:pt x="779" y="327"/>
                  <a:pt x="776" y="325"/>
                </a:cubicBezTo>
                <a:cubicBezTo>
                  <a:pt x="775" y="325"/>
                  <a:pt x="775" y="325"/>
                  <a:pt x="775" y="326"/>
                </a:cubicBezTo>
                <a:cubicBezTo>
                  <a:pt x="773" y="324"/>
                  <a:pt x="770" y="325"/>
                  <a:pt x="768" y="324"/>
                </a:cubicBezTo>
                <a:cubicBezTo>
                  <a:pt x="767" y="324"/>
                  <a:pt x="767" y="324"/>
                  <a:pt x="767" y="324"/>
                </a:cubicBezTo>
                <a:cubicBezTo>
                  <a:pt x="766" y="323"/>
                  <a:pt x="765" y="323"/>
                  <a:pt x="763" y="323"/>
                </a:cubicBezTo>
                <a:cubicBezTo>
                  <a:pt x="759" y="321"/>
                  <a:pt x="755" y="321"/>
                  <a:pt x="751" y="319"/>
                </a:cubicBezTo>
                <a:cubicBezTo>
                  <a:pt x="749" y="320"/>
                  <a:pt x="746" y="319"/>
                  <a:pt x="744" y="318"/>
                </a:cubicBezTo>
                <a:cubicBezTo>
                  <a:pt x="743" y="318"/>
                  <a:pt x="743" y="319"/>
                  <a:pt x="742" y="318"/>
                </a:cubicBezTo>
                <a:cubicBezTo>
                  <a:pt x="741" y="318"/>
                  <a:pt x="741" y="318"/>
                  <a:pt x="741" y="318"/>
                </a:cubicBezTo>
                <a:cubicBezTo>
                  <a:pt x="740" y="318"/>
                  <a:pt x="740" y="318"/>
                  <a:pt x="739" y="318"/>
                </a:cubicBezTo>
                <a:cubicBezTo>
                  <a:pt x="738" y="317"/>
                  <a:pt x="738" y="317"/>
                  <a:pt x="737" y="316"/>
                </a:cubicBezTo>
                <a:cubicBezTo>
                  <a:pt x="736" y="316"/>
                  <a:pt x="736" y="317"/>
                  <a:pt x="735" y="316"/>
                </a:cubicBezTo>
                <a:cubicBezTo>
                  <a:pt x="734" y="316"/>
                  <a:pt x="733" y="315"/>
                  <a:pt x="733" y="315"/>
                </a:cubicBezTo>
                <a:cubicBezTo>
                  <a:pt x="731" y="315"/>
                  <a:pt x="729" y="316"/>
                  <a:pt x="727" y="314"/>
                </a:cubicBezTo>
                <a:cubicBezTo>
                  <a:pt x="725" y="314"/>
                  <a:pt x="724" y="313"/>
                  <a:pt x="722" y="313"/>
                </a:cubicBezTo>
                <a:cubicBezTo>
                  <a:pt x="721" y="313"/>
                  <a:pt x="720" y="313"/>
                  <a:pt x="719" y="313"/>
                </a:cubicBezTo>
                <a:cubicBezTo>
                  <a:pt x="718" y="313"/>
                  <a:pt x="718" y="313"/>
                  <a:pt x="717" y="313"/>
                </a:cubicBezTo>
                <a:cubicBezTo>
                  <a:pt x="715" y="312"/>
                  <a:pt x="713" y="313"/>
                  <a:pt x="711" y="311"/>
                </a:cubicBezTo>
                <a:cubicBezTo>
                  <a:pt x="708" y="312"/>
                  <a:pt x="703" y="309"/>
                  <a:pt x="701" y="311"/>
                </a:cubicBezTo>
                <a:cubicBezTo>
                  <a:pt x="701" y="312"/>
                  <a:pt x="700" y="313"/>
                  <a:pt x="699" y="313"/>
                </a:cubicBezTo>
                <a:cubicBezTo>
                  <a:pt x="698" y="313"/>
                  <a:pt x="698" y="312"/>
                  <a:pt x="697" y="311"/>
                </a:cubicBezTo>
                <a:cubicBezTo>
                  <a:pt x="696" y="311"/>
                  <a:pt x="693" y="310"/>
                  <a:pt x="692" y="310"/>
                </a:cubicBezTo>
                <a:cubicBezTo>
                  <a:pt x="691" y="310"/>
                  <a:pt x="691" y="311"/>
                  <a:pt x="690" y="311"/>
                </a:cubicBezTo>
                <a:cubicBezTo>
                  <a:pt x="689" y="311"/>
                  <a:pt x="688" y="309"/>
                  <a:pt x="687" y="309"/>
                </a:cubicBezTo>
                <a:cubicBezTo>
                  <a:pt x="686" y="309"/>
                  <a:pt x="685" y="310"/>
                  <a:pt x="684" y="310"/>
                </a:cubicBezTo>
                <a:cubicBezTo>
                  <a:pt x="683" y="309"/>
                  <a:pt x="682" y="308"/>
                  <a:pt x="682" y="307"/>
                </a:cubicBezTo>
                <a:cubicBezTo>
                  <a:pt x="682" y="307"/>
                  <a:pt x="682" y="307"/>
                  <a:pt x="681" y="307"/>
                </a:cubicBezTo>
                <a:cubicBezTo>
                  <a:pt x="680" y="305"/>
                  <a:pt x="677" y="304"/>
                  <a:pt x="674" y="304"/>
                </a:cubicBezTo>
                <a:cubicBezTo>
                  <a:pt x="674" y="303"/>
                  <a:pt x="673" y="303"/>
                  <a:pt x="673" y="303"/>
                </a:cubicBezTo>
                <a:cubicBezTo>
                  <a:pt x="670" y="302"/>
                  <a:pt x="668" y="299"/>
                  <a:pt x="666" y="296"/>
                </a:cubicBezTo>
                <a:cubicBezTo>
                  <a:pt x="666" y="296"/>
                  <a:pt x="665" y="296"/>
                  <a:pt x="665" y="295"/>
                </a:cubicBezTo>
                <a:cubicBezTo>
                  <a:pt x="664" y="294"/>
                  <a:pt x="664" y="293"/>
                  <a:pt x="663" y="292"/>
                </a:cubicBezTo>
                <a:cubicBezTo>
                  <a:pt x="663" y="291"/>
                  <a:pt x="662" y="291"/>
                  <a:pt x="662" y="290"/>
                </a:cubicBezTo>
                <a:cubicBezTo>
                  <a:pt x="662" y="288"/>
                  <a:pt x="661" y="287"/>
                  <a:pt x="660" y="286"/>
                </a:cubicBezTo>
                <a:cubicBezTo>
                  <a:pt x="660" y="285"/>
                  <a:pt x="659" y="284"/>
                  <a:pt x="659" y="283"/>
                </a:cubicBezTo>
                <a:cubicBezTo>
                  <a:pt x="658" y="281"/>
                  <a:pt x="659" y="279"/>
                  <a:pt x="658" y="277"/>
                </a:cubicBezTo>
                <a:cubicBezTo>
                  <a:pt x="659" y="274"/>
                  <a:pt x="659" y="271"/>
                  <a:pt x="660" y="267"/>
                </a:cubicBezTo>
                <a:cubicBezTo>
                  <a:pt x="660" y="267"/>
                  <a:pt x="659" y="267"/>
                  <a:pt x="660" y="266"/>
                </a:cubicBezTo>
                <a:cubicBezTo>
                  <a:pt x="661" y="265"/>
                  <a:pt x="661" y="263"/>
                  <a:pt x="662" y="261"/>
                </a:cubicBezTo>
                <a:cubicBezTo>
                  <a:pt x="663" y="261"/>
                  <a:pt x="663" y="260"/>
                  <a:pt x="664" y="260"/>
                </a:cubicBezTo>
                <a:cubicBezTo>
                  <a:pt x="665" y="259"/>
                  <a:pt x="665" y="258"/>
                  <a:pt x="666" y="257"/>
                </a:cubicBezTo>
                <a:cubicBezTo>
                  <a:pt x="670" y="256"/>
                  <a:pt x="673" y="253"/>
                  <a:pt x="677" y="251"/>
                </a:cubicBezTo>
                <a:cubicBezTo>
                  <a:pt x="677" y="251"/>
                  <a:pt x="678" y="251"/>
                  <a:pt x="678" y="251"/>
                </a:cubicBezTo>
                <a:cubicBezTo>
                  <a:pt x="680" y="250"/>
                  <a:pt x="682" y="250"/>
                  <a:pt x="684" y="249"/>
                </a:cubicBezTo>
                <a:cubicBezTo>
                  <a:pt x="685" y="248"/>
                  <a:pt x="687" y="249"/>
                  <a:pt x="689" y="249"/>
                </a:cubicBezTo>
                <a:cubicBezTo>
                  <a:pt x="690" y="249"/>
                  <a:pt x="690" y="248"/>
                  <a:pt x="692" y="249"/>
                </a:cubicBezTo>
                <a:cubicBezTo>
                  <a:pt x="693" y="249"/>
                  <a:pt x="695" y="248"/>
                  <a:pt x="696" y="248"/>
                </a:cubicBezTo>
                <a:cubicBezTo>
                  <a:pt x="698" y="248"/>
                  <a:pt x="700" y="249"/>
                  <a:pt x="701" y="250"/>
                </a:cubicBezTo>
                <a:cubicBezTo>
                  <a:pt x="702" y="250"/>
                  <a:pt x="703" y="249"/>
                  <a:pt x="704" y="250"/>
                </a:cubicBezTo>
                <a:cubicBezTo>
                  <a:pt x="705" y="250"/>
                  <a:pt x="706" y="252"/>
                  <a:pt x="707" y="252"/>
                </a:cubicBezTo>
                <a:close/>
                <a:moveTo>
                  <a:pt x="858" y="156"/>
                </a:moveTo>
                <a:cubicBezTo>
                  <a:pt x="858" y="156"/>
                  <a:pt x="858" y="156"/>
                  <a:pt x="858" y="156"/>
                </a:cubicBezTo>
                <a:cubicBezTo>
                  <a:pt x="858" y="157"/>
                  <a:pt x="859" y="156"/>
                  <a:pt x="858" y="156"/>
                </a:cubicBezTo>
                <a:close/>
                <a:moveTo>
                  <a:pt x="859" y="156"/>
                </a:moveTo>
                <a:cubicBezTo>
                  <a:pt x="860" y="155"/>
                  <a:pt x="859" y="154"/>
                  <a:pt x="860" y="152"/>
                </a:cubicBezTo>
                <a:cubicBezTo>
                  <a:pt x="859" y="152"/>
                  <a:pt x="859" y="152"/>
                  <a:pt x="860" y="151"/>
                </a:cubicBezTo>
                <a:cubicBezTo>
                  <a:pt x="859" y="150"/>
                  <a:pt x="860" y="148"/>
                  <a:pt x="858" y="148"/>
                </a:cubicBezTo>
                <a:cubicBezTo>
                  <a:pt x="858" y="149"/>
                  <a:pt x="858" y="150"/>
                  <a:pt x="857" y="151"/>
                </a:cubicBezTo>
                <a:cubicBezTo>
                  <a:pt x="857" y="151"/>
                  <a:pt x="858" y="151"/>
                  <a:pt x="858" y="151"/>
                </a:cubicBezTo>
                <a:cubicBezTo>
                  <a:pt x="858" y="152"/>
                  <a:pt x="858" y="154"/>
                  <a:pt x="858" y="156"/>
                </a:cubicBezTo>
                <a:cubicBezTo>
                  <a:pt x="858" y="156"/>
                  <a:pt x="858" y="155"/>
                  <a:pt x="859" y="156"/>
                </a:cubicBezTo>
                <a:close/>
              </a:path>
            </a:pathLst>
          </a:custGeom>
          <a:solidFill>
            <a:schemeClr val="accent2"/>
          </a:solidFill>
          <a:ln>
            <a:noFill/>
          </a:ln>
        </p:spPr>
        <p:txBody>
          <a:bodyPr vert="horz" wrap="square" lIns="91392" tIns="45696" rIns="91392" bIns="45696"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2398"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804428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p:cNvGrpSpPr/>
          <p:nvPr/>
        </p:nvGrpSpPr>
        <p:grpSpPr>
          <a:xfrm>
            <a:off x="7837770" y="2000431"/>
            <a:ext cx="4513943" cy="4513943"/>
            <a:chOff x="1741714" y="1030514"/>
            <a:chExt cx="4513943" cy="4513943"/>
          </a:xfrm>
          <a:scene3d>
            <a:camera prst="perspectiveLeft">
              <a:rot lat="0" lon="1800000" rev="0"/>
            </a:camera>
            <a:lightRig rig="threePt" dir="t"/>
          </a:scene3d>
        </p:grpSpPr>
        <p:sp>
          <p:nvSpPr>
            <p:cNvPr id="2" name="Pie 1"/>
            <p:cNvSpPr/>
            <p:nvPr/>
          </p:nvSpPr>
          <p:spPr>
            <a:xfrm>
              <a:off x="1741714" y="1030514"/>
              <a:ext cx="4513943" cy="4513943"/>
            </a:xfrm>
            <a:prstGeom prst="pie">
              <a:avLst>
                <a:gd name="adj1" fmla="val 3458448"/>
                <a:gd name="adj2" fmla="val 16200000"/>
              </a:avLst>
            </a:prstGeom>
            <a:solidFill>
              <a:schemeClr val="accent3"/>
            </a:solidFill>
            <a:ln>
              <a:noFill/>
            </a:ln>
            <a:sp3d extrusionH="5778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3" name="Pie 2"/>
            <p:cNvSpPr/>
            <p:nvPr/>
          </p:nvSpPr>
          <p:spPr>
            <a:xfrm>
              <a:off x="2215605" y="1504405"/>
              <a:ext cx="3566160" cy="3566160"/>
            </a:xfrm>
            <a:prstGeom prst="pie">
              <a:avLst>
                <a:gd name="adj1" fmla="val 968705"/>
                <a:gd name="adj2" fmla="val 16200000"/>
              </a:avLst>
            </a:prstGeom>
            <a:gradFill flip="none" rotWithShape="1">
              <a:gsLst>
                <a:gs pos="0">
                  <a:schemeClr val="accent2">
                    <a:lumMod val="40000"/>
                    <a:lumOff val="60000"/>
                  </a:schemeClr>
                </a:gs>
                <a:gs pos="46000">
                  <a:schemeClr val="accent2">
                    <a:lumMod val="95000"/>
                    <a:lumOff val="5000"/>
                  </a:schemeClr>
                </a:gs>
                <a:gs pos="100000">
                  <a:schemeClr val="accent2">
                    <a:lumMod val="60000"/>
                  </a:schemeClr>
                </a:gs>
              </a:gsLst>
              <a:path path="circle">
                <a:fillToRect l="50000" t="130000" r="50000" b="-30000"/>
              </a:path>
              <a:tileRect/>
            </a:gradFill>
            <a:ln>
              <a:noFill/>
            </a:ln>
            <a:sp3d extrusionH="5778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4" name="Pie 3"/>
            <p:cNvSpPr/>
            <p:nvPr/>
          </p:nvSpPr>
          <p:spPr>
            <a:xfrm>
              <a:off x="2672805" y="1961605"/>
              <a:ext cx="2651760" cy="2651760"/>
            </a:xfrm>
            <a:prstGeom prst="pie">
              <a:avLst>
                <a:gd name="adj1" fmla="val 18365683"/>
                <a:gd name="adj2" fmla="val 16200000"/>
              </a:avLst>
            </a:prstGeom>
            <a:gradFill flip="none" rotWithShape="1">
              <a:gsLst>
                <a:gs pos="0">
                  <a:schemeClr val="accent6">
                    <a:lumMod val="40000"/>
                    <a:lumOff val="60000"/>
                  </a:schemeClr>
                </a:gs>
                <a:gs pos="46000">
                  <a:schemeClr val="accent6">
                    <a:lumMod val="95000"/>
                    <a:lumOff val="5000"/>
                  </a:schemeClr>
                </a:gs>
                <a:gs pos="100000">
                  <a:schemeClr val="accent6">
                    <a:lumMod val="60000"/>
                  </a:schemeClr>
                </a:gs>
              </a:gsLst>
              <a:path path="circle">
                <a:fillToRect l="50000" t="130000" r="50000" b="-30000"/>
              </a:path>
              <a:tileRect/>
            </a:gradFill>
            <a:ln>
              <a:noFill/>
            </a:ln>
            <a:sp3d extrusionH="5778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grpSp>
        <p:nvGrpSpPr>
          <p:cNvPr id="18" name="Group 17"/>
          <p:cNvGrpSpPr/>
          <p:nvPr/>
        </p:nvGrpSpPr>
        <p:grpSpPr>
          <a:xfrm>
            <a:off x="2088121" y="1955990"/>
            <a:ext cx="7372957" cy="822960"/>
            <a:chOff x="547865" y="1620214"/>
            <a:chExt cx="7375437" cy="822960"/>
          </a:xfrm>
          <a:solidFill>
            <a:schemeClr val="accent3"/>
          </a:solidFill>
        </p:grpSpPr>
        <p:cxnSp>
          <p:nvCxnSpPr>
            <p:cNvPr id="7" name="Straight Connector 6"/>
            <p:cNvCxnSpPr>
              <a:cxnSpLocks/>
            </p:cNvCxnSpPr>
            <p:nvPr/>
          </p:nvCxnSpPr>
          <p:spPr>
            <a:xfrm flipV="1">
              <a:off x="1370825" y="2030548"/>
              <a:ext cx="6552477" cy="1146"/>
            </a:xfrm>
            <a:prstGeom prst="line">
              <a:avLst/>
            </a:prstGeom>
            <a:grpFill/>
            <a:ln w="28575">
              <a:solidFill>
                <a:schemeClr val="accent3"/>
              </a:solidFill>
            </a:ln>
          </p:spPr>
          <p:style>
            <a:lnRef idx="1">
              <a:schemeClr val="accent1"/>
            </a:lnRef>
            <a:fillRef idx="0">
              <a:schemeClr val="accent1"/>
            </a:fillRef>
            <a:effectRef idx="0">
              <a:schemeClr val="accent1"/>
            </a:effectRef>
            <a:fontRef idx="minor">
              <a:schemeClr val="tx1"/>
            </a:fontRef>
          </p:style>
        </p:cxnSp>
        <p:sp>
          <p:nvSpPr>
            <p:cNvPr id="9" name="Oval 8"/>
            <p:cNvSpPr/>
            <p:nvPr/>
          </p:nvSpPr>
          <p:spPr>
            <a:xfrm>
              <a:off x="547865" y="1620214"/>
              <a:ext cx="822960" cy="822960"/>
            </a:xfrm>
            <a:prstGeom prst="ellipse">
              <a:avLst/>
            </a:prstGeom>
            <a:noFill/>
            <a:ln w="3810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schemeClr val="accent3"/>
                  </a:solidFill>
                  <a:effectLst/>
                  <a:uLnTx/>
                  <a:uFillTx/>
                  <a:latin typeface="Arial" panose="020B0604020202020204" pitchFamily="34" charset="0"/>
                  <a:ea typeface="+mn-ea"/>
                  <a:cs typeface="Arial" panose="020B0604020202020204" pitchFamily="34" charset="0"/>
                </a:rPr>
                <a:t>03</a:t>
              </a:r>
            </a:p>
          </p:txBody>
        </p:sp>
      </p:grpSp>
      <p:grpSp>
        <p:nvGrpSpPr>
          <p:cNvPr id="19" name="Group 18"/>
          <p:cNvGrpSpPr/>
          <p:nvPr/>
        </p:nvGrpSpPr>
        <p:grpSpPr>
          <a:xfrm>
            <a:off x="3190088" y="3302502"/>
            <a:ext cx="5753955" cy="822960"/>
            <a:chOff x="4850416" y="2954585"/>
            <a:chExt cx="5753955" cy="822960"/>
          </a:xfrm>
        </p:grpSpPr>
        <p:cxnSp>
          <p:nvCxnSpPr>
            <p:cNvPr id="10" name="Straight Connector 9"/>
            <p:cNvCxnSpPr>
              <a:cxnSpLocks/>
            </p:cNvCxnSpPr>
            <p:nvPr/>
          </p:nvCxnSpPr>
          <p:spPr>
            <a:xfrm>
              <a:off x="5673376" y="3366065"/>
              <a:ext cx="4930995" cy="1"/>
            </a:xfrm>
            <a:prstGeom prst="line">
              <a:avLst/>
            </a:prstGeom>
            <a:ln w="28575">
              <a:solidFill>
                <a:schemeClr val="accent2"/>
              </a:solidFill>
            </a:ln>
          </p:spPr>
          <p:style>
            <a:lnRef idx="1">
              <a:schemeClr val="accent1"/>
            </a:lnRef>
            <a:fillRef idx="0">
              <a:schemeClr val="accent1"/>
            </a:fillRef>
            <a:effectRef idx="0">
              <a:schemeClr val="accent1"/>
            </a:effectRef>
            <a:fontRef idx="minor">
              <a:schemeClr val="tx1"/>
            </a:fontRef>
          </p:style>
        </p:cxnSp>
        <p:sp>
          <p:nvSpPr>
            <p:cNvPr id="11" name="Oval 10"/>
            <p:cNvSpPr/>
            <p:nvPr/>
          </p:nvSpPr>
          <p:spPr>
            <a:xfrm>
              <a:off x="4850416" y="2954585"/>
              <a:ext cx="822960" cy="822960"/>
            </a:xfrm>
            <a:prstGeom prst="ellipse">
              <a:avLst/>
            </a:prstGeom>
            <a:noFill/>
            <a:ln w="3810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schemeClr val="accent2"/>
                  </a:solidFill>
                  <a:effectLst/>
                  <a:uLnTx/>
                  <a:uFillTx/>
                  <a:latin typeface="Arial" panose="020B0604020202020204" pitchFamily="34" charset="0"/>
                  <a:ea typeface="+mn-ea"/>
                  <a:cs typeface="Arial" panose="020B0604020202020204" pitchFamily="34" charset="0"/>
                </a:rPr>
                <a:t>02</a:t>
              </a:r>
            </a:p>
          </p:txBody>
        </p:sp>
      </p:grpSp>
      <p:grpSp>
        <p:nvGrpSpPr>
          <p:cNvPr id="14" name="Group 13"/>
          <p:cNvGrpSpPr/>
          <p:nvPr/>
        </p:nvGrpSpPr>
        <p:grpSpPr>
          <a:xfrm>
            <a:off x="4095536" y="4481858"/>
            <a:ext cx="4977027" cy="822960"/>
            <a:chOff x="3616315" y="4302034"/>
            <a:chExt cx="4977027" cy="822960"/>
          </a:xfrm>
        </p:grpSpPr>
        <p:cxnSp>
          <p:nvCxnSpPr>
            <p:cNvPr id="12" name="Straight Connector 11"/>
            <p:cNvCxnSpPr>
              <a:cxnSpLocks/>
            </p:cNvCxnSpPr>
            <p:nvPr/>
          </p:nvCxnSpPr>
          <p:spPr>
            <a:xfrm>
              <a:off x="4456083" y="4713514"/>
              <a:ext cx="4137259" cy="0"/>
            </a:xfrm>
            <a:prstGeom prst="line">
              <a:avLst/>
            </a:prstGeom>
            <a:ln w="28575">
              <a:solidFill>
                <a:schemeClr val="accent6"/>
              </a:solidFill>
            </a:ln>
          </p:spPr>
          <p:style>
            <a:lnRef idx="1">
              <a:schemeClr val="accent1"/>
            </a:lnRef>
            <a:fillRef idx="0">
              <a:schemeClr val="accent1"/>
            </a:fillRef>
            <a:effectRef idx="0">
              <a:schemeClr val="accent1"/>
            </a:effectRef>
            <a:fontRef idx="minor">
              <a:schemeClr val="tx1"/>
            </a:fontRef>
          </p:style>
        </p:cxnSp>
        <p:sp>
          <p:nvSpPr>
            <p:cNvPr id="13" name="Oval 12"/>
            <p:cNvSpPr/>
            <p:nvPr/>
          </p:nvSpPr>
          <p:spPr>
            <a:xfrm>
              <a:off x="3616315" y="4302034"/>
              <a:ext cx="822960" cy="822960"/>
            </a:xfrm>
            <a:prstGeom prst="ellipse">
              <a:avLst/>
            </a:prstGeom>
            <a:noFill/>
            <a:ln w="38100">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schemeClr val="accent6"/>
                  </a:solidFill>
                  <a:effectLst/>
                  <a:uLnTx/>
                  <a:uFillTx/>
                  <a:latin typeface="Arial" panose="020B0604020202020204" pitchFamily="34" charset="0"/>
                  <a:ea typeface="+mn-ea"/>
                  <a:cs typeface="Arial" panose="020B0604020202020204" pitchFamily="34" charset="0"/>
                </a:rPr>
                <a:t>01</a:t>
              </a:r>
            </a:p>
          </p:txBody>
        </p:sp>
      </p:grpSp>
      <p:sp>
        <p:nvSpPr>
          <p:cNvPr id="21" name="TextBox 20"/>
          <p:cNvSpPr txBox="1"/>
          <p:nvPr/>
        </p:nvSpPr>
        <p:spPr>
          <a:xfrm>
            <a:off x="4013048" y="3296533"/>
            <a:ext cx="4513943" cy="369332"/>
          </a:xfrm>
          <a:prstGeom prst="rect">
            <a:avLst/>
          </a:prstGeom>
          <a:noFill/>
        </p:spPr>
        <p:txBody>
          <a:bodyPr wrap="square" rtlCol="0">
            <a:spAutoFit/>
          </a:bodyPr>
          <a:lstStyle/>
          <a:p>
            <a:pPr lvl="0"/>
            <a:r>
              <a:rPr lang="en-US" b="1" dirty="0" smtClean="0">
                <a:solidFill>
                  <a:schemeClr val="accent2"/>
                </a:solidFill>
                <a:latin typeface="Arial" panose="020B0604020202020204" pitchFamily="34" charset="0"/>
                <a:cs typeface="Arial" panose="020B0604020202020204" pitchFamily="34" charset="0"/>
              </a:rPr>
              <a:t>Las estructuras que responden al VIH</a:t>
            </a:r>
            <a:endParaRPr lang="en-US" b="1" dirty="0">
              <a:solidFill>
                <a:schemeClr val="accent2"/>
              </a:solidFill>
              <a:latin typeface="Arial" panose="020B0604020202020204" pitchFamily="34" charset="0"/>
              <a:cs typeface="Arial" panose="020B0604020202020204" pitchFamily="34" charset="0"/>
            </a:endParaRPr>
          </a:p>
        </p:txBody>
      </p:sp>
      <p:sp>
        <p:nvSpPr>
          <p:cNvPr id="24" name="TextBox 23">
            <a:extLst>
              <a:ext uri="{FF2B5EF4-FFF2-40B4-BE49-F238E27FC236}">
                <a16:creationId xmlns:a16="http://schemas.microsoft.com/office/drawing/2014/main" xmlns="" id="{DA07E000-6A0E-2C45-B71A-ED531C48BDFE}"/>
              </a:ext>
            </a:extLst>
          </p:cNvPr>
          <p:cNvSpPr txBox="1"/>
          <p:nvPr/>
        </p:nvSpPr>
        <p:spPr>
          <a:xfrm>
            <a:off x="4746961" y="1975918"/>
            <a:ext cx="4513943" cy="369332"/>
          </a:xfrm>
          <a:prstGeom prst="rect">
            <a:avLst/>
          </a:prstGeom>
          <a:noFill/>
        </p:spPr>
        <p:txBody>
          <a:bodyPr wrap="square" rtlCol="0">
            <a:spAutoFit/>
          </a:bodyPr>
          <a:lstStyle/>
          <a:p>
            <a:pPr lvl="0"/>
            <a:r>
              <a:rPr lang="en-US" b="1" dirty="0" smtClean="0">
                <a:solidFill>
                  <a:schemeClr val="accent3"/>
                </a:solidFill>
                <a:latin typeface="Arial" panose="020B0604020202020204" pitchFamily="34" charset="0"/>
                <a:cs typeface="Arial" panose="020B0604020202020204" pitchFamily="34" charset="0"/>
              </a:rPr>
              <a:t>Marco contextual</a:t>
            </a:r>
            <a:endParaRPr lang="en-US" b="1" dirty="0">
              <a:solidFill>
                <a:schemeClr val="accent3"/>
              </a:solidFill>
              <a:latin typeface="Arial" panose="020B0604020202020204" pitchFamily="34" charset="0"/>
              <a:cs typeface="Arial" panose="020B0604020202020204" pitchFamily="34" charset="0"/>
            </a:endParaRPr>
          </a:p>
        </p:txBody>
      </p:sp>
      <p:sp>
        <p:nvSpPr>
          <p:cNvPr id="25" name="TextBox 24">
            <a:extLst>
              <a:ext uri="{FF2B5EF4-FFF2-40B4-BE49-F238E27FC236}">
                <a16:creationId xmlns:a16="http://schemas.microsoft.com/office/drawing/2014/main" xmlns="" id="{1CB74DB3-9F3C-A94C-BC13-AB00BE1FE14B}"/>
              </a:ext>
            </a:extLst>
          </p:cNvPr>
          <p:cNvSpPr txBox="1"/>
          <p:nvPr/>
        </p:nvSpPr>
        <p:spPr>
          <a:xfrm>
            <a:off x="4850009" y="4433740"/>
            <a:ext cx="4513943" cy="369332"/>
          </a:xfrm>
          <a:prstGeom prst="rect">
            <a:avLst/>
          </a:prstGeom>
          <a:noFill/>
        </p:spPr>
        <p:txBody>
          <a:bodyPr wrap="square" rtlCol="0">
            <a:spAutoFit/>
          </a:bodyPr>
          <a:lstStyle/>
          <a:p>
            <a:r>
              <a:rPr lang="en-US" b="1" dirty="0">
                <a:solidFill>
                  <a:schemeClr val="accent6"/>
                </a:solidFill>
                <a:latin typeface="Arial" panose="020B0604020202020204" pitchFamily="34" charset="0"/>
                <a:cs typeface="Arial" panose="020B0604020202020204" pitchFamily="34" charset="0"/>
              </a:rPr>
              <a:t> </a:t>
            </a:r>
            <a:r>
              <a:rPr lang="en-US" b="1" dirty="0" smtClean="0">
                <a:solidFill>
                  <a:schemeClr val="accent6"/>
                </a:solidFill>
                <a:latin typeface="Arial" panose="020B0604020202020204" pitchFamily="34" charset="0"/>
                <a:cs typeface="Arial" panose="020B0604020202020204" pitchFamily="34" charset="0"/>
              </a:rPr>
              <a:t>Llegar a los más necesitados</a:t>
            </a:r>
            <a:endParaRPr lang="en-US" b="1" dirty="0">
              <a:solidFill>
                <a:schemeClr val="accent6"/>
              </a:solidFill>
              <a:latin typeface="Arial" panose="020B0604020202020204" pitchFamily="34" charset="0"/>
              <a:cs typeface="Arial" panose="020B0604020202020204" pitchFamily="34" charset="0"/>
            </a:endParaRPr>
          </a:p>
        </p:txBody>
      </p:sp>
      <p:sp>
        <p:nvSpPr>
          <p:cNvPr id="8" name="Rectangle 7">
            <a:extLst>
              <a:ext uri="{FF2B5EF4-FFF2-40B4-BE49-F238E27FC236}">
                <a16:creationId xmlns:a16="http://schemas.microsoft.com/office/drawing/2014/main" xmlns="" id="{34362B0C-BA5E-5047-A0B9-45238DB257AD}"/>
              </a:ext>
            </a:extLst>
          </p:cNvPr>
          <p:cNvSpPr/>
          <p:nvPr/>
        </p:nvSpPr>
        <p:spPr>
          <a:xfrm>
            <a:off x="0" y="20690"/>
            <a:ext cx="12192000" cy="1118255"/>
          </a:xfrm>
          <a:prstGeom prst="rect">
            <a:avLst/>
          </a:prstGeom>
          <a:solidFill>
            <a:schemeClr val="accent4"/>
          </a:solidFill>
        </p:spPr>
        <p:txBody>
          <a:bodyPr wrap="square">
            <a:spAutoFit/>
          </a:bodyPr>
          <a:lstStyle/>
          <a:p>
            <a:pPr algn="just">
              <a:spcAft>
                <a:spcPts val="800"/>
              </a:spcAft>
            </a:pPr>
            <a:r>
              <a:rPr lang="en-ZA" sz="3000" b="1" dirty="0" smtClean="0">
                <a:solidFill>
                  <a:schemeClr val="bg1"/>
                </a:solidFill>
                <a:latin typeface="Arial" panose="020B0604020202020204" pitchFamily="34" charset="0"/>
                <a:ea typeface="Calibri" panose="020F0502020204030204" pitchFamily="34" charset="0"/>
                <a:cs typeface="Times New Roman" panose="02020603050405020304" pitchFamily="18" charset="0"/>
              </a:rPr>
              <a:t>El concepto para guiar </a:t>
            </a:r>
            <a:r>
              <a:rPr lang="en-ZA" sz="3000" b="1" dirty="0" smtClean="0">
                <a:solidFill>
                  <a:schemeClr val="bg1"/>
                </a:solidFill>
                <a:latin typeface="Arial" panose="020B0604020202020204" pitchFamily="34" charset="0"/>
                <a:ea typeface="Calibri" panose="020F0502020204030204" pitchFamily="34" charset="0"/>
                <a:cs typeface="Times New Roman" panose="02020603050405020304" pitchFamily="18" charset="0"/>
              </a:rPr>
              <a:t>salas </a:t>
            </a:r>
            <a:r>
              <a:rPr lang="en-ZA" sz="3000" b="1" dirty="0" smtClean="0">
                <a:solidFill>
                  <a:schemeClr val="bg1"/>
                </a:solidFill>
                <a:latin typeface="Arial" panose="020B0604020202020204" pitchFamily="34" charset="0"/>
                <a:ea typeface="Calibri" panose="020F0502020204030204" pitchFamily="34" charset="0"/>
                <a:cs typeface="Times New Roman" panose="02020603050405020304" pitchFamily="18" charset="0"/>
              </a:rPr>
              <a:t>de grupos pequeños </a:t>
            </a:r>
            <a:endParaRPr lang="en-ZA" sz="3000" b="1" dirty="0">
              <a:solidFill>
                <a:schemeClr val="bg1"/>
              </a:solidFill>
              <a:latin typeface="Arial" panose="020B0604020202020204" pitchFamily="34" charset="0"/>
              <a:ea typeface="Calibri" panose="020F0502020204030204" pitchFamily="34" charset="0"/>
              <a:cs typeface="Times New Roman" panose="02020603050405020304" pitchFamily="18" charset="0"/>
            </a:endParaRPr>
          </a:p>
          <a:p>
            <a:pPr algn="just">
              <a:spcAft>
                <a:spcPts val="800"/>
              </a:spcAft>
            </a:pPr>
            <a:r>
              <a:rPr lang="en-ZA" sz="3000" b="1" i="1" dirty="0" smtClean="0">
                <a:solidFill>
                  <a:schemeClr val="bg1"/>
                </a:solidFill>
                <a:latin typeface="Arial" panose="020B0604020202020204" pitchFamily="34" charset="0"/>
                <a:ea typeface="Calibri" panose="020F0502020204030204" pitchFamily="34" charset="0"/>
                <a:cs typeface="Times New Roman" panose="02020603050405020304" pitchFamily="18" charset="0"/>
              </a:rPr>
              <a:t>Un enfoque basado en personas</a:t>
            </a:r>
            <a:endParaRPr lang="en-ZA" sz="3000" i="1" dirty="0">
              <a:solidFill>
                <a:schemeClr val="bg1"/>
              </a:solidFill>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25875231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8" name="Group 17"/>
          <p:cNvGrpSpPr/>
          <p:nvPr/>
        </p:nvGrpSpPr>
        <p:grpSpPr>
          <a:xfrm>
            <a:off x="3160630" y="3952863"/>
            <a:ext cx="8168080" cy="822960"/>
            <a:chOff x="2858521" y="1667104"/>
            <a:chExt cx="8170827" cy="822960"/>
          </a:xfrm>
        </p:grpSpPr>
        <p:cxnSp>
          <p:nvCxnSpPr>
            <p:cNvPr id="7" name="Straight Connector 6"/>
            <p:cNvCxnSpPr>
              <a:cxnSpLocks/>
            </p:cNvCxnSpPr>
            <p:nvPr/>
          </p:nvCxnSpPr>
          <p:spPr>
            <a:xfrm flipV="1">
              <a:off x="3685037" y="2021834"/>
              <a:ext cx="7344311" cy="8715"/>
            </a:xfrm>
            <a:prstGeom prst="line">
              <a:avLst/>
            </a:prstGeom>
            <a:ln w="28575">
              <a:solidFill>
                <a:schemeClr val="accent3"/>
              </a:solidFill>
            </a:ln>
          </p:spPr>
          <p:style>
            <a:lnRef idx="1">
              <a:schemeClr val="accent1"/>
            </a:lnRef>
            <a:fillRef idx="0">
              <a:schemeClr val="accent1"/>
            </a:fillRef>
            <a:effectRef idx="0">
              <a:schemeClr val="accent1"/>
            </a:effectRef>
            <a:fontRef idx="minor">
              <a:schemeClr val="tx1"/>
            </a:fontRef>
          </p:style>
        </p:cxnSp>
        <p:sp>
          <p:nvSpPr>
            <p:cNvPr id="9" name="Oval 8"/>
            <p:cNvSpPr/>
            <p:nvPr/>
          </p:nvSpPr>
          <p:spPr>
            <a:xfrm>
              <a:off x="2858521" y="1667104"/>
              <a:ext cx="822960" cy="822960"/>
            </a:xfrm>
            <a:prstGeom prst="ellipse">
              <a:avLst/>
            </a:prstGeom>
            <a:noFill/>
            <a:ln w="3810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schemeClr val="accent3"/>
                  </a:solidFill>
                  <a:effectLst/>
                  <a:uLnTx/>
                  <a:uFillTx/>
                  <a:latin typeface="Arial" panose="020B0604020202020204" pitchFamily="34" charset="0"/>
                  <a:ea typeface="+mn-ea"/>
                  <a:cs typeface="Arial" panose="020B0604020202020204" pitchFamily="34" charset="0"/>
                </a:rPr>
                <a:t>03</a:t>
              </a:r>
            </a:p>
          </p:txBody>
        </p:sp>
      </p:grpSp>
      <p:grpSp>
        <p:nvGrpSpPr>
          <p:cNvPr id="19" name="Group 18"/>
          <p:cNvGrpSpPr/>
          <p:nvPr/>
        </p:nvGrpSpPr>
        <p:grpSpPr>
          <a:xfrm>
            <a:off x="1502784" y="2461113"/>
            <a:ext cx="8415616" cy="822960"/>
            <a:chOff x="2188755" y="2999014"/>
            <a:chExt cx="8415616" cy="822960"/>
          </a:xfrm>
        </p:grpSpPr>
        <p:cxnSp>
          <p:nvCxnSpPr>
            <p:cNvPr id="10" name="Straight Connector 9"/>
            <p:cNvCxnSpPr>
              <a:cxnSpLocks/>
            </p:cNvCxnSpPr>
            <p:nvPr/>
          </p:nvCxnSpPr>
          <p:spPr>
            <a:xfrm flipV="1">
              <a:off x="3011715" y="3366065"/>
              <a:ext cx="7592656" cy="44429"/>
            </a:xfrm>
            <a:prstGeom prst="line">
              <a:avLst/>
            </a:prstGeom>
            <a:ln w="28575">
              <a:solidFill>
                <a:schemeClr val="accent2"/>
              </a:solidFill>
            </a:ln>
          </p:spPr>
          <p:style>
            <a:lnRef idx="1">
              <a:schemeClr val="accent1"/>
            </a:lnRef>
            <a:fillRef idx="0">
              <a:schemeClr val="accent1"/>
            </a:fillRef>
            <a:effectRef idx="0">
              <a:schemeClr val="accent1"/>
            </a:effectRef>
            <a:fontRef idx="minor">
              <a:schemeClr val="tx1"/>
            </a:fontRef>
          </p:style>
        </p:cxnSp>
        <p:sp>
          <p:nvSpPr>
            <p:cNvPr id="11" name="Oval 10"/>
            <p:cNvSpPr/>
            <p:nvPr/>
          </p:nvSpPr>
          <p:spPr>
            <a:xfrm>
              <a:off x="2188755" y="2999014"/>
              <a:ext cx="822960" cy="822960"/>
            </a:xfrm>
            <a:prstGeom prst="ellipse">
              <a:avLst/>
            </a:prstGeom>
            <a:noFill/>
            <a:ln w="3810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schemeClr val="accent2"/>
                  </a:solidFill>
                  <a:effectLst/>
                  <a:uLnTx/>
                  <a:uFillTx/>
                  <a:latin typeface="Arial" panose="020B0604020202020204" pitchFamily="34" charset="0"/>
                  <a:ea typeface="+mn-ea"/>
                  <a:cs typeface="Arial" panose="020B0604020202020204" pitchFamily="34" charset="0"/>
                </a:rPr>
                <a:t>02</a:t>
              </a:r>
            </a:p>
          </p:txBody>
        </p:sp>
      </p:grpSp>
      <p:grpSp>
        <p:nvGrpSpPr>
          <p:cNvPr id="14" name="Group 13"/>
          <p:cNvGrpSpPr/>
          <p:nvPr/>
        </p:nvGrpSpPr>
        <p:grpSpPr>
          <a:xfrm>
            <a:off x="258736" y="1232450"/>
            <a:ext cx="5837264" cy="822960"/>
            <a:chOff x="3616315" y="4302034"/>
            <a:chExt cx="5837264" cy="822960"/>
          </a:xfrm>
        </p:grpSpPr>
        <p:cxnSp>
          <p:nvCxnSpPr>
            <p:cNvPr id="12" name="Straight Connector 11"/>
            <p:cNvCxnSpPr>
              <a:cxnSpLocks/>
            </p:cNvCxnSpPr>
            <p:nvPr/>
          </p:nvCxnSpPr>
          <p:spPr>
            <a:xfrm>
              <a:off x="4456083" y="4713514"/>
              <a:ext cx="4997496" cy="0"/>
            </a:xfrm>
            <a:prstGeom prst="line">
              <a:avLst/>
            </a:prstGeom>
            <a:ln w="28575">
              <a:solidFill>
                <a:schemeClr val="accent6"/>
              </a:solidFill>
            </a:ln>
          </p:spPr>
          <p:style>
            <a:lnRef idx="1">
              <a:schemeClr val="accent1"/>
            </a:lnRef>
            <a:fillRef idx="0">
              <a:schemeClr val="accent1"/>
            </a:fillRef>
            <a:effectRef idx="0">
              <a:schemeClr val="accent1"/>
            </a:effectRef>
            <a:fontRef idx="minor">
              <a:schemeClr val="tx1"/>
            </a:fontRef>
          </p:style>
        </p:cxnSp>
        <p:sp>
          <p:nvSpPr>
            <p:cNvPr id="13" name="Oval 12"/>
            <p:cNvSpPr/>
            <p:nvPr/>
          </p:nvSpPr>
          <p:spPr>
            <a:xfrm>
              <a:off x="3616315" y="4302034"/>
              <a:ext cx="822960" cy="822960"/>
            </a:xfrm>
            <a:prstGeom prst="ellipse">
              <a:avLst/>
            </a:prstGeom>
            <a:noFill/>
            <a:ln w="38100">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schemeClr val="accent6"/>
                  </a:solidFill>
                  <a:effectLst/>
                  <a:uLnTx/>
                  <a:uFillTx/>
                  <a:latin typeface="Arial" panose="020B0604020202020204" pitchFamily="34" charset="0"/>
                  <a:ea typeface="+mn-ea"/>
                  <a:cs typeface="Arial" panose="020B0604020202020204" pitchFamily="34" charset="0"/>
                </a:rPr>
                <a:t>01</a:t>
              </a:r>
            </a:p>
          </p:txBody>
        </p:sp>
      </p:grpSp>
      <p:sp>
        <p:nvSpPr>
          <p:cNvPr id="21" name="TextBox 20"/>
          <p:cNvSpPr txBox="1"/>
          <p:nvPr/>
        </p:nvSpPr>
        <p:spPr>
          <a:xfrm>
            <a:off x="3597252" y="2436240"/>
            <a:ext cx="4513943" cy="646331"/>
          </a:xfrm>
          <a:prstGeom prst="rect">
            <a:avLst/>
          </a:prstGeom>
          <a:noFill/>
        </p:spPr>
        <p:txBody>
          <a:bodyPr wrap="square" rtlCol="0">
            <a:spAutoFit/>
          </a:bodyPr>
          <a:lstStyle/>
          <a:p>
            <a:r>
              <a:rPr lang="en-US" b="1" dirty="0">
                <a:solidFill>
                  <a:schemeClr val="accent2"/>
                </a:solidFill>
                <a:latin typeface="Arial" panose="020B0604020202020204" pitchFamily="34" charset="0"/>
                <a:cs typeface="Arial" panose="020B0604020202020204" pitchFamily="34" charset="0"/>
              </a:rPr>
              <a:t>Las estructuras que responden al VIH</a:t>
            </a:r>
          </a:p>
          <a:p>
            <a:pPr lvl="0"/>
            <a:endParaRPr lang="en-US" b="1" dirty="0">
              <a:solidFill>
                <a:schemeClr val="accent2"/>
              </a:solidFill>
              <a:latin typeface="Arial" panose="020B0604020202020204" pitchFamily="34" charset="0"/>
              <a:cs typeface="Arial" panose="020B0604020202020204" pitchFamily="34" charset="0"/>
            </a:endParaRPr>
          </a:p>
        </p:txBody>
      </p:sp>
      <p:sp>
        <p:nvSpPr>
          <p:cNvPr id="22" name="TextBox 21"/>
          <p:cNvSpPr txBox="1"/>
          <p:nvPr/>
        </p:nvSpPr>
        <p:spPr>
          <a:xfrm>
            <a:off x="2325744" y="2882471"/>
            <a:ext cx="9320824" cy="882742"/>
          </a:xfrm>
          <a:prstGeom prst="rect">
            <a:avLst/>
          </a:prstGeom>
          <a:noFill/>
        </p:spPr>
        <p:txBody>
          <a:bodyPr wrap="square" rtlCol="0">
            <a:spAutoFit/>
          </a:bodyPr>
          <a:lstStyle/>
          <a:p>
            <a:pPr>
              <a:lnSpc>
                <a:spcPct val="107000"/>
              </a:lnSpc>
              <a:spcAft>
                <a:spcPts val="600"/>
              </a:spcAft>
            </a:pPr>
            <a:r>
              <a:rPr lang="es-VE" sz="1600" dirty="0"/>
              <a:t>En resumen, de esto trata la respuesta al </a:t>
            </a:r>
            <a:r>
              <a:rPr lang="es-VE" sz="1600" dirty="0" smtClean="0"/>
              <a:t>SIDA</a:t>
            </a:r>
            <a:r>
              <a:rPr lang="es-VE" sz="1600" dirty="0" smtClean="0"/>
              <a:t>, </a:t>
            </a:r>
            <a:r>
              <a:rPr lang="es-VE" sz="1600" dirty="0"/>
              <a:t>de las estructuras y organizaciones que implementan directamente la </a:t>
            </a:r>
            <a:r>
              <a:rPr lang="es-VE" sz="1600" dirty="0" smtClean="0"/>
              <a:t>Estrategia. </a:t>
            </a:r>
            <a:r>
              <a:rPr lang="es-VE" sz="1600" dirty="0"/>
              <a:t>Algunas de ellas son el Programa Conjunto, el Fondo Mundial, PEPFAR y, sobre todo, los socios nacionales que implementan el Plan Nacional del SIDA.</a:t>
            </a:r>
            <a:endParaRPr lang="en-ZA" sz="1600" dirty="0"/>
          </a:p>
        </p:txBody>
      </p:sp>
      <p:sp>
        <p:nvSpPr>
          <p:cNvPr id="23" name="TextBox 22"/>
          <p:cNvSpPr txBox="1"/>
          <p:nvPr/>
        </p:nvSpPr>
        <p:spPr>
          <a:xfrm>
            <a:off x="1364017" y="1723084"/>
            <a:ext cx="8028233" cy="619272"/>
          </a:xfrm>
          <a:prstGeom prst="rect">
            <a:avLst/>
          </a:prstGeom>
          <a:noFill/>
        </p:spPr>
        <p:txBody>
          <a:bodyPr wrap="square" rtlCol="0">
            <a:spAutoFit/>
          </a:bodyPr>
          <a:lstStyle/>
          <a:p>
            <a:pPr>
              <a:lnSpc>
                <a:spcPct val="107000"/>
              </a:lnSpc>
              <a:spcAft>
                <a:spcPts val="600"/>
              </a:spcAft>
            </a:pPr>
            <a:r>
              <a:rPr lang="es-VE" sz="1600" dirty="0"/>
              <a:t>Centrarse en grupos marginados y continuar permitiendo el acceso al tratamiento y a la prevención a aquellos que </a:t>
            </a:r>
            <a:r>
              <a:rPr lang="es-VE" sz="1600" dirty="0" smtClean="0"/>
              <a:t>lo tienen.</a:t>
            </a:r>
            <a:endParaRPr lang="en-ZA" sz="1600" dirty="0"/>
          </a:p>
        </p:txBody>
      </p:sp>
      <p:sp>
        <p:nvSpPr>
          <p:cNvPr id="15" name="Rectangle 14">
            <a:extLst>
              <a:ext uri="{FF2B5EF4-FFF2-40B4-BE49-F238E27FC236}">
                <a16:creationId xmlns:a16="http://schemas.microsoft.com/office/drawing/2014/main" xmlns="" id="{2EA67C1B-99D8-1546-9CE3-9E6E43B7178D}"/>
              </a:ext>
            </a:extLst>
          </p:cNvPr>
          <p:cNvSpPr/>
          <p:nvPr/>
        </p:nvSpPr>
        <p:spPr>
          <a:xfrm>
            <a:off x="4102102" y="4478935"/>
            <a:ext cx="8018186" cy="2200089"/>
          </a:xfrm>
          <a:prstGeom prst="rect">
            <a:avLst/>
          </a:prstGeom>
        </p:spPr>
        <p:txBody>
          <a:bodyPr wrap="square">
            <a:spAutoFit/>
          </a:bodyPr>
          <a:lstStyle/>
          <a:p>
            <a:pPr>
              <a:lnSpc>
                <a:spcPct val="107000"/>
              </a:lnSpc>
              <a:spcAft>
                <a:spcPts val="600"/>
              </a:spcAft>
            </a:pPr>
            <a:r>
              <a:rPr lang="es-VE" sz="1600" dirty="0"/>
              <a:t>El contexto externo, más allá del VIH, puede tener un gran </a:t>
            </a:r>
            <a:r>
              <a:rPr lang="es-VE" sz="1600" dirty="0" smtClean="0"/>
              <a:t>impacto, </a:t>
            </a:r>
            <a:r>
              <a:rPr lang="es-VE" sz="1600" dirty="0"/>
              <a:t>sea debido a que la respuesta al VIH se encuentra dentro de un asunto aún mayor (por ejemplo, los ODS y la Agenda 2030 o la cobertura de salud universal) o </a:t>
            </a:r>
            <a:r>
              <a:rPr lang="es-VE" sz="1600" dirty="0" smtClean="0"/>
              <a:t>a que </a:t>
            </a:r>
            <a:r>
              <a:rPr lang="es-VE" sz="1600" dirty="0"/>
              <a:t>surgen otros asuntos que impactan los servicios, fondos o prioridades (por ejemplo, la pandemia de COVID-19, los desastres naturales o las crisis humanitarias).Algunos de estos asuntos están impulsando fuerzas en el mundo en las que podemos participar y en las que podemos influenciar para crear una respuesta al SIDA más efectiva. Otras, por otro lado, se salen de nuestro control, pero impactan significativamente nuestro trabajo.</a:t>
            </a:r>
            <a:endParaRPr lang="en-ZA" sz="1600" dirty="0"/>
          </a:p>
        </p:txBody>
      </p:sp>
      <p:sp>
        <p:nvSpPr>
          <p:cNvPr id="24" name="TextBox 23">
            <a:extLst>
              <a:ext uri="{FF2B5EF4-FFF2-40B4-BE49-F238E27FC236}">
                <a16:creationId xmlns:a16="http://schemas.microsoft.com/office/drawing/2014/main" xmlns="" id="{DA07E000-6A0E-2C45-B71A-ED531C48BDFE}"/>
              </a:ext>
            </a:extLst>
          </p:cNvPr>
          <p:cNvSpPr txBox="1"/>
          <p:nvPr/>
        </p:nvSpPr>
        <p:spPr>
          <a:xfrm>
            <a:off x="5275037" y="3887584"/>
            <a:ext cx="4513943" cy="369332"/>
          </a:xfrm>
          <a:prstGeom prst="rect">
            <a:avLst/>
          </a:prstGeom>
          <a:noFill/>
        </p:spPr>
        <p:txBody>
          <a:bodyPr wrap="square" rtlCol="0">
            <a:spAutoFit/>
          </a:bodyPr>
          <a:lstStyle/>
          <a:p>
            <a:pPr lvl="0"/>
            <a:r>
              <a:rPr lang="en-US" b="1" dirty="0" smtClean="0">
                <a:solidFill>
                  <a:schemeClr val="accent3"/>
                </a:solidFill>
                <a:latin typeface="Arial" panose="020B0604020202020204" pitchFamily="34" charset="0"/>
                <a:cs typeface="Arial" panose="020B0604020202020204" pitchFamily="34" charset="0"/>
              </a:rPr>
              <a:t>Marco contextual</a:t>
            </a:r>
            <a:endParaRPr lang="en-US" b="1" dirty="0">
              <a:solidFill>
                <a:schemeClr val="accent3"/>
              </a:solidFill>
              <a:latin typeface="Arial" panose="020B0604020202020204" pitchFamily="34" charset="0"/>
              <a:cs typeface="Arial" panose="020B0604020202020204" pitchFamily="34" charset="0"/>
            </a:endParaRPr>
          </a:p>
        </p:txBody>
      </p:sp>
      <p:sp>
        <p:nvSpPr>
          <p:cNvPr id="25" name="TextBox 24">
            <a:extLst>
              <a:ext uri="{FF2B5EF4-FFF2-40B4-BE49-F238E27FC236}">
                <a16:creationId xmlns:a16="http://schemas.microsoft.com/office/drawing/2014/main" xmlns="" id="{1CB74DB3-9F3C-A94C-BC13-AB00BE1FE14B}"/>
              </a:ext>
            </a:extLst>
          </p:cNvPr>
          <p:cNvSpPr txBox="1"/>
          <p:nvPr/>
        </p:nvSpPr>
        <p:spPr>
          <a:xfrm>
            <a:off x="1364017" y="1241084"/>
            <a:ext cx="4513943" cy="369332"/>
          </a:xfrm>
          <a:prstGeom prst="rect">
            <a:avLst/>
          </a:prstGeom>
          <a:noFill/>
        </p:spPr>
        <p:txBody>
          <a:bodyPr wrap="square" rtlCol="0">
            <a:spAutoFit/>
          </a:bodyPr>
          <a:lstStyle/>
          <a:p>
            <a:r>
              <a:rPr lang="en-US" b="1" dirty="0">
                <a:solidFill>
                  <a:schemeClr val="accent6"/>
                </a:solidFill>
                <a:latin typeface="Arial" panose="020B0604020202020204" pitchFamily="34" charset="0"/>
                <a:cs typeface="Arial" panose="020B0604020202020204" pitchFamily="34" charset="0"/>
              </a:rPr>
              <a:t>Llegar a los más necesitados</a:t>
            </a:r>
          </a:p>
        </p:txBody>
      </p:sp>
      <p:sp>
        <p:nvSpPr>
          <p:cNvPr id="8" name="Rectangle 7">
            <a:extLst>
              <a:ext uri="{FF2B5EF4-FFF2-40B4-BE49-F238E27FC236}">
                <a16:creationId xmlns:a16="http://schemas.microsoft.com/office/drawing/2014/main" xmlns="" id="{34362B0C-BA5E-5047-A0B9-45238DB257AD}"/>
              </a:ext>
            </a:extLst>
          </p:cNvPr>
          <p:cNvSpPr/>
          <p:nvPr/>
        </p:nvSpPr>
        <p:spPr>
          <a:xfrm>
            <a:off x="0" y="20690"/>
            <a:ext cx="12192000" cy="1118255"/>
          </a:xfrm>
          <a:prstGeom prst="rect">
            <a:avLst/>
          </a:prstGeom>
          <a:solidFill>
            <a:schemeClr val="accent4"/>
          </a:solidFill>
        </p:spPr>
        <p:txBody>
          <a:bodyPr wrap="square">
            <a:spAutoFit/>
          </a:bodyPr>
          <a:lstStyle/>
          <a:p>
            <a:pPr algn="just">
              <a:spcAft>
                <a:spcPts val="800"/>
              </a:spcAft>
            </a:pPr>
            <a:r>
              <a:rPr lang="en-ZA" sz="3000" b="1" dirty="0">
                <a:solidFill>
                  <a:schemeClr val="bg1"/>
                </a:solidFill>
                <a:latin typeface="Arial" panose="020B0604020202020204" pitchFamily="34" charset="0"/>
                <a:ea typeface="Calibri" panose="020F0502020204030204" pitchFamily="34" charset="0"/>
                <a:cs typeface="Times New Roman" panose="02020603050405020304" pitchFamily="18" charset="0"/>
              </a:rPr>
              <a:t>El concepto para guiar  salas de grupos pequeños </a:t>
            </a:r>
          </a:p>
          <a:p>
            <a:pPr algn="just">
              <a:spcAft>
                <a:spcPts val="800"/>
              </a:spcAft>
            </a:pPr>
            <a:r>
              <a:rPr lang="en-ZA" sz="3000" b="1" i="1" dirty="0">
                <a:solidFill>
                  <a:schemeClr val="bg1"/>
                </a:solidFill>
                <a:latin typeface="Arial" panose="020B0604020202020204" pitchFamily="34" charset="0"/>
                <a:ea typeface="Calibri" panose="020F0502020204030204" pitchFamily="34" charset="0"/>
                <a:cs typeface="Times New Roman" panose="02020603050405020304" pitchFamily="18" charset="0"/>
              </a:rPr>
              <a:t>Un enfoque basado en </a:t>
            </a:r>
            <a:r>
              <a:rPr lang="en-ZA" sz="3000" b="1" i="1" dirty="0" smtClean="0">
                <a:solidFill>
                  <a:schemeClr val="bg1"/>
                </a:solidFill>
                <a:latin typeface="Arial" panose="020B0604020202020204" pitchFamily="34" charset="0"/>
                <a:ea typeface="Calibri" panose="020F0502020204030204" pitchFamily="34" charset="0"/>
                <a:cs typeface="Times New Roman" panose="02020603050405020304" pitchFamily="18" charset="0"/>
              </a:rPr>
              <a:t>personas</a:t>
            </a:r>
            <a:endParaRPr lang="en-ZA" sz="3000" i="1" dirty="0">
              <a:solidFill>
                <a:schemeClr val="bg1"/>
              </a:solidFill>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29655070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xmlns="" id="{34362B0C-BA5E-5047-A0B9-45238DB257AD}"/>
              </a:ext>
            </a:extLst>
          </p:cNvPr>
          <p:cNvSpPr/>
          <p:nvPr/>
        </p:nvSpPr>
        <p:spPr>
          <a:xfrm>
            <a:off x="0" y="20690"/>
            <a:ext cx="12192000" cy="1682512"/>
          </a:xfrm>
          <a:prstGeom prst="rect">
            <a:avLst/>
          </a:prstGeom>
          <a:solidFill>
            <a:schemeClr val="accent4"/>
          </a:solidFill>
        </p:spPr>
        <p:txBody>
          <a:bodyPr wrap="square">
            <a:spAutoFit/>
          </a:bodyPr>
          <a:lstStyle/>
          <a:p>
            <a:pPr algn="just">
              <a:spcAft>
                <a:spcPts val="800"/>
              </a:spcAft>
            </a:pPr>
            <a:r>
              <a:rPr lang="en-ZA" sz="3000" b="1" dirty="0">
                <a:solidFill>
                  <a:schemeClr val="bg1"/>
                </a:solidFill>
                <a:latin typeface="Arial" panose="020B0604020202020204" pitchFamily="34" charset="0"/>
                <a:ea typeface="Calibri" panose="020F0502020204030204" pitchFamily="34" charset="0"/>
                <a:cs typeface="Times New Roman" panose="02020603050405020304" pitchFamily="18" charset="0"/>
              </a:rPr>
              <a:t>El concepto para guiar  salas de grupos pequeños </a:t>
            </a:r>
          </a:p>
          <a:p>
            <a:pPr algn="just">
              <a:spcAft>
                <a:spcPts val="800"/>
              </a:spcAft>
            </a:pPr>
            <a:r>
              <a:rPr lang="en-ZA" sz="3000" b="1" i="1" dirty="0">
                <a:solidFill>
                  <a:schemeClr val="bg1"/>
                </a:solidFill>
                <a:latin typeface="Arial" panose="020B0604020202020204" pitchFamily="34" charset="0"/>
                <a:ea typeface="Calibri" panose="020F0502020204030204" pitchFamily="34" charset="0"/>
                <a:cs typeface="Times New Roman" panose="02020603050405020304" pitchFamily="18" charset="0"/>
              </a:rPr>
              <a:t>Un enfoque basado en personas</a:t>
            </a:r>
            <a:endParaRPr lang="en-ZA" sz="3000" i="1" dirty="0">
              <a:solidFill>
                <a:schemeClr val="bg1"/>
              </a:solidFill>
              <a:latin typeface="Calibri" panose="020F0502020204030204" pitchFamily="34" charset="0"/>
              <a:ea typeface="Calibri" panose="020F0502020204030204" pitchFamily="34" charset="0"/>
              <a:cs typeface="Times New Roman" panose="02020603050405020304" pitchFamily="18" charset="0"/>
            </a:endParaRPr>
          </a:p>
          <a:p>
            <a:pPr algn="just">
              <a:spcAft>
                <a:spcPts val="800"/>
              </a:spcAft>
            </a:pPr>
            <a:endParaRPr lang="en-ZA" sz="3000" i="1" dirty="0">
              <a:solidFill>
                <a:schemeClr val="bg1"/>
              </a:solidFill>
              <a:latin typeface="Calibri" panose="020F0502020204030204" pitchFamily="34" charset="0"/>
              <a:ea typeface="Calibri" panose="020F0502020204030204" pitchFamily="34" charset="0"/>
              <a:cs typeface="Times New Roman" panose="02020603050405020304" pitchFamily="18" charset="0"/>
            </a:endParaRPr>
          </a:p>
        </p:txBody>
      </p:sp>
      <p:graphicFrame>
        <p:nvGraphicFramePr>
          <p:cNvPr id="20" name="Table 4">
            <a:extLst>
              <a:ext uri="{FF2B5EF4-FFF2-40B4-BE49-F238E27FC236}">
                <a16:creationId xmlns:a16="http://schemas.microsoft.com/office/drawing/2014/main" xmlns="" id="{48D6BF44-32FD-B34B-A50B-8A4DC2433C37}"/>
              </a:ext>
            </a:extLst>
          </p:cNvPr>
          <p:cNvGraphicFramePr>
            <a:graphicFrameLocks noGrp="1"/>
          </p:cNvGraphicFramePr>
          <p:nvPr>
            <p:extLst>
              <p:ext uri="{D42A27DB-BD31-4B8C-83A1-F6EECF244321}">
                <p14:modId xmlns:p14="http://schemas.microsoft.com/office/powerpoint/2010/main" val="2114732637"/>
              </p:ext>
            </p:extLst>
          </p:nvPr>
        </p:nvGraphicFramePr>
        <p:xfrm>
          <a:off x="0" y="1138945"/>
          <a:ext cx="12192000" cy="5719055"/>
        </p:xfrm>
        <a:graphic>
          <a:graphicData uri="http://schemas.openxmlformats.org/drawingml/2006/table">
            <a:tbl>
              <a:tblPr bandRow="1">
                <a:tableStyleId>{5C22544A-7EE6-4342-B048-85BDC9FD1C3A}</a:tableStyleId>
              </a:tblPr>
              <a:tblGrid>
                <a:gridCol w="2670870">
                  <a:extLst>
                    <a:ext uri="{9D8B030D-6E8A-4147-A177-3AD203B41FA5}">
                      <a16:colId xmlns:a16="http://schemas.microsoft.com/office/drawing/2014/main" xmlns="" val="284816152"/>
                    </a:ext>
                  </a:extLst>
                </a:gridCol>
                <a:gridCol w="9521130">
                  <a:extLst>
                    <a:ext uri="{9D8B030D-6E8A-4147-A177-3AD203B41FA5}">
                      <a16:colId xmlns:a16="http://schemas.microsoft.com/office/drawing/2014/main" xmlns="" val="804985931"/>
                    </a:ext>
                  </a:extLst>
                </a:gridCol>
              </a:tblGrid>
              <a:tr h="240095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700" b="0" dirty="0" smtClean="0"/>
                        <a:t>Para</a:t>
                      </a:r>
                      <a:r>
                        <a:rPr lang="en-US" sz="1700" b="0" baseline="0" dirty="0" smtClean="0"/>
                        <a:t> </a:t>
                      </a:r>
                      <a:r>
                        <a:rPr lang="en-US" sz="1700" b="0" baseline="0" dirty="0" smtClean="0"/>
                        <a:t>qué lo usamos</a:t>
                      </a:r>
                      <a:endParaRPr lang="en-ZA" sz="1700" b="0" dirty="0"/>
                    </a:p>
                    <a:p>
                      <a:endParaRPr lang="en-ZA" sz="1700" b="0" dirty="0"/>
                    </a:p>
                  </a:txBody>
                  <a:tcPr>
                    <a:solidFill>
                      <a:schemeClr val="accent5">
                        <a:lumMod val="40000"/>
                        <a:lumOff val="60000"/>
                      </a:schemeClr>
                    </a:solidFill>
                  </a:tcPr>
                </a:tc>
                <a:tc>
                  <a:txBody>
                    <a:bodyPr/>
                    <a:lstStyle/>
                    <a:p>
                      <a:pPr algn="just" fontAlgn="t"/>
                      <a:r>
                        <a:rPr lang="es-VE" sz="1700" b="0" dirty="0" smtClean="0"/>
                        <a:t>Para centrarnos en las personas a las que queremos llegar y orientar nuestras discusiones hacia los desafíos o factores de éxito que han tenido un mayor impacto en nuestra capacidad de llegar a los más necesitados</a:t>
                      </a:r>
                      <a:r>
                        <a:rPr lang="es-VE" sz="1700" b="0" dirty="0" smtClean="0"/>
                        <a:t>. Esto </a:t>
                      </a:r>
                      <a:r>
                        <a:rPr lang="es-VE" sz="1700" b="0" dirty="0" smtClean="0"/>
                        <a:t>ayuda a consolidar el proceso en la persona.</a:t>
                      </a:r>
                      <a:endParaRPr lang="en-ZA" sz="1700" b="0" dirty="0"/>
                    </a:p>
                  </a:txBody>
                  <a:tcPr>
                    <a:solidFill>
                      <a:schemeClr val="accent5">
                        <a:lumMod val="40000"/>
                        <a:lumOff val="60000"/>
                      </a:schemeClr>
                    </a:solidFill>
                  </a:tcPr>
                </a:tc>
                <a:extLst>
                  <a:ext uri="{0D108BD9-81ED-4DB2-BD59-A6C34878D82A}">
                    <a16:rowId xmlns:a16="http://schemas.microsoft.com/office/drawing/2014/main" xmlns="" val="2450832960"/>
                  </a:ext>
                </a:extLst>
              </a:tr>
              <a:tr h="150059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700" dirty="0" smtClean="0"/>
                        <a:t>Cuándo</a:t>
                      </a:r>
                      <a:r>
                        <a:rPr lang="en-US" sz="1700" baseline="0" dirty="0" smtClean="0"/>
                        <a:t> lo usamos</a:t>
                      </a:r>
                      <a:endParaRPr lang="en-ZA" sz="1700" dirty="0"/>
                    </a:p>
                    <a:p>
                      <a:endParaRPr lang="en-ZA" sz="1700" dirty="0"/>
                    </a:p>
                  </a:txBody>
                  <a:tcPr>
                    <a:solidFill>
                      <a:schemeClr val="accent5">
                        <a:lumMod val="20000"/>
                        <a:lumOff val="80000"/>
                      </a:schemeClr>
                    </a:solidFill>
                  </a:tcPr>
                </a:tc>
                <a:tc>
                  <a:txBody>
                    <a:bodyPr/>
                    <a:lstStyle/>
                    <a:p>
                      <a:pPr algn="just"/>
                      <a:r>
                        <a:rPr lang="es-VE" sz="1700" dirty="0" smtClean="0"/>
                        <a:t>Antes de iniciar una conversación o una sala de grupos pequeños para explorar los desafíos de la respuesta al VIH.</a:t>
                      </a:r>
                      <a:endParaRPr lang="en-ZA" sz="1700" dirty="0"/>
                    </a:p>
                  </a:txBody>
                  <a:tcPr>
                    <a:solidFill>
                      <a:schemeClr val="accent5">
                        <a:lumMod val="20000"/>
                        <a:lumOff val="80000"/>
                      </a:schemeClr>
                    </a:solidFill>
                  </a:tcPr>
                </a:tc>
                <a:extLst>
                  <a:ext uri="{0D108BD9-81ED-4DB2-BD59-A6C34878D82A}">
                    <a16:rowId xmlns:a16="http://schemas.microsoft.com/office/drawing/2014/main" xmlns="" val="3586243195"/>
                  </a:ext>
                </a:extLst>
              </a:tr>
              <a:tr h="1817511">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700" dirty="0" smtClean="0"/>
                        <a:t>Quién</a:t>
                      </a:r>
                      <a:r>
                        <a:rPr lang="en-US" sz="1700" baseline="0" dirty="0" smtClean="0"/>
                        <a:t> participa</a:t>
                      </a:r>
                      <a:endParaRPr lang="en-ZA" sz="1700" dirty="0"/>
                    </a:p>
                    <a:p>
                      <a:endParaRPr lang="en-ZA" sz="1700" dirty="0"/>
                    </a:p>
                  </a:txBody>
                  <a:tcPr>
                    <a:solidFill>
                      <a:schemeClr val="accent5">
                        <a:lumMod val="40000"/>
                        <a:lumOff val="60000"/>
                      </a:schemeClr>
                    </a:solidFill>
                  </a:tcPr>
                </a:tc>
                <a:tc>
                  <a:txBody>
                    <a:bodyPr/>
                    <a:lstStyle/>
                    <a:p>
                      <a:pPr marL="0" marR="0" lvl="0" indent="0" algn="just" defTabSz="914400" rtl="0" eaLnBrk="1" fontAlgn="auto" latinLnBrk="0" hangingPunct="1">
                        <a:lnSpc>
                          <a:spcPct val="100000"/>
                        </a:lnSpc>
                        <a:spcBef>
                          <a:spcPts val="0"/>
                        </a:spcBef>
                        <a:spcAft>
                          <a:spcPts val="0"/>
                        </a:spcAft>
                        <a:buClrTx/>
                        <a:buSzTx/>
                        <a:buFontTx/>
                        <a:buNone/>
                        <a:tabLst/>
                        <a:defRPr/>
                      </a:pPr>
                      <a:r>
                        <a:rPr lang="es-VE" sz="1700" dirty="0" smtClean="0"/>
                        <a:t>Un moderador presenta el círculo concéntrico y el moderador técnico comparte la plantilla para que los participantes registren los resultados de las conversaciones.</a:t>
                      </a:r>
                      <a:endParaRPr lang="en-ZA" sz="1700" dirty="0"/>
                    </a:p>
                  </a:txBody>
                  <a:tcPr>
                    <a:solidFill>
                      <a:schemeClr val="accent5">
                        <a:lumMod val="40000"/>
                        <a:lumOff val="60000"/>
                      </a:schemeClr>
                    </a:solidFill>
                  </a:tcPr>
                </a:tc>
                <a:extLst>
                  <a:ext uri="{0D108BD9-81ED-4DB2-BD59-A6C34878D82A}">
                    <a16:rowId xmlns:a16="http://schemas.microsoft.com/office/drawing/2014/main" xmlns="" val="2872650676"/>
                  </a:ext>
                </a:extLst>
              </a:tr>
            </a:tbl>
          </a:graphicData>
        </a:graphic>
      </p:graphicFrame>
    </p:spTree>
    <p:extLst>
      <p:ext uri="{BB962C8B-B14F-4D97-AF65-F5344CB8AC3E}">
        <p14:creationId xmlns:p14="http://schemas.microsoft.com/office/powerpoint/2010/main" val="5256710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xmlns="" id="{ACFCB07D-68B2-4344-9C0C-08313CFF545E}"/>
              </a:ext>
            </a:extLst>
          </p:cNvPr>
          <p:cNvSpPr>
            <a:spLocks noGrp="1"/>
          </p:cNvSpPr>
          <p:nvPr>
            <p:ph type="body" idx="1"/>
          </p:nvPr>
        </p:nvSpPr>
        <p:spPr>
          <a:xfrm>
            <a:off x="669668" y="469051"/>
            <a:ext cx="5157787" cy="823912"/>
          </a:xfrm>
        </p:spPr>
        <p:txBody>
          <a:bodyPr/>
          <a:lstStyle/>
          <a:p>
            <a:pPr algn="ctr"/>
            <a:r>
              <a:rPr lang="en-ZA" dirty="0" smtClean="0"/>
              <a:t>Reunión virtual</a:t>
            </a:r>
            <a:endParaRPr lang="en-ZA" dirty="0"/>
          </a:p>
        </p:txBody>
      </p:sp>
      <p:sp>
        <p:nvSpPr>
          <p:cNvPr id="7" name="Text Placeholder 6">
            <a:extLst>
              <a:ext uri="{FF2B5EF4-FFF2-40B4-BE49-F238E27FC236}">
                <a16:creationId xmlns:a16="http://schemas.microsoft.com/office/drawing/2014/main" xmlns="" id="{B3584F07-6896-42FA-88F5-1A151E0140EF}"/>
              </a:ext>
            </a:extLst>
          </p:cNvPr>
          <p:cNvSpPr>
            <a:spLocks noGrp="1"/>
          </p:cNvSpPr>
          <p:nvPr>
            <p:ph type="body" sz="quarter" idx="3"/>
          </p:nvPr>
        </p:nvSpPr>
        <p:spPr>
          <a:xfrm>
            <a:off x="6172201" y="469051"/>
            <a:ext cx="5183188" cy="823912"/>
          </a:xfrm>
        </p:spPr>
        <p:txBody>
          <a:bodyPr/>
          <a:lstStyle/>
          <a:p>
            <a:pPr algn="ctr"/>
            <a:r>
              <a:rPr lang="en-ZA" dirty="0" smtClean="0"/>
              <a:t>Reunión presencial</a:t>
            </a:r>
            <a:endParaRPr lang="en-ZA" dirty="0"/>
          </a:p>
        </p:txBody>
      </p:sp>
      <p:sp>
        <p:nvSpPr>
          <p:cNvPr id="8" name="Content Placeholder 7">
            <a:extLst>
              <a:ext uri="{FF2B5EF4-FFF2-40B4-BE49-F238E27FC236}">
                <a16:creationId xmlns:a16="http://schemas.microsoft.com/office/drawing/2014/main" xmlns="" id="{5245CC8D-4829-479A-8E45-666B2D49987F}"/>
              </a:ext>
            </a:extLst>
          </p:cNvPr>
          <p:cNvSpPr>
            <a:spLocks noGrp="1"/>
          </p:cNvSpPr>
          <p:nvPr>
            <p:ph sz="quarter" idx="4"/>
          </p:nvPr>
        </p:nvSpPr>
        <p:spPr>
          <a:xfrm>
            <a:off x="6453963" y="1292963"/>
            <a:ext cx="5068368" cy="4896700"/>
          </a:xfrm>
          <a:ln>
            <a:solidFill>
              <a:schemeClr val="accent2"/>
            </a:solidFill>
          </a:ln>
        </p:spPr>
        <p:txBody>
          <a:bodyPr>
            <a:noAutofit/>
          </a:bodyPr>
          <a:lstStyle/>
          <a:p>
            <a:pPr>
              <a:lnSpc>
                <a:spcPct val="120000"/>
              </a:lnSpc>
            </a:pPr>
            <a:r>
              <a:rPr lang="es-VE" sz="1200" dirty="0">
                <a:latin typeface="Arial" panose="020B0604020202020204" pitchFamily="34" charset="0"/>
                <a:cs typeface="Arial" panose="020B0604020202020204" pitchFamily="34" charset="0"/>
              </a:rPr>
              <a:t>Usa un proyector o una versión impresa del circulo concéntrico. </a:t>
            </a:r>
            <a:endParaRPr lang="es-VE" sz="1200" dirty="0" smtClean="0">
              <a:latin typeface="Arial" panose="020B0604020202020204" pitchFamily="34" charset="0"/>
              <a:cs typeface="Arial" panose="020B0604020202020204" pitchFamily="34" charset="0"/>
            </a:endParaRPr>
          </a:p>
          <a:p>
            <a:pPr>
              <a:lnSpc>
                <a:spcPct val="120000"/>
              </a:lnSpc>
            </a:pPr>
            <a:r>
              <a:rPr lang="es-VE" sz="1200" dirty="0">
                <a:latin typeface="Arial" panose="020B0604020202020204" pitchFamily="34" charset="0"/>
                <a:cs typeface="Arial" panose="020B0604020202020204" pitchFamily="34" charset="0"/>
              </a:rPr>
              <a:t>Dedica 5 minutos en la plenaria a conversar sobre el circulo concéntrico de </a:t>
            </a:r>
            <a:r>
              <a:rPr lang="es-VE" sz="1200" dirty="0" smtClean="0">
                <a:latin typeface="Arial" panose="020B0604020202020204" pitchFamily="34" charset="0"/>
                <a:cs typeface="Arial" panose="020B0604020202020204" pitchFamily="34" charset="0"/>
              </a:rPr>
              <a:t>forma </a:t>
            </a:r>
            <a:r>
              <a:rPr lang="es-VE" sz="1200" dirty="0">
                <a:latin typeface="Arial" panose="020B0604020202020204" pitchFamily="34" charset="0"/>
                <a:cs typeface="Arial" panose="020B0604020202020204" pitchFamily="34" charset="0"/>
              </a:rPr>
              <a:t>que, cuando los participantes se dividan en grupos pequeños, haya una visión común de los </a:t>
            </a:r>
            <a:r>
              <a:rPr lang="es-VE" sz="1200" dirty="0" smtClean="0">
                <a:latin typeface="Arial" panose="020B0604020202020204" pitchFamily="34" charset="0"/>
                <a:cs typeface="Arial" panose="020B0604020202020204" pitchFamily="34" charset="0"/>
              </a:rPr>
              <a:t>mismos</a:t>
            </a:r>
            <a:r>
              <a:rPr lang="en-US" sz="1200" dirty="0" smtClean="0">
                <a:latin typeface="Arial" panose="020B0604020202020204" pitchFamily="34" charset="0"/>
                <a:cs typeface="Arial" panose="020B0604020202020204" pitchFamily="34" charset="0"/>
              </a:rPr>
              <a:t>.</a:t>
            </a:r>
            <a:endParaRPr lang="en-US" sz="1200" dirty="0">
              <a:latin typeface="Arial" panose="020B0604020202020204" pitchFamily="34" charset="0"/>
              <a:cs typeface="Arial" panose="020B0604020202020204" pitchFamily="34" charset="0"/>
            </a:endParaRPr>
          </a:p>
          <a:p>
            <a:pPr>
              <a:lnSpc>
                <a:spcPct val="120000"/>
              </a:lnSpc>
            </a:pPr>
            <a:r>
              <a:rPr lang="es-VE" sz="1200" dirty="0">
                <a:latin typeface="Arial" panose="020B0604020202020204" pitchFamily="34" charset="0"/>
                <a:cs typeface="Arial" panose="020B0604020202020204" pitchFamily="34" charset="0"/>
              </a:rPr>
              <a:t>Pregunta: "¿Algo qué añadir a las descripciones que hemos usado</a:t>
            </a:r>
            <a:r>
              <a:rPr lang="es-VE" sz="1200" dirty="0" smtClean="0">
                <a:latin typeface="Arial" panose="020B0604020202020204" pitchFamily="34" charset="0"/>
                <a:cs typeface="Arial" panose="020B0604020202020204" pitchFamily="34" charset="0"/>
              </a:rPr>
              <a:t>?".</a:t>
            </a:r>
            <a:endParaRPr lang="en-US" sz="1200" dirty="0">
              <a:latin typeface="Arial" panose="020B0604020202020204" pitchFamily="34" charset="0"/>
              <a:cs typeface="Arial" panose="020B0604020202020204" pitchFamily="34" charset="0"/>
            </a:endParaRPr>
          </a:p>
          <a:p>
            <a:pPr>
              <a:lnSpc>
                <a:spcPct val="120000"/>
              </a:lnSpc>
            </a:pPr>
            <a:r>
              <a:rPr lang="es-VE" sz="1200" dirty="0">
                <a:latin typeface="Arial" panose="020B0604020202020204" pitchFamily="34" charset="0"/>
                <a:cs typeface="Arial" panose="020B0604020202020204" pitchFamily="34" charset="0"/>
              </a:rPr>
              <a:t>Invita a los participantes a tomar notas individualmente por 5 minutos</a:t>
            </a:r>
            <a:endParaRPr lang="en-US" sz="1200" dirty="0">
              <a:latin typeface="Arial" panose="020B0604020202020204" pitchFamily="34" charset="0"/>
              <a:cs typeface="Arial" panose="020B0604020202020204" pitchFamily="34" charset="0"/>
            </a:endParaRPr>
          </a:p>
          <a:p>
            <a:pPr>
              <a:lnSpc>
                <a:spcPct val="120000"/>
              </a:lnSpc>
            </a:pPr>
            <a:r>
              <a:rPr lang="es-VE" sz="1200" dirty="0" smtClean="0">
                <a:latin typeface="Arial" panose="020B0604020202020204" pitchFamily="34" charset="0"/>
                <a:cs typeface="Arial" panose="020B0604020202020204" pitchFamily="34" charset="0"/>
              </a:rPr>
              <a:t>Explica </a:t>
            </a:r>
            <a:r>
              <a:rPr lang="es-VE" sz="1200" dirty="0">
                <a:latin typeface="Arial" panose="020B0604020202020204" pitchFamily="34" charset="0"/>
                <a:cs typeface="Arial" panose="020B0604020202020204" pitchFamily="34" charset="0"/>
              </a:rPr>
              <a:t>que los participantes deben asignar a una persona para tomar notas en sus pequeños grupos y recuérdales que usen la plantilla para responder las siguientes preguntas</a:t>
            </a:r>
            <a:r>
              <a:rPr lang="es-VE" sz="1200" dirty="0" smtClean="0">
                <a:latin typeface="Arial" panose="020B0604020202020204" pitchFamily="34" charset="0"/>
                <a:cs typeface="Arial" panose="020B0604020202020204" pitchFamily="34" charset="0"/>
              </a:rPr>
              <a:t>:</a:t>
            </a:r>
          </a:p>
          <a:p>
            <a:pPr>
              <a:lnSpc>
                <a:spcPct val="120000"/>
              </a:lnSpc>
            </a:pPr>
            <a:r>
              <a:rPr lang="es-VE" sz="1200" dirty="0">
                <a:latin typeface="Arial" panose="020B0604020202020204" pitchFamily="34" charset="0"/>
                <a:cs typeface="Arial" panose="020B0604020202020204" pitchFamily="34" charset="0"/>
              </a:rPr>
              <a:t>¿Como vemos la situación actual? ¿Qué nos preocupa? ¿Qué nos da esperanza? ¿Qué limita nuestra habilidad para alcanzar metas</a:t>
            </a:r>
            <a:r>
              <a:rPr lang="es-VE" sz="1200" dirty="0" smtClean="0">
                <a:latin typeface="Arial" panose="020B0604020202020204" pitchFamily="34" charset="0"/>
                <a:cs typeface="Arial" panose="020B0604020202020204" pitchFamily="34" charset="0"/>
              </a:rPr>
              <a:t>?</a:t>
            </a:r>
            <a:endParaRPr lang="en-US" sz="1200" dirty="0">
              <a:latin typeface="Arial" panose="020B0604020202020204" pitchFamily="34" charset="0"/>
              <a:cs typeface="Arial" panose="020B0604020202020204" pitchFamily="34" charset="0"/>
            </a:endParaRPr>
          </a:p>
          <a:p>
            <a:pPr>
              <a:lnSpc>
                <a:spcPct val="120000"/>
              </a:lnSpc>
            </a:pPr>
            <a:r>
              <a:rPr lang="es-VE" sz="1200" dirty="0" smtClean="0"/>
              <a:t>Toma </a:t>
            </a:r>
            <a:r>
              <a:rPr lang="es-VE" sz="1200" dirty="0"/>
              <a:t>nota del tiempo y circula por la habitación para asegurarte de que los participantes estén trabajando y sigan las preguntas guía.</a:t>
            </a:r>
            <a:endParaRPr lang="en-ZA" sz="1200" dirty="0"/>
          </a:p>
        </p:txBody>
      </p:sp>
      <p:sp>
        <p:nvSpPr>
          <p:cNvPr id="9" name="Content Placeholder 2">
            <a:extLst>
              <a:ext uri="{FF2B5EF4-FFF2-40B4-BE49-F238E27FC236}">
                <a16:creationId xmlns:a16="http://schemas.microsoft.com/office/drawing/2014/main" xmlns="" id="{9762E210-FCCD-4CAF-BB16-954932F554D7}"/>
              </a:ext>
            </a:extLst>
          </p:cNvPr>
          <p:cNvSpPr>
            <a:spLocks noGrp="1"/>
          </p:cNvSpPr>
          <p:nvPr>
            <p:ph sz="half" idx="2"/>
          </p:nvPr>
        </p:nvSpPr>
        <p:spPr>
          <a:xfrm>
            <a:off x="669667" y="1292963"/>
            <a:ext cx="5502534" cy="4896699"/>
          </a:xfrm>
          <a:ln>
            <a:solidFill>
              <a:schemeClr val="accent2"/>
            </a:solidFill>
          </a:ln>
        </p:spPr>
        <p:txBody>
          <a:bodyPr>
            <a:noAutofit/>
          </a:bodyPr>
          <a:lstStyle/>
          <a:p>
            <a:pPr fontAlgn="t">
              <a:lnSpc>
                <a:spcPct val="120000"/>
              </a:lnSpc>
            </a:pPr>
            <a:r>
              <a:rPr lang="es-VE" sz="1200" dirty="0">
                <a:latin typeface="Arial" panose="020B0604020202020204" pitchFamily="34" charset="0"/>
                <a:cs typeface="Arial" panose="020B0604020202020204" pitchFamily="34" charset="0"/>
              </a:rPr>
              <a:t>Familiarízate con las descripciones de los distintos círculos y ten a mano la imagen para </a:t>
            </a:r>
            <a:r>
              <a:rPr lang="es-VE" sz="1200" dirty="0" smtClean="0">
                <a:latin typeface="Arial" panose="020B0604020202020204" pitchFamily="34" charset="0"/>
                <a:cs typeface="Arial" panose="020B0604020202020204" pitchFamily="34" charset="0"/>
              </a:rPr>
              <a:t>compartirla.</a:t>
            </a:r>
            <a:endParaRPr lang="en-US" sz="1200" dirty="0" smtClean="0">
              <a:latin typeface="Arial" panose="020B0604020202020204" pitchFamily="34" charset="0"/>
              <a:cs typeface="Arial" panose="020B0604020202020204" pitchFamily="34" charset="0"/>
            </a:endParaRPr>
          </a:p>
          <a:p>
            <a:pPr fontAlgn="t">
              <a:lnSpc>
                <a:spcPct val="120000"/>
              </a:lnSpc>
            </a:pPr>
            <a:r>
              <a:rPr lang="es-VE" sz="1200" dirty="0">
                <a:latin typeface="Arial" panose="020B0604020202020204" pitchFamily="34" charset="0"/>
                <a:cs typeface="Arial" panose="020B0604020202020204" pitchFamily="34" charset="0"/>
              </a:rPr>
              <a:t>Dedica 5 minutos en la plenaria a conversar sobre el circulo concéntrico de </a:t>
            </a:r>
            <a:r>
              <a:rPr lang="es-VE" sz="1200" dirty="0" smtClean="0">
                <a:latin typeface="Arial" panose="020B0604020202020204" pitchFamily="34" charset="0"/>
                <a:cs typeface="Arial" panose="020B0604020202020204" pitchFamily="34" charset="0"/>
              </a:rPr>
              <a:t>forma </a:t>
            </a:r>
            <a:r>
              <a:rPr lang="es-VE" sz="1200" dirty="0">
                <a:latin typeface="Arial" panose="020B0604020202020204" pitchFamily="34" charset="0"/>
                <a:cs typeface="Arial" panose="020B0604020202020204" pitchFamily="34" charset="0"/>
              </a:rPr>
              <a:t>que, cuando los participantes se dividan en grupos pequeños, haya una visión común de los mismos.</a:t>
            </a:r>
            <a:r>
              <a:rPr lang="en-US" sz="1200" dirty="0" smtClean="0">
                <a:latin typeface="Arial" panose="020B0604020202020204" pitchFamily="34" charset="0"/>
                <a:cs typeface="Arial" panose="020B0604020202020204" pitchFamily="34" charset="0"/>
              </a:rPr>
              <a:t> </a:t>
            </a:r>
          </a:p>
          <a:p>
            <a:pPr fontAlgn="t">
              <a:lnSpc>
                <a:spcPct val="120000"/>
              </a:lnSpc>
            </a:pPr>
            <a:r>
              <a:rPr lang="es-VE" sz="1200" dirty="0">
                <a:latin typeface="Arial" panose="020B0604020202020204" pitchFamily="34" charset="0"/>
                <a:cs typeface="Arial" panose="020B0604020202020204" pitchFamily="34" charset="0"/>
              </a:rPr>
              <a:t>Pregunta: "¿Algo qué añadir a las descripciones que hemos usado?".</a:t>
            </a:r>
            <a:endParaRPr lang="en-US" sz="1200" dirty="0" smtClean="0">
              <a:latin typeface="Arial" panose="020B0604020202020204" pitchFamily="34" charset="0"/>
              <a:cs typeface="Arial" panose="020B0604020202020204" pitchFamily="34" charset="0"/>
            </a:endParaRPr>
          </a:p>
          <a:p>
            <a:pPr fontAlgn="t">
              <a:lnSpc>
                <a:spcPct val="120000"/>
              </a:lnSpc>
            </a:pPr>
            <a:r>
              <a:rPr lang="es-VE" sz="1200" dirty="0">
                <a:latin typeface="Arial" panose="020B0604020202020204" pitchFamily="34" charset="0"/>
                <a:cs typeface="Arial" panose="020B0604020202020204" pitchFamily="34" charset="0"/>
              </a:rPr>
              <a:t>Invita a los participantes a tomar notas individualmente por 5 minutos. El moderador técnico puede usar este tiempo para configurar las salas más pequeñas si aún no están </a:t>
            </a:r>
            <a:r>
              <a:rPr lang="es-VE" sz="1200" dirty="0" smtClean="0">
                <a:latin typeface="Arial" panose="020B0604020202020204" pitchFamily="34" charset="0"/>
                <a:cs typeface="Arial" panose="020B0604020202020204" pitchFamily="34" charset="0"/>
              </a:rPr>
              <a:t>listas.</a:t>
            </a:r>
            <a:r>
              <a:rPr lang="en-US" sz="1200" dirty="0" smtClean="0">
                <a:latin typeface="Arial" panose="020B0604020202020204" pitchFamily="34" charset="0"/>
                <a:cs typeface="Arial" panose="020B0604020202020204" pitchFamily="34" charset="0"/>
              </a:rPr>
              <a:t> </a:t>
            </a:r>
            <a:endParaRPr lang="en-US" sz="1200" dirty="0" smtClean="0">
              <a:latin typeface="Arial" panose="020B0604020202020204" pitchFamily="34" charset="0"/>
              <a:cs typeface="Arial" panose="020B0604020202020204" pitchFamily="34" charset="0"/>
            </a:endParaRPr>
          </a:p>
          <a:p>
            <a:pPr fontAlgn="t">
              <a:lnSpc>
                <a:spcPct val="120000"/>
              </a:lnSpc>
            </a:pPr>
            <a:r>
              <a:rPr lang="es-VE" sz="1200" dirty="0">
                <a:latin typeface="Arial" panose="020B0604020202020204" pitchFamily="34" charset="0"/>
                <a:cs typeface="Arial" panose="020B0604020202020204" pitchFamily="34" charset="0"/>
              </a:rPr>
              <a:t>Explica que los participantes tendrán que aceptar una invitación a la sala para grupos </a:t>
            </a:r>
            <a:r>
              <a:rPr lang="es-VE" sz="1200" dirty="0" smtClean="0">
                <a:latin typeface="Arial" panose="020B0604020202020204" pitchFamily="34" charset="0"/>
                <a:cs typeface="Arial" panose="020B0604020202020204" pitchFamily="34" charset="0"/>
              </a:rPr>
              <a:t>pequeños, </a:t>
            </a:r>
            <a:r>
              <a:rPr lang="es-VE" sz="1200" dirty="0" smtClean="0">
                <a:latin typeface="Arial" panose="020B0604020202020204" pitchFamily="34" charset="0"/>
                <a:cs typeface="Arial" panose="020B0604020202020204" pitchFamily="34" charset="0"/>
              </a:rPr>
              <a:t>a</a:t>
            </a:r>
            <a:r>
              <a:rPr lang="es-VE" sz="1200" dirty="0" smtClean="0">
                <a:latin typeface="Arial" panose="020B0604020202020204" pitchFamily="34" charset="0"/>
                <a:cs typeface="Arial" panose="020B0604020202020204" pitchFamily="34" charset="0"/>
              </a:rPr>
              <a:t>signar </a:t>
            </a:r>
            <a:r>
              <a:rPr lang="es-VE" sz="1200" dirty="0">
                <a:latin typeface="Arial" panose="020B0604020202020204" pitchFamily="34" charset="0"/>
                <a:cs typeface="Arial" panose="020B0604020202020204" pitchFamily="34" charset="0"/>
              </a:rPr>
              <a:t>a una persona para tomar notas y otra para llevar el </a:t>
            </a:r>
            <a:r>
              <a:rPr lang="es-VE" sz="1200" dirty="0" smtClean="0">
                <a:latin typeface="Arial" panose="020B0604020202020204" pitchFamily="34" charset="0"/>
                <a:cs typeface="Arial" panose="020B0604020202020204" pitchFamily="34" charset="0"/>
              </a:rPr>
              <a:t>tiempo. Recuérdales </a:t>
            </a:r>
            <a:r>
              <a:rPr lang="es-VE" sz="1200" dirty="0">
                <a:latin typeface="Arial" panose="020B0604020202020204" pitchFamily="34" charset="0"/>
                <a:cs typeface="Arial" panose="020B0604020202020204" pitchFamily="34" charset="0"/>
              </a:rPr>
              <a:t>que usen la plantilla para responder las siguientes preguntas:</a:t>
            </a:r>
            <a:endParaRPr lang="en-US" sz="1200" dirty="0" smtClean="0">
              <a:latin typeface="Arial" panose="020B0604020202020204" pitchFamily="34" charset="0"/>
              <a:cs typeface="Arial" panose="020B0604020202020204" pitchFamily="34" charset="0"/>
            </a:endParaRPr>
          </a:p>
          <a:p>
            <a:pPr fontAlgn="t">
              <a:lnSpc>
                <a:spcPct val="120000"/>
              </a:lnSpc>
            </a:pPr>
            <a:r>
              <a:rPr lang="es-VE" sz="1200" dirty="0">
                <a:latin typeface="Arial" panose="020B0604020202020204" pitchFamily="34" charset="0"/>
                <a:cs typeface="Arial" panose="020B0604020202020204" pitchFamily="34" charset="0"/>
              </a:rPr>
              <a:t>¿Como vemos la situación actual? ¿Qué nos preocupa? ¿Qué nos da esperanza? ¿Qué limita nuestra habilidad para alcanzar metas?</a:t>
            </a:r>
            <a:endParaRPr lang="en-US" sz="1200" dirty="0" smtClean="0">
              <a:latin typeface="Arial" panose="020B0604020202020204" pitchFamily="34" charset="0"/>
              <a:cs typeface="Arial" panose="020B0604020202020204" pitchFamily="34" charset="0"/>
            </a:endParaRPr>
          </a:p>
          <a:p>
            <a:pPr fontAlgn="t">
              <a:lnSpc>
                <a:spcPct val="120000"/>
              </a:lnSpc>
            </a:pPr>
            <a:r>
              <a:rPr lang="es-VE" sz="1200" dirty="0"/>
              <a:t>Cierra las salas más pequeñas y pasa a la plenaria para oír los reportes y la discusión. Pregunta cuáles </a:t>
            </a:r>
            <a:r>
              <a:rPr lang="es-VE" sz="1200" dirty="0" smtClean="0"/>
              <a:t>fueron </a:t>
            </a:r>
            <a:r>
              <a:rPr lang="es-VE" sz="1200" dirty="0"/>
              <a:t>las ideas principales.</a:t>
            </a:r>
            <a:endParaRPr lang="en-ZA" sz="1200" dirty="0"/>
          </a:p>
          <a:p>
            <a:endParaRPr lang="en-ZA" sz="1200" dirty="0"/>
          </a:p>
        </p:txBody>
      </p:sp>
    </p:spTree>
    <p:extLst>
      <p:ext uri="{BB962C8B-B14F-4D97-AF65-F5344CB8AC3E}">
        <p14:creationId xmlns:p14="http://schemas.microsoft.com/office/powerpoint/2010/main" val="266989958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4218409522"/>
              </p:ext>
            </p:extLst>
          </p:nvPr>
        </p:nvGraphicFramePr>
        <p:xfrm>
          <a:off x="0" y="2"/>
          <a:ext cx="12192000" cy="6857998"/>
        </p:xfrm>
        <a:graphic>
          <a:graphicData uri="http://schemas.openxmlformats.org/drawingml/2006/table">
            <a:tbl>
              <a:tblPr firstRow="1" bandRow="1">
                <a:tableStyleId>{5C22544A-7EE6-4342-B048-85BDC9FD1C3A}</a:tableStyleId>
              </a:tblPr>
              <a:tblGrid>
                <a:gridCol w="12192000">
                  <a:extLst>
                    <a:ext uri="{9D8B030D-6E8A-4147-A177-3AD203B41FA5}">
                      <a16:colId xmlns:a16="http://schemas.microsoft.com/office/drawing/2014/main" xmlns="" val="20000"/>
                    </a:ext>
                  </a:extLst>
                </a:gridCol>
              </a:tblGrid>
              <a:tr h="1047315">
                <a:tc>
                  <a:txBody>
                    <a:bodyPr/>
                    <a:lstStyle/>
                    <a:p>
                      <a:pPr algn="ctr">
                        <a:spcAft>
                          <a:spcPts val="0"/>
                        </a:spcAft>
                      </a:pPr>
                      <a:r>
                        <a:rPr lang="es-VE" sz="3000" b="1" kern="1200" dirty="0" smtClean="0">
                          <a:solidFill>
                            <a:schemeClr val="bg1"/>
                          </a:solidFill>
                          <a:latin typeface="Arial" panose="020B0604020202020204" pitchFamily="34" charset="0"/>
                          <a:ea typeface="+mn-ea"/>
                          <a:cs typeface="Arial" panose="020B0604020202020204" pitchFamily="34" charset="0"/>
                        </a:rPr>
                        <a:t>Los principios fundamentales del proceso</a:t>
                      </a:r>
                      <a:br>
                        <a:rPr lang="es-VE" sz="3000" b="1" kern="1200" dirty="0" smtClean="0">
                          <a:solidFill>
                            <a:schemeClr val="bg1"/>
                          </a:solidFill>
                          <a:latin typeface="Arial" panose="020B0604020202020204" pitchFamily="34" charset="0"/>
                          <a:ea typeface="+mn-ea"/>
                          <a:cs typeface="Arial" panose="020B0604020202020204" pitchFamily="34" charset="0"/>
                        </a:rPr>
                      </a:br>
                      <a:r>
                        <a:rPr lang="es-VE" sz="3000" b="1" kern="1200" dirty="0" smtClean="0">
                          <a:solidFill>
                            <a:schemeClr val="bg1"/>
                          </a:solidFill>
                          <a:latin typeface="Arial" panose="020B0604020202020204" pitchFamily="34" charset="0"/>
                          <a:ea typeface="+mn-ea"/>
                          <a:cs typeface="Arial" panose="020B0604020202020204" pitchFamily="34" charset="0"/>
                        </a:rPr>
                        <a:t> de </a:t>
                      </a:r>
                      <a:r>
                        <a:rPr lang="es-VE" sz="3000" b="1" kern="1200" dirty="0" smtClean="0">
                          <a:solidFill>
                            <a:schemeClr val="bg1"/>
                          </a:solidFill>
                          <a:latin typeface="Arial" panose="020B0604020202020204" pitchFamily="34" charset="0"/>
                          <a:ea typeface="+mn-ea"/>
                          <a:cs typeface="Arial" panose="020B0604020202020204" pitchFamily="34" charset="0"/>
                        </a:rPr>
                        <a:t>desarrollo </a:t>
                      </a:r>
                      <a:r>
                        <a:rPr lang="es-VE" sz="3000" b="1" kern="1200" dirty="0" smtClean="0">
                          <a:solidFill>
                            <a:schemeClr val="bg1"/>
                          </a:solidFill>
                          <a:latin typeface="Arial" panose="020B0604020202020204" pitchFamily="34" charset="0"/>
                          <a:ea typeface="+mn-ea"/>
                          <a:cs typeface="Arial" panose="020B0604020202020204" pitchFamily="34" charset="0"/>
                        </a:rPr>
                        <a:t>de </a:t>
                      </a:r>
                      <a:r>
                        <a:rPr lang="es-VE" sz="3000" b="1" kern="1200" dirty="0" smtClean="0">
                          <a:solidFill>
                            <a:schemeClr val="bg1"/>
                          </a:solidFill>
                          <a:latin typeface="Arial" panose="020B0604020202020204" pitchFamily="34" charset="0"/>
                          <a:ea typeface="+mn-ea"/>
                          <a:cs typeface="Arial" panose="020B0604020202020204" pitchFamily="34" charset="0"/>
                        </a:rPr>
                        <a:t>la</a:t>
                      </a:r>
                      <a:r>
                        <a:rPr lang="es-VE" sz="3000" b="1" kern="1200" baseline="0" dirty="0" smtClean="0">
                          <a:solidFill>
                            <a:schemeClr val="bg1"/>
                          </a:solidFill>
                          <a:latin typeface="Arial" panose="020B0604020202020204" pitchFamily="34" charset="0"/>
                          <a:ea typeface="+mn-ea"/>
                          <a:cs typeface="Arial" panose="020B0604020202020204" pitchFamily="34" charset="0"/>
                        </a:rPr>
                        <a:t> </a:t>
                      </a:r>
                      <a:r>
                        <a:rPr lang="es-VE" sz="3000" b="1" kern="1200" dirty="0" smtClean="0">
                          <a:solidFill>
                            <a:schemeClr val="bg1"/>
                          </a:solidFill>
                          <a:latin typeface="Arial" panose="020B0604020202020204" pitchFamily="34" charset="0"/>
                          <a:ea typeface="+mn-ea"/>
                          <a:cs typeface="Arial" panose="020B0604020202020204" pitchFamily="34" charset="0"/>
                        </a:rPr>
                        <a:t>estrategia</a:t>
                      </a:r>
                      <a:endParaRPr lang="en-US" sz="3000" b="1" kern="1200" dirty="0">
                        <a:solidFill>
                          <a:schemeClr val="bg1"/>
                        </a:solidFill>
                        <a:latin typeface="Arial" panose="020B0604020202020204" pitchFamily="34" charset="0"/>
                        <a:ea typeface="+mn-ea"/>
                        <a:cs typeface="Arial" panose="020B0604020202020204" pitchFamily="34" charset="0"/>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2"/>
                    </a:solidFill>
                  </a:tcPr>
                </a:tc>
                <a:extLst>
                  <a:ext uri="{0D108BD9-81ED-4DB2-BD59-A6C34878D82A}">
                    <a16:rowId xmlns:a16="http://schemas.microsoft.com/office/drawing/2014/main" xmlns="" val="10001"/>
                  </a:ext>
                </a:extLst>
              </a:tr>
              <a:tr h="5810683">
                <a:tc>
                  <a:txBody>
                    <a:bodyPr/>
                    <a:lstStyle/>
                    <a:p>
                      <a:pPr algn="just">
                        <a:lnSpc>
                          <a:spcPct val="107000"/>
                        </a:lnSpc>
                        <a:spcAft>
                          <a:spcPts val="800"/>
                        </a:spcAft>
                      </a:pPr>
                      <a:r>
                        <a:rPr lang="es-VE" sz="2300" dirty="0" smtClean="0">
                          <a:latin typeface="Arial" panose="020B0604020202020204" pitchFamily="34" charset="0"/>
                          <a:ea typeface="Calibri" panose="020F0502020204030204" pitchFamily="34" charset="0"/>
                          <a:cs typeface="Times New Roman" panose="02020603050405020304" pitchFamily="18" charset="0"/>
                        </a:rPr>
                        <a:t>Nuestro compromiso es asegurar que la estrategia produzca intervenciones y respuestas útiles para los que hoy han sido dejados </a:t>
                      </a:r>
                      <a:r>
                        <a:rPr lang="es-VE" sz="2300" dirty="0" smtClean="0">
                          <a:latin typeface="Arial" panose="020B0604020202020204" pitchFamily="34" charset="0"/>
                          <a:ea typeface="Calibri" panose="020F0502020204030204" pitchFamily="34" charset="0"/>
                          <a:cs typeface="Times New Roman" panose="02020603050405020304" pitchFamily="18" charset="0"/>
                        </a:rPr>
                        <a:t>atrás.</a:t>
                      </a:r>
                      <a:endParaRPr lang="en-ZA" sz="2300" dirty="0" smtClean="0">
                        <a:latin typeface="Arial" panose="020B0604020202020204" pitchFamily="34" charset="0"/>
                        <a:ea typeface="Calibri" panose="020F0502020204030204" pitchFamily="34" charset="0"/>
                        <a:cs typeface="Times New Roman" panose="02020603050405020304" pitchFamily="18" charset="0"/>
                      </a:endParaRPr>
                    </a:p>
                    <a:p>
                      <a:pPr algn="just">
                        <a:lnSpc>
                          <a:spcPct val="107000"/>
                        </a:lnSpc>
                        <a:spcAft>
                          <a:spcPts val="800"/>
                        </a:spcAft>
                      </a:pPr>
                      <a:endParaRPr lang="en-ZA" sz="2300" dirty="0">
                        <a:latin typeface="Arial" panose="020B0604020202020204" pitchFamily="34" charset="0"/>
                        <a:ea typeface="Calibri" panose="020F0502020204030204" pitchFamily="34" charset="0"/>
                        <a:cs typeface="Times New Roman" panose="02020603050405020304" pitchFamily="18" charset="0"/>
                      </a:endParaRPr>
                    </a:p>
                    <a:p>
                      <a:pPr algn="just">
                        <a:lnSpc>
                          <a:spcPct val="107000"/>
                        </a:lnSpc>
                        <a:spcAft>
                          <a:spcPts val="800"/>
                        </a:spcAft>
                      </a:pPr>
                      <a:endParaRPr lang="en-ZA" sz="2300" dirty="0">
                        <a:latin typeface="Arial" panose="020B0604020202020204" pitchFamily="34" charset="0"/>
                        <a:ea typeface="Calibri" panose="020F0502020204030204" pitchFamily="34" charset="0"/>
                        <a:cs typeface="Times New Roman" panose="02020603050405020304" pitchFamily="18" charset="0"/>
                      </a:endParaRPr>
                    </a:p>
                    <a:p>
                      <a:pPr algn="just">
                        <a:lnSpc>
                          <a:spcPct val="107000"/>
                        </a:lnSpc>
                        <a:spcAft>
                          <a:spcPts val="800"/>
                        </a:spcAft>
                      </a:pPr>
                      <a:endParaRPr lang="en-ZA" sz="2300" dirty="0">
                        <a:latin typeface="Arial" panose="020B0604020202020204" pitchFamily="34" charset="0"/>
                        <a:ea typeface="Calibri" panose="020F0502020204030204" pitchFamily="34" charset="0"/>
                        <a:cs typeface="Times New Roman" panose="02020603050405020304" pitchFamily="18" charset="0"/>
                      </a:endParaRPr>
                    </a:p>
                    <a:p>
                      <a:pPr algn="just">
                        <a:lnSpc>
                          <a:spcPct val="107000"/>
                        </a:lnSpc>
                        <a:spcAft>
                          <a:spcPts val="800"/>
                        </a:spcAft>
                      </a:pPr>
                      <a:r>
                        <a:rPr lang="es-VE" sz="2300" dirty="0" smtClean="0">
                          <a:latin typeface="Arial" panose="020B0604020202020204" pitchFamily="34" charset="0"/>
                          <a:ea typeface="Calibri" panose="020F0502020204030204" pitchFamily="34" charset="0"/>
                          <a:cs typeface="Times New Roman" panose="02020603050405020304" pitchFamily="18" charset="0"/>
                        </a:rPr>
                        <a:t>Por esa razón,</a:t>
                      </a:r>
                    </a:p>
                    <a:p>
                      <a:pPr algn="just">
                        <a:lnSpc>
                          <a:spcPct val="107000"/>
                        </a:lnSpc>
                        <a:spcAft>
                          <a:spcPts val="800"/>
                        </a:spcAft>
                      </a:pPr>
                      <a:r>
                        <a:rPr lang="es-VE" sz="2300" dirty="0" smtClean="0">
                          <a:latin typeface="Arial" panose="020B0604020202020204" pitchFamily="34" charset="0"/>
                          <a:ea typeface="Calibri" panose="020F0502020204030204" pitchFamily="34" charset="0"/>
                          <a:cs typeface="Times New Roman" panose="02020603050405020304" pitchFamily="18" charset="0"/>
                        </a:rPr>
                        <a:t>el </a:t>
                      </a:r>
                      <a:r>
                        <a:rPr lang="es-VE" sz="2300" dirty="0" smtClean="0">
                          <a:latin typeface="Arial" panose="020B0604020202020204" pitchFamily="34" charset="0"/>
                          <a:ea typeface="Calibri" panose="020F0502020204030204" pitchFamily="34" charset="0"/>
                          <a:cs typeface="Times New Roman" panose="02020603050405020304" pitchFamily="18" charset="0"/>
                        </a:rPr>
                        <a:t>proceso debe </a:t>
                      </a:r>
                      <a:r>
                        <a:rPr lang="es-VE" sz="2300" dirty="0" smtClean="0">
                          <a:latin typeface="Arial" panose="020B0604020202020204" pitchFamily="34" charset="0"/>
                          <a:ea typeface="Calibri" panose="020F0502020204030204" pitchFamily="34" charset="0"/>
                          <a:cs typeface="Times New Roman" panose="02020603050405020304" pitchFamily="18" charset="0"/>
                        </a:rPr>
                        <a:t>ser</a:t>
                      </a:r>
                      <a:r>
                        <a:rPr lang="en-ZA" sz="2300" dirty="0" smtClean="0">
                          <a:latin typeface="Arial" panose="020B0604020202020204" pitchFamily="34" charset="0"/>
                          <a:ea typeface="Calibri" panose="020F0502020204030204" pitchFamily="34" charset="0"/>
                          <a:cs typeface="Times New Roman" panose="02020603050405020304" pitchFamily="18" charset="0"/>
                        </a:rPr>
                        <a:t>:</a:t>
                      </a:r>
                      <a:endParaRPr lang="en-ZA" sz="2300" dirty="0">
                        <a:latin typeface="Arial" panose="020B0604020202020204" pitchFamily="34" charset="0"/>
                        <a:ea typeface="Calibri" panose="020F0502020204030204" pitchFamily="34" charset="0"/>
                        <a:cs typeface="Times New Roman" panose="02020603050405020304" pitchFamily="18" charset="0"/>
                      </a:endParaRPr>
                    </a:p>
                    <a:p>
                      <a:pPr algn="just">
                        <a:lnSpc>
                          <a:spcPct val="107000"/>
                        </a:lnSpc>
                        <a:spcAft>
                          <a:spcPts val="800"/>
                        </a:spcAft>
                      </a:pPr>
                      <a:endParaRPr lang="en-ZA" sz="2300" dirty="0">
                        <a:latin typeface="Arial" panose="020B0604020202020204" pitchFamily="34" charset="0"/>
                        <a:ea typeface="Calibri" panose="020F0502020204030204" pitchFamily="34" charset="0"/>
                        <a:cs typeface="Times New Roman" panose="02020603050405020304" pitchFamily="18" charset="0"/>
                      </a:endParaRPr>
                    </a:p>
                    <a:p>
                      <a:pPr algn="just">
                        <a:lnSpc>
                          <a:spcPct val="107000"/>
                        </a:lnSpc>
                        <a:spcAft>
                          <a:spcPts val="800"/>
                        </a:spcAft>
                      </a:pPr>
                      <a:endParaRPr lang="en-ZA" sz="2300" dirty="0">
                        <a:latin typeface="Arial" panose="020B0604020202020204" pitchFamily="34" charset="0"/>
                        <a:ea typeface="Calibri" panose="020F0502020204030204" pitchFamily="34" charset="0"/>
                        <a:cs typeface="Times New Roman" panose="02020603050405020304" pitchFamily="18" charset="0"/>
                      </a:endParaRPr>
                    </a:p>
                    <a:p>
                      <a:pPr algn="just">
                        <a:lnSpc>
                          <a:spcPct val="107000"/>
                        </a:lnSpc>
                        <a:spcAft>
                          <a:spcPts val="800"/>
                        </a:spcAft>
                      </a:pPr>
                      <a:endParaRPr lang="en-ZA" sz="2300" dirty="0">
                        <a:latin typeface="Arial" panose="020B0604020202020204" pitchFamily="34" charset="0"/>
                        <a:ea typeface="Calibri" panose="020F0502020204030204" pitchFamily="34" charset="0"/>
                        <a:cs typeface="Times New Roman" panose="02020603050405020304" pitchFamily="18" charset="0"/>
                      </a:endParaRPr>
                    </a:p>
                    <a:p>
                      <a:pPr algn="just">
                        <a:lnSpc>
                          <a:spcPct val="107000"/>
                        </a:lnSpc>
                        <a:spcAft>
                          <a:spcPts val="800"/>
                        </a:spcAft>
                      </a:pPr>
                      <a:endParaRPr lang="en-ZA" sz="2300" dirty="0">
                        <a:latin typeface="Arial" panose="020B0604020202020204" pitchFamily="34" charset="0"/>
                        <a:ea typeface="Calibri" panose="020F0502020204030204" pitchFamily="34" charset="0"/>
                        <a:cs typeface="Times New Roman" panose="02020603050405020304" pitchFamily="18" charset="0"/>
                      </a:endParaRPr>
                    </a:p>
                    <a:p>
                      <a:pPr algn="just">
                        <a:lnSpc>
                          <a:spcPct val="107000"/>
                        </a:lnSpc>
                        <a:spcAft>
                          <a:spcPts val="800"/>
                        </a:spcAft>
                      </a:pPr>
                      <a:endParaRPr lang="en-ZA" sz="2300" dirty="0">
                        <a:latin typeface="Arial" panose="020B0604020202020204" pitchFamily="34" charset="0"/>
                        <a:ea typeface="Calibri" panose="020F0502020204030204" pitchFamily="34" charset="0"/>
                        <a:cs typeface="Times New Roman" panose="02020603050405020304" pitchFamily="18" charset="0"/>
                      </a:endParaRPr>
                    </a:p>
                  </a:txBody>
                  <a:tcPr anchor="ctr">
                    <a:lnT w="12700" cmpd="sng">
                      <a:noFill/>
                    </a:lnT>
                    <a:solidFill>
                      <a:schemeClr val="bg1"/>
                    </a:solidFill>
                  </a:tcPr>
                </a:tc>
                <a:extLst>
                  <a:ext uri="{0D108BD9-81ED-4DB2-BD59-A6C34878D82A}">
                    <a16:rowId xmlns:a16="http://schemas.microsoft.com/office/drawing/2014/main" xmlns="" val="10002"/>
                  </a:ext>
                </a:extLst>
              </a:tr>
            </a:tbl>
          </a:graphicData>
        </a:graphic>
      </p:graphicFrame>
      <p:sp>
        <p:nvSpPr>
          <p:cNvPr id="5" name="Rectangle 4">
            <a:extLst>
              <a:ext uri="{FF2B5EF4-FFF2-40B4-BE49-F238E27FC236}">
                <a16:creationId xmlns:a16="http://schemas.microsoft.com/office/drawing/2014/main" xmlns="" id="{271614D4-F1EF-4122-86B8-A1FAB095E5AF}"/>
              </a:ext>
            </a:extLst>
          </p:cNvPr>
          <p:cNvSpPr/>
          <p:nvPr/>
        </p:nvSpPr>
        <p:spPr>
          <a:xfrm>
            <a:off x="3048000" y="2357695"/>
            <a:ext cx="8353063" cy="1200329"/>
          </a:xfrm>
          <a:prstGeom prst="rect">
            <a:avLst/>
          </a:prstGeom>
          <a:solidFill>
            <a:schemeClr val="accent4"/>
          </a:solidFill>
          <a:ln w="28575">
            <a:solidFill>
              <a:srgbClr val="2CAEE6"/>
            </a:solidFill>
          </a:ln>
        </p:spPr>
        <p:txBody>
          <a:bodyPr wrap="square" anchor="ctr">
            <a:spAutoFit/>
          </a:bodyPr>
          <a:lstStyle/>
          <a:p>
            <a:endParaRPr lang="en-US" dirty="0">
              <a:solidFill>
                <a:schemeClr val="bg1"/>
              </a:solidFill>
              <a:latin typeface="Arial" panose="020B0604020202020204" pitchFamily="34" charset="0"/>
              <a:cs typeface="Arial" panose="020B0604020202020204" pitchFamily="34" charset="0"/>
            </a:endParaRPr>
          </a:p>
          <a:p>
            <a:r>
              <a:rPr lang="es-VE" dirty="0">
                <a:solidFill>
                  <a:schemeClr val="bg1"/>
                </a:solidFill>
                <a:latin typeface="Arial" panose="020B0604020202020204" pitchFamily="34" charset="0"/>
                <a:cs typeface="Arial" panose="020B0604020202020204" pitchFamily="34" charset="0"/>
              </a:rPr>
              <a:t>Inclusivo, participativo, interactivo, multisectorial y a varios niveles - para inspirar a todos a contribuir, en particular a aquellos cuyas voces son ignoradas con frecuencia debido al </a:t>
            </a:r>
            <a:r>
              <a:rPr lang="es-VE" dirty="0" smtClean="0">
                <a:solidFill>
                  <a:schemeClr val="bg1"/>
                </a:solidFill>
                <a:latin typeface="Arial" panose="020B0604020202020204" pitchFamily="34" charset="0"/>
                <a:cs typeface="Arial" panose="020B0604020202020204" pitchFamily="34" charset="0"/>
              </a:rPr>
              <a:t>estigma, </a:t>
            </a:r>
            <a:r>
              <a:rPr lang="es-VE" dirty="0">
                <a:solidFill>
                  <a:schemeClr val="bg1"/>
                </a:solidFill>
                <a:latin typeface="Arial" panose="020B0604020202020204" pitchFamily="34" charset="0"/>
                <a:cs typeface="Arial" panose="020B0604020202020204" pitchFamily="34" charset="0"/>
              </a:rPr>
              <a:t>la marginación y la </a:t>
            </a:r>
            <a:r>
              <a:rPr lang="es-VE" dirty="0" smtClean="0">
                <a:solidFill>
                  <a:schemeClr val="bg1"/>
                </a:solidFill>
                <a:latin typeface="Arial" panose="020B0604020202020204" pitchFamily="34" charset="0"/>
                <a:cs typeface="Arial" panose="020B0604020202020204" pitchFamily="34" charset="0"/>
              </a:rPr>
              <a:t>exclusión.</a:t>
            </a:r>
            <a:endParaRPr lang="en-US" dirty="0">
              <a:solidFill>
                <a:schemeClr val="bg1"/>
              </a:solidFill>
              <a:latin typeface="Arial" panose="020B0604020202020204" pitchFamily="34" charset="0"/>
              <a:cs typeface="Arial" panose="020B0604020202020204" pitchFamily="34" charset="0"/>
            </a:endParaRPr>
          </a:p>
        </p:txBody>
      </p:sp>
      <p:sp>
        <p:nvSpPr>
          <p:cNvPr id="6" name="Rectangle 5">
            <a:extLst>
              <a:ext uri="{FF2B5EF4-FFF2-40B4-BE49-F238E27FC236}">
                <a16:creationId xmlns:a16="http://schemas.microsoft.com/office/drawing/2014/main" xmlns="" id="{30EA6FE3-9320-469D-B8F9-681FE984704F}"/>
              </a:ext>
            </a:extLst>
          </p:cNvPr>
          <p:cNvSpPr/>
          <p:nvPr/>
        </p:nvSpPr>
        <p:spPr>
          <a:xfrm>
            <a:off x="3047999" y="3768863"/>
            <a:ext cx="8353063" cy="1200329"/>
          </a:xfrm>
          <a:prstGeom prst="rect">
            <a:avLst/>
          </a:prstGeom>
          <a:solidFill>
            <a:schemeClr val="accent4"/>
          </a:solidFill>
          <a:ln w="28575">
            <a:noFill/>
          </a:ln>
        </p:spPr>
        <p:txBody>
          <a:bodyPr wrap="square">
            <a:spAutoFit/>
          </a:bodyPr>
          <a:lstStyle/>
          <a:p>
            <a:endParaRPr lang="en-US" dirty="0">
              <a:solidFill>
                <a:schemeClr val="bg1"/>
              </a:solidFill>
              <a:latin typeface="Arial" panose="020B0604020202020204" pitchFamily="34" charset="0"/>
              <a:cs typeface="Arial" panose="020B0604020202020204" pitchFamily="34" charset="0"/>
            </a:endParaRPr>
          </a:p>
          <a:p>
            <a:r>
              <a:rPr lang="es-VE" dirty="0" smtClean="0">
                <a:solidFill>
                  <a:schemeClr val="bg1"/>
                </a:solidFill>
                <a:latin typeface="Arial" panose="020B0604020202020204" pitchFamily="34" charset="0"/>
                <a:cs typeface="Arial" panose="020B0604020202020204" pitchFamily="34" charset="0"/>
              </a:rPr>
              <a:t>Introspectivo </a:t>
            </a:r>
            <a:r>
              <a:rPr lang="es-VE" dirty="0">
                <a:solidFill>
                  <a:schemeClr val="bg1"/>
                </a:solidFill>
                <a:latin typeface="Arial" panose="020B0604020202020204" pitchFamily="34" charset="0"/>
                <a:cs typeface="Arial" panose="020B0604020202020204" pitchFamily="34" charset="0"/>
              </a:rPr>
              <a:t>y </a:t>
            </a:r>
            <a:r>
              <a:rPr lang="es-VE" dirty="0" smtClean="0">
                <a:solidFill>
                  <a:schemeClr val="bg1"/>
                </a:solidFill>
                <a:latin typeface="Arial" panose="020B0604020202020204" pitchFamily="34" charset="0"/>
                <a:cs typeface="Arial" panose="020B0604020202020204" pitchFamily="34" charset="0"/>
              </a:rPr>
              <a:t>analítico </a:t>
            </a:r>
            <a:r>
              <a:rPr lang="es-VE" dirty="0">
                <a:solidFill>
                  <a:schemeClr val="bg1"/>
                </a:solidFill>
                <a:latin typeface="Arial" panose="020B0604020202020204" pitchFamily="34" charset="0"/>
                <a:cs typeface="Arial" panose="020B0604020202020204" pitchFamily="34" charset="0"/>
              </a:rPr>
              <a:t>sobre los logros, desafíos y fallos de la respuesta al </a:t>
            </a:r>
            <a:r>
              <a:rPr lang="es-VE" dirty="0" smtClean="0">
                <a:solidFill>
                  <a:schemeClr val="bg1"/>
                </a:solidFill>
                <a:latin typeface="Arial" panose="020B0604020202020204" pitchFamily="34" charset="0"/>
                <a:cs typeface="Arial" panose="020B0604020202020204" pitchFamily="34" charset="0"/>
              </a:rPr>
              <a:t>SIDA</a:t>
            </a:r>
            <a:r>
              <a:rPr lang="es-VE" dirty="0" smtClean="0">
                <a:solidFill>
                  <a:schemeClr val="bg1"/>
                </a:solidFill>
                <a:latin typeface="Arial" panose="020B0604020202020204" pitchFamily="34" charset="0"/>
                <a:cs typeface="Arial" panose="020B0604020202020204" pitchFamily="34" charset="0"/>
              </a:rPr>
              <a:t>. </a:t>
            </a:r>
            <a:r>
              <a:rPr lang="es-VE" dirty="0">
                <a:solidFill>
                  <a:schemeClr val="bg1"/>
                </a:solidFill>
                <a:latin typeface="Arial" panose="020B0604020202020204" pitchFamily="34" charset="0"/>
                <a:cs typeface="Arial" panose="020B0604020202020204" pitchFamily="34" charset="0"/>
              </a:rPr>
              <a:t>Debe ser un </a:t>
            </a:r>
            <a:r>
              <a:rPr lang="es-VE" dirty="0" smtClean="0">
                <a:solidFill>
                  <a:schemeClr val="bg1"/>
                </a:solidFill>
                <a:latin typeface="Arial" panose="020B0604020202020204" pitchFamily="34" charset="0"/>
                <a:cs typeface="Arial" panose="020B0604020202020204" pitchFamily="34" charset="0"/>
              </a:rPr>
              <a:t>reflejo </a:t>
            </a:r>
            <a:r>
              <a:rPr lang="es-VE" dirty="0" smtClean="0">
                <a:solidFill>
                  <a:schemeClr val="bg1"/>
                </a:solidFill>
                <a:latin typeface="Arial" panose="020B0604020202020204" pitchFamily="34" charset="0"/>
                <a:cs typeface="Arial" panose="020B0604020202020204" pitchFamily="34" charset="0"/>
              </a:rPr>
              <a:t>de la </a:t>
            </a:r>
            <a:r>
              <a:rPr lang="es-VE" dirty="0">
                <a:solidFill>
                  <a:schemeClr val="bg1"/>
                </a:solidFill>
                <a:latin typeface="Arial" panose="020B0604020202020204" pitchFamily="34" charset="0"/>
                <a:cs typeface="Arial" panose="020B0604020202020204" pitchFamily="34" charset="0"/>
              </a:rPr>
              <a:t>salud mundial, </a:t>
            </a:r>
            <a:r>
              <a:rPr lang="es-VE" dirty="0" smtClean="0">
                <a:solidFill>
                  <a:schemeClr val="bg1"/>
                </a:solidFill>
                <a:latin typeface="Arial" panose="020B0604020202020204" pitchFamily="34" charset="0"/>
                <a:cs typeface="Arial" panose="020B0604020202020204" pitchFamily="34" charset="0"/>
              </a:rPr>
              <a:t>de los </a:t>
            </a:r>
            <a:r>
              <a:rPr lang="es-VE" dirty="0">
                <a:solidFill>
                  <a:schemeClr val="bg1"/>
                </a:solidFill>
                <a:latin typeface="Arial" panose="020B0604020202020204" pitchFamily="34" charset="0"/>
                <a:cs typeface="Arial" panose="020B0604020202020204" pitchFamily="34" charset="0"/>
              </a:rPr>
              <a:t>derechos humanos y </a:t>
            </a:r>
            <a:r>
              <a:rPr lang="es-VE" dirty="0" smtClean="0">
                <a:solidFill>
                  <a:schemeClr val="bg1"/>
                </a:solidFill>
                <a:latin typeface="Arial" panose="020B0604020202020204" pitchFamily="34" charset="0"/>
                <a:cs typeface="Arial" panose="020B0604020202020204" pitchFamily="34" charset="0"/>
              </a:rPr>
              <a:t>del desarrollo </a:t>
            </a:r>
            <a:r>
              <a:rPr lang="es-VE" dirty="0">
                <a:solidFill>
                  <a:schemeClr val="bg1"/>
                </a:solidFill>
                <a:latin typeface="Arial" panose="020B0604020202020204" pitchFamily="34" charset="0"/>
                <a:cs typeface="Arial" panose="020B0604020202020204" pitchFamily="34" charset="0"/>
              </a:rPr>
              <a:t>más allá del </a:t>
            </a:r>
            <a:r>
              <a:rPr lang="es-VE" dirty="0" smtClean="0">
                <a:solidFill>
                  <a:schemeClr val="bg1"/>
                </a:solidFill>
                <a:latin typeface="Arial" panose="020B0604020202020204" pitchFamily="34" charset="0"/>
                <a:cs typeface="Arial" panose="020B0604020202020204" pitchFamily="34" charset="0"/>
              </a:rPr>
              <a:t>VIH.</a:t>
            </a:r>
            <a:endParaRPr lang="en-US" dirty="0">
              <a:solidFill>
                <a:schemeClr val="bg1"/>
              </a:solidFill>
              <a:latin typeface="Arial" panose="020B0604020202020204" pitchFamily="34" charset="0"/>
              <a:cs typeface="Arial" panose="020B0604020202020204" pitchFamily="34" charset="0"/>
            </a:endParaRPr>
          </a:p>
        </p:txBody>
      </p:sp>
      <p:sp>
        <p:nvSpPr>
          <p:cNvPr id="7" name="Rectangle 6">
            <a:extLst>
              <a:ext uri="{FF2B5EF4-FFF2-40B4-BE49-F238E27FC236}">
                <a16:creationId xmlns:a16="http://schemas.microsoft.com/office/drawing/2014/main" xmlns="" id="{E96A43CF-2764-43C6-A68F-A74DB0349ADB}"/>
              </a:ext>
            </a:extLst>
          </p:cNvPr>
          <p:cNvSpPr/>
          <p:nvPr/>
        </p:nvSpPr>
        <p:spPr>
          <a:xfrm>
            <a:off x="3047999" y="5318530"/>
            <a:ext cx="8353063" cy="1200329"/>
          </a:xfrm>
          <a:prstGeom prst="rect">
            <a:avLst/>
          </a:prstGeom>
          <a:solidFill>
            <a:schemeClr val="accent4"/>
          </a:solidFill>
          <a:ln w="28575">
            <a:noFill/>
          </a:ln>
        </p:spPr>
        <p:txBody>
          <a:bodyPr wrap="square">
            <a:spAutoFit/>
          </a:bodyPr>
          <a:lstStyle/>
          <a:p>
            <a:endParaRPr lang="en-US" dirty="0">
              <a:solidFill>
                <a:schemeClr val="bg1"/>
              </a:solidFill>
              <a:latin typeface="Arial" panose="020B0604020202020204" pitchFamily="34" charset="0"/>
              <a:cs typeface="Arial" panose="020B0604020202020204" pitchFamily="34" charset="0"/>
            </a:endParaRPr>
          </a:p>
          <a:p>
            <a:r>
              <a:rPr lang="es-VE" dirty="0" smtClean="0">
                <a:solidFill>
                  <a:schemeClr val="bg1"/>
                </a:solidFill>
                <a:latin typeface="Arial" panose="020B0604020202020204" pitchFamily="34" charset="0"/>
                <a:cs typeface="Arial" panose="020B0604020202020204" pitchFamily="34" charset="0"/>
              </a:rPr>
              <a:t>Innovador </a:t>
            </a:r>
            <a:r>
              <a:rPr lang="es-VE" dirty="0">
                <a:solidFill>
                  <a:schemeClr val="bg1"/>
                </a:solidFill>
                <a:latin typeface="Arial" panose="020B0604020202020204" pitchFamily="34" charset="0"/>
                <a:cs typeface="Arial" panose="020B0604020202020204" pitchFamily="34" charset="0"/>
              </a:rPr>
              <a:t>a la hora de explorar alianzas y </a:t>
            </a:r>
            <a:r>
              <a:rPr lang="es-VE" dirty="0" smtClean="0">
                <a:solidFill>
                  <a:schemeClr val="bg1"/>
                </a:solidFill>
                <a:latin typeface="Arial" panose="020B0604020202020204" pitchFamily="34" charset="0"/>
                <a:cs typeface="Arial" panose="020B0604020202020204" pitchFamily="34" charset="0"/>
              </a:rPr>
              <a:t>sinergias </a:t>
            </a:r>
            <a:r>
              <a:rPr lang="es-VE" dirty="0">
                <a:solidFill>
                  <a:schemeClr val="bg1"/>
                </a:solidFill>
                <a:latin typeface="Arial" panose="020B0604020202020204" pitchFamily="34" charset="0"/>
                <a:cs typeface="Arial" panose="020B0604020202020204" pitchFamily="34" charset="0"/>
              </a:rPr>
              <a:t>con otras respuestas de salud y desarrollo, pero al mismo tiempo, </a:t>
            </a:r>
            <a:r>
              <a:rPr lang="es-VE" dirty="0" smtClean="0">
                <a:solidFill>
                  <a:schemeClr val="bg1"/>
                </a:solidFill>
                <a:latin typeface="Arial" panose="020B0604020202020204" pitchFamily="34" charset="0"/>
                <a:cs typeface="Arial" panose="020B0604020202020204" pitchFamily="34" charset="0"/>
              </a:rPr>
              <a:t>centrado </a:t>
            </a:r>
            <a:r>
              <a:rPr lang="es-VE" dirty="0">
                <a:solidFill>
                  <a:schemeClr val="bg1"/>
                </a:solidFill>
                <a:latin typeface="Arial" panose="020B0604020202020204" pitchFamily="34" charset="0"/>
                <a:cs typeface="Arial" panose="020B0604020202020204" pitchFamily="34" charset="0"/>
              </a:rPr>
              <a:t>en el objetivo de acabar con el </a:t>
            </a:r>
            <a:r>
              <a:rPr lang="es-VE" dirty="0" smtClean="0">
                <a:solidFill>
                  <a:schemeClr val="bg1"/>
                </a:solidFill>
                <a:latin typeface="Arial" panose="020B0604020202020204" pitchFamily="34" charset="0"/>
                <a:cs typeface="Arial" panose="020B0604020202020204" pitchFamily="34" charset="0"/>
              </a:rPr>
              <a:t>SIDA </a:t>
            </a:r>
            <a:r>
              <a:rPr lang="es-VE" dirty="0" smtClean="0">
                <a:solidFill>
                  <a:schemeClr val="bg1"/>
                </a:solidFill>
                <a:latin typeface="Arial" panose="020B0604020202020204" pitchFamily="34" charset="0"/>
                <a:cs typeface="Arial" panose="020B0604020202020204" pitchFamily="34" charset="0"/>
              </a:rPr>
              <a:t>para </a:t>
            </a:r>
            <a:r>
              <a:rPr lang="es-VE" dirty="0">
                <a:solidFill>
                  <a:schemeClr val="bg1"/>
                </a:solidFill>
                <a:latin typeface="Arial" panose="020B0604020202020204" pitchFamily="34" charset="0"/>
                <a:cs typeface="Arial" panose="020B0604020202020204" pitchFamily="34" charset="0"/>
              </a:rPr>
              <a:t>2030 a pesar de contextos </a:t>
            </a:r>
            <a:r>
              <a:rPr lang="es-VE" dirty="0" smtClean="0">
                <a:solidFill>
                  <a:schemeClr val="bg1"/>
                </a:solidFill>
                <a:latin typeface="Arial" panose="020B0604020202020204" pitchFamily="34" charset="0"/>
                <a:cs typeface="Arial" panose="020B0604020202020204" pitchFamily="34" charset="0"/>
              </a:rPr>
              <a:t>desafiantes.</a:t>
            </a:r>
            <a:endParaRPr lang="en-US" dirty="0">
              <a:solidFill>
                <a:schemeClr val="bg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55379846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3371904879"/>
              </p:ext>
            </p:extLst>
          </p:nvPr>
        </p:nvGraphicFramePr>
        <p:xfrm>
          <a:off x="0" y="0"/>
          <a:ext cx="12192000" cy="6858001"/>
        </p:xfrm>
        <a:graphic>
          <a:graphicData uri="http://schemas.openxmlformats.org/drawingml/2006/table">
            <a:tbl>
              <a:tblPr firstRow="1" bandRow="1">
                <a:tableStyleId>{5C22544A-7EE6-4342-B048-85BDC9FD1C3A}</a:tableStyleId>
              </a:tblPr>
              <a:tblGrid>
                <a:gridCol w="2169763">
                  <a:extLst>
                    <a:ext uri="{9D8B030D-6E8A-4147-A177-3AD203B41FA5}">
                      <a16:colId xmlns:a16="http://schemas.microsoft.com/office/drawing/2014/main" xmlns="" val="20000"/>
                    </a:ext>
                  </a:extLst>
                </a:gridCol>
                <a:gridCol w="4633993">
                  <a:extLst>
                    <a:ext uri="{9D8B030D-6E8A-4147-A177-3AD203B41FA5}">
                      <a16:colId xmlns:a16="http://schemas.microsoft.com/office/drawing/2014/main" xmlns="" val="20001"/>
                    </a:ext>
                  </a:extLst>
                </a:gridCol>
                <a:gridCol w="2340244">
                  <a:extLst>
                    <a:ext uri="{9D8B030D-6E8A-4147-A177-3AD203B41FA5}">
                      <a16:colId xmlns:a16="http://schemas.microsoft.com/office/drawing/2014/main" xmlns="" val="20003"/>
                    </a:ext>
                  </a:extLst>
                </a:gridCol>
                <a:gridCol w="3048000">
                  <a:extLst>
                    <a:ext uri="{9D8B030D-6E8A-4147-A177-3AD203B41FA5}">
                      <a16:colId xmlns:a16="http://schemas.microsoft.com/office/drawing/2014/main" xmlns="" val="20004"/>
                    </a:ext>
                  </a:extLst>
                </a:gridCol>
              </a:tblGrid>
              <a:tr h="1344274">
                <a:tc>
                  <a:txBody>
                    <a:bodyPr/>
                    <a:lstStyle/>
                    <a:p>
                      <a:endParaRPr lang="en-US" dirty="0">
                        <a:solidFill>
                          <a:schemeClr val="bg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algn="ctr"/>
                      <a:r>
                        <a:rPr lang="en-US" sz="2800" b="1" dirty="0" smtClean="0">
                          <a:solidFill>
                            <a:schemeClr val="bg1"/>
                          </a:solidFill>
                          <a:latin typeface="Arial" panose="020B0604020202020204" pitchFamily="34" charset="0"/>
                          <a:cs typeface="Arial" panose="020B0604020202020204" pitchFamily="34" charset="0"/>
                        </a:rPr>
                        <a:t>Inicio</a:t>
                      </a:r>
                      <a:r>
                        <a:rPr lang="en-US" sz="2800" b="1" baseline="0" dirty="0" smtClean="0">
                          <a:solidFill>
                            <a:schemeClr val="bg1"/>
                          </a:solidFill>
                          <a:latin typeface="Arial" panose="020B0604020202020204" pitchFamily="34" charset="0"/>
                          <a:cs typeface="Arial" panose="020B0604020202020204" pitchFamily="34" charset="0"/>
                        </a:rPr>
                        <a:t> y despedida</a:t>
                      </a:r>
                      <a:endParaRPr lang="en-US" sz="2800" dirty="0">
                        <a:solidFill>
                          <a:schemeClr val="bg1"/>
                        </a:solidFill>
                        <a:latin typeface="Arial" panose="020B0604020202020204" pitchFamily="34" charset="0"/>
                        <a:cs typeface="Arial" panose="020B0604020202020204" pitchFamily="34" charset="0"/>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1"/>
                    </a:solidFill>
                  </a:tcPr>
                </a:tc>
                <a:tc>
                  <a:txBody>
                    <a:bodyPr/>
                    <a:lstStyle/>
                    <a:p>
                      <a:pPr algn="ctr"/>
                      <a:endParaRPr lang="en-US" dirty="0">
                        <a:solidFill>
                          <a:schemeClr val="bg1"/>
                        </a:solidFill>
                        <a:latin typeface="Arial" panose="020B0604020202020204" pitchFamily="34" charset="0"/>
                        <a:cs typeface="Arial" panose="020B0604020202020204" pitchFamily="34" charset="0"/>
                      </a:endParaRPr>
                    </a:p>
                    <a:p>
                      <a:pPr algn="ctr"/>
                      <a:endParaRPr lang="en-US" dirty="0">
                        <a:solidFill>
                          <a:schemeClr val="bg1"/>
                        </a:solidFill>
                        <a:latin typeface="Arial" panose="020B0604020202020204" pitchFamily="34" charset="0"/>
                        <a:cs typeface="Arial" panose="020B0604020202020204" pitchFamily="34" charset="0"/>
                      </a:endParaRPr>
                    </a:p>
                    <a:p>
                      <a:endParaRPr lang="en-US" dirty="0">
                        <a:solidFill>
                          <a:schemeClr val="bg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algn="ctr"/>
                      <a:endParaRPr lang="en-US" dirty="0">
                        <a:solidFill>
                          <a:schemeClr val="bg1"/>
                        </a:solidFill>
                        <a:latin typeface="Arial" panose="020B0604020202020204" pitchFamily="34" charset="0"/>
                        <a:cs typeface="Arial" panose="020B0604020202020204" pitchFamily="34" charset="0"/>
                      </a:endParaRPr>
                    </a:p>
                    <a:p>
                      <a:pPr algn="ctr"/>
                      <a:endParaRPr lang="en-US" dirty="0">
                        <a:solidFill>
                          <a:schemeClr val="bg1"/>
                        </a:solidFill>
                        <a:latin typeface="Arial" panose="020B0604020202020204" pitchFamily="34" charset="0"/>
                        <a:cs typeface="Arial" panose="020B0604020202020204" pitchFamily="34" charset="0"/>
                      </a:endParaRPr>
                    </a:p>
                    <a:p>
                      <a:endParaRPr lang="en-US" dirty="0">
                        <a:solidFill>
                          <a:schemeClr val="bg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xmlns="" val="10001"/>
                  </a:ext>
                </a:extLst>
              </a:tr>
              <a:tr h="1486236">
                <a:tc>
                  <a:txBody>
                    <a:bodyPr/>
                    <a:lstStyle/>
                    <a:p>
                      <a:r>
                        <a:rPr lang="en-US" sz="1700" dirty="0" smtClean="0">
                          <a:latin typeface="Arial" panose="020B0604020202020204" pitchFamily="34" charset="0"/>
                          <a:cs typeface="Arial" panose="020B0604020202020204" pitchFamily="34" charset="0"/>
                        </a:rPr>
                        <a:t>Para</a:t>
                      </a:r>
                      <a:r>
                        <a:rPr lang="en-US" sz="1700" baseline="0" dirty="0" smtClean="0">
                          <a:latin typeface="Arial" panose="020B0604020202020204" pitchFamily="34" charset="0"/>
                          <a:cs typeface="Arial" panose="020B0604020202020204" pitchFamily="34" charset="0"/>
                        </a:rPr>
                        <a:t> qué </a:t>
                      </a:r>
                      <a:br>
                        <a:rPr lang="en-US" sz="1700" baseline="0" dirty="0" smtClean="0">
                          <a:latin typeface="Arial" panose="020B0604020202020204" pitchFamily="34" charset="0"/>
                          <a:cs typeface="Arial" panose="020B0604020202020204" pitchFamily="34" charset="0"/>
                        </a:rPr>
                      </a:br>
                      <a:r>
                        <a:rPr lang="en-US" sz="1700" baseline="0" dirty="0" smtClean="0">
                          <a:latin typeface="Arial" panose="020B0604020202020204" pitchFamily="34" charset="0"/>
                          <a:cs typeface="Arial" panose="020B0604020202020204" pitchFamily="34" charset="0"/>
                        </a:rPr>
                        <a:t>los usamos</a:t>
                      </a:r>
                      <a:endParaRPr lang="en-US" sz="1700" dirty="0">
                        <a:latin typeface="Arial" panose="020B0604020202020204" pitchFamily="34" charset="0"/>
                        <a:cs typeface="Arial" panose="020B0604020202020204" pitchFamily="34" charset="0"/>
                      </a:endParaRPr>
                    </a:p>
                  </a:txBody>
                  <a:tcPr>
                    <a:lnT w="12700" cmpd="sng">
                      <a:noFill/>
                    </a:lnT>
                    <a:solidFill>
                      <a:schemeClr val="bg1"/>
                    </a:solidFill>
                  </a:tcPr>
                </a:tc>
                <a:tc gridSpan="3">
                  <a:txBody>
                    <a:bodyPr/>
                    <a:lstStyle/>
                    <a:p>
                      <a:pPr lvl="0"/>
                      <a:r>
                        <a:rPr lang="es-VE" sz="1700" kern="1200" dirty="0" smtClean="0">
                          <a:solidFill>
                            <a:schemeClr val="dk1"/>
                          </a:solidFill>
                          <a:effectLst/>
                          <a:latin typeface="+mn-lt"/>
                          <a:ea typeface="+mn-ea"/>
                          <a:cs typeface="+mn-cs"/>
                        </a:rPr>
                        <a:t>Para construir un ambiente de confianza y transparencia en el equipo.</a:t>
                      </a:r>
                    </a:p>
                    <a:p>
                      <a:pPr lvl="0"/>
                      <a:r>
                        <a:rPr lang="es-VE" sz="1700" kern="1200" dirty="0" smtClean="0">
                          <a:solidFill>
                            <a:schemeClr val="dk1"/>
                          </a:solidFill>
                          <a:effectLst/>
                          <a:latin typeface="+mn-lt"/>
                          <a:ea typeface="+mn-ea"/>
                          <a:cs typeface="+mn-cs"/>
                        </a:rPr>
                        <a:t>Para "democratizar" el espacio de la sesión y nivelar las jerarquías en el equipo - todos pueden participar.</a:t>
                      </a:r>
                    </a:p>
                    <a:p>
                      <a:pPr lvl="0"/>
                      <a:r>
                        <a:rPr lang="es-VE" sz="1700" kern="1200" dirty="0" smtClean="0">
                          <a:solidFill>
                            <a:schemeClr val="dk1"/>
                          </a:solidFill>
                          <a:effectLst/>
                          <a:latin typeface="+mn-lt"/>
                          <a:ea typeface="+mn-ea"/>
                          <a:cs typeface="+mn-cs"/>
                        </a:rPr>
                        <a:t>Para entender qué piensan los participantes.</a:t>
                      </a:r>
                      <a:endParaRPr lang="en-ZA" sz="1700" kern="1200" dirty="0">
                        <a:solidFill>
                          <a:schemeClr val="dk1"/>
                        </a:solidFill>
                        <a:effectLst/>
                        <a:latin typeface="+mn-lt"/>
                        <a:ea typeface="+mn-ea"/>
                        <a:cs typeface="+mn-cs"/>
                      </a:endParaRPr>
                    </a:p>
                  </a:txBody>
                  <a:tcPr>
                    <a:lnT w="12700" cmpd="sng">
                      <a:noFill/>
                    </a:lnT>
                    <a:solidFill>
                      <a:schemeClr val="bg1"/>
                    </a:solidFill>
                  </a:tcPr>
                </a:tc>
                <a:tc hMerge="1">
                  <a:txBody>
                    <a:bodyPr/>
                    <a:lstStyle/>
                    <a:p>
                      <a:endParaRPr lang="en-US" dirty="0"/>
                    </a:p>
                  </a:txBody>
                  <a:tcPr>
                    <a:lnT w="12700" cmpd="sng">
                      <a:noFill/>
                    </a:lnT>
                    <a:solidFill>
                      <a:schemeClr val="bg1"/>
                    </a:solidFill>
                  </a:tcPr>
                </a:tc>
                <a:tc hMerge="1">
                  <a:txBody>
                    <a:bodyPr/>
                    <a:lstStyle/>
                    <a:p>
                      <a:endParaRPr lang="en-US" dirty="0"/>
                    </a:p>
                  </a:txBody>
                  <a:tcPr>
                    <a:lnT w="12700" cmpd="sng">
                      <a:noFill/>
                    </a:lnT>
                    <a:solidFill>
                      <a:schemeClr val="bg1"/>
                    </a:solidFill>
                  </a:tcPr>
                </a:tc>
                <a:extLst>
                  <a:ext uri="{0D108BD9-81ED-4DB2-BD59-A6C34878D82A}">
                    <a16:rowId xmlns:a16="http://schemas.microsoft.com/office/drawing/2014/main" xmlns="" val="10002"/>
                  </a:ext>
                </a:extLst>
              </a:tr>
              <a:tr h="1208394">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700" dirty="0" smtClean="0">
                          <a:latin typeface="Arial" panose="020B0604020202020204" pitchFamily="34" charset="0"/>
                          <a:cs typeface="Arial" panose="020B0604020202020204" pitchFamily="34" charset="0"/>
                        </a:rPr>
                        <a:t>Cuándo</a:t>
                      </a:r>
                      <a:r>
                        <a:rPr lang="en-US" sz="1700" baseline="0" dirty="0" smtClean="0">
                          <a:latin typeface="Arial" panose="020B0604020202020204" pitchFamily="34" charset="0"/>
                          <a:cs typeface="Arial" panose="020B0604020202020204" pitchFamily="34" charset="0"/>
                        </a:rPr>
                        <a:t> los usamos</a:t>
                      </a:r>
                      <a:endParaRPr lang="en-US" sz="1700" dirty="0">
                        <a:latin typeface="Arial" panose="020B0604020202020204" pitchFamily="34" charset="0"/>
                        <a:cs typeface="Arial" panose="020B0604020202020204" pitchFamily="34" charset="0"/>
                      </a:endParaRPr>
                    </a:p>
                  </a:txBody>
                  <a:tcPr>
                    <a:solidFill>
                      <a:schemeClr val="bg1">
                        <a:lumMod val="85000"/>
                      </a:schemeClr>
                    </a:solidFill>
                  </a:tcPr>
                </a:tc>
                <a:tc gridSpan="3">
                  <a:txBody>
                    <a:bodyPr/>
                    <a:lstStyle/>
                    <a:p>
                      <a:pPr lvl="0"/>
                      <a:r>
                        <a:rPr lang="es-VE" sz="1700" dirty="0" smtClean="0"/>
                        <a:t>Al principio de una sesión.</a:t>
                      </a:r>
                    </a:p>
                    <a:p>
                      <a:pPr lvl="0"/>
                      <a:r>
                        <a:rPr lang="es-VE" sz="1700" dirty="0" smtClean="0"/>
                        <a:t>Al final de una sesión.</a:t>
                      </a:r>
                      <a:endParaRPr lang="en-US" sz="1700" dirty="0"/>
                    </a:p>
                  </a:txBody>
                  <a:tcPr>
                    <a:solidFill>
                      <a:schemeClr val="bg1">
                        <a:lumMod val="85000"/>
                      </a:schemeClr>
                    </a:solidFill>
                  </a:tcPr>
                </a:tc>
                <a:tc hMerge="1">
                  <a:txBody>
                    <a:bodyPr/>
                    <a:lstStyle/>
                    <a:p>
                      <a:endParaRPr lang="en-US" dirty="0"/>
                    </a:p>
                  </a:txBody>
                  <a:tcPr>
                    <a:solidFill>
                      <a:schemeClr val="bg1">
                        <a:lumMod val="85000"/>
                      </a:schemeClr>
                    </a:solidFill>
                  </a:tcPr>
                </a:tc>
                <a:tc hMerge="1">
                  <a:txBody>
                    <a:bodyPr/>
                    <a:lstStyle/>
                    <a:p>
                      <a:endParaRPr lang="en-US" dirty="0"/>
                    </a:p>
                  </a:txBody>
                  <a:tcPr>
                    <a:solidFill>
                      <a:schemeClr val="bg1">
                        <a:lumMod val="85000"/>
                      </a:schemeClr>
                    </a:solidFill>
                  </a:tcPr>
                </a:tc>
                <a:extLst>
                  <a:ext uri="{0D108BD9-81ED-4DB2-BD59-A6C34878D82A}">
                    <a16:rowId xmlns:a16="http://schemas.microsoft.com/office/drawing/2014/main" xmlns="" val="10003"/>
                  </a:ext>
                </a:extLst>
              </a:tr>
              <a:tr h="942136">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700" dirty="0" smtClean="0">
                          <a:latin typeface="Arial" panose="020B0604020202020204" pitchFamily="34" charset="0"/>
                          <a:cs typeface="Arial" panose="020B0604020202020204" pitchFamily="34" charset="0"/>
                        </a:rPr>
                        <a:t>Quién</a:t>
                      </a:r>
                      <a:r>
                        <a:rPr lang="en-US" sz="1700" baseline="0" dirty="0" smtClean="0">
                          <a:latin typeface="Arial" panose="020B0604020202020204" pitchFamily="34" charset="0"/>
                          <a:cs typeface="Arial" panose="020B0604020202020204" pitchFamily="34" charset="0"/>
                        </a:rPr>
                        <a:t> participa</a:t>
                      </a:r>
                      <a:endParaRPr lang="en-US" sz="1700" dirty="0">
                        <a:latin typeface="Arial" panose="020B0604020202020204" pitchFamily="34" charset="0"/>
                        <a:cs typeface="Arial" panose="020B0604020202020204" pitchFamily="34" charset="0"/>
                      </a:endParaRPr>
                    </a:p>
                  </a:txBody>
                  <a:tcPr>
                    <a:solidFill>
                      <a:schemeClr val="bg1"/>
                    </a:solidFill>
                  </a:tcPr>
                </a:tc>
                <a:tc gridSpan="3">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s-VE" sz="1700" kern="1200" dirty="0" smtClean="0">
                          <a:solidFill>
                            <a:schemeClr val="dk1"/>
                          </a:solidFill>
                          <a:effectLst/>
                          <a:latin typeface="+mn-lt"/>
                          <a:ea typeface="+mn-ea"/>
                          <a:cs typeface="+mn-cs"/>
                        </a:rPr>
                        <a:t>Un moderador hace las preguntas y "crea el espacio" para el proceso.</a:t>
                      </a:r>
                      <a:endParaRPr lang="en-ZA" sz="1700" kern="1200" dirty="0">
                        <a:solidFill>
                          <a:schemeClr val="dk1"/>
                        </a:solidFill>
                        <a:effectLst/>
                        <a:latin typeface="+mn-lt"/>
                        <a:ea typeface="+mn-ea"/>
                        <a:cs typeface="+mn-cs"/>
                      </a:endParaRPr>
                    </a:p>
                  </a:txBody>
                  <a:tcPr>
                    <a:solidFill>
                      <a:schemeClr val="bg1"/>
                    </a:solidFill>
                  </a:tcPr>
                </a:tc>
                <a:tc hMerge="1">
                  <a:txBody>
                    <a:bodyPr/>
                    <a:lstStyle/>
                    <a:p>
                      <a:endParaRPr lang="en-US" dirty="0"/>
                    </a:p>
                  </a:txBody>
                  <a:tcPr>
                    <a:solidFill>
                      <a:schemeClr val="bg1"/>
                    </a:solidFill>
                  </a:tcPr>
                </a:tc>
                <a:tc hMerge="1">
                  <a:txBody>
                    <a:bodyPr/>
                    <a:lstStyle/>
                    <a:p>
                      <a:endParaRPr lang="en-US" dirty="0"/>
                    </a:p>
                  </a:txBody>
                  <a:tcPr>
                    <a:solidFill>
                      <a:schemeClr val="bg1"/>
                    </a:solidFill>
                  </a:tcPr>
                </a:tc>
                <a:extLst>
                  <a:ext uri="{0D108BD9-81ED-4DB2-BD59-A6C34878D82A}">
                    <a16:rowId xmlns:a16="http://schemas.microsoft.com/office/drawing/2014/main" xmlns="" val="10004"/>
                  </a:ext>
                </a:extLst>
              </a:tr>
              <a:tr h="1876961">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700" dirty="0" smtClean="0">
                          <a:latin typeface="Arial" panose="020B0604020202020204" pitchFamily="34" charset="0"/>
                          <a:cs typeface="Arial" panose="020B0604020202020204" pitchFamily="34" charset="0"/>
                        </a:rPr>
                        <a:t>Instrucciones</a:t>
                      </a:r>
                      <a:r>
                        <a:rPr lang="en-US" sz="1700" baseline="0" dirty="0" smtClean="0">
                          <a:latin typeface="Arial" panose="020B0604020202020204" pitchFamily="34" charset="0"/>
                          <a:cs typeface="Arial" panose="020B0604020202020204" pitchFamily="34" charset="0"/>
                        </a:rPr>
                        <a:t> básicas</a:t>
                      </a:r>
                      <a:r>
                        <a:rPr lang="en-US" sz="1700" dirty="0" smtClean="0">
                          <a:latin typeface="Arial" panose="020B0604020202020204" pitchFamily="34" charset="0"/>
                          <a:cs typeface="Arial" panose="020B0604020202020204" pitchFamily="34" charset="0"/>
                        </a:rPr>
                        <a:t> </a:t>
                      </a:r>
                      <a:endParaRPr lang="en-US" sz="1700" dirty="0">
                        <a:latin typeface="Arial" panose="020B0604020202020204" pitchFamily="34" charset="0"/>
                        <a:cs typeface="Arial" panose="020B0604020202020204" pitchFamily="34" charset="0"/>
                      </a:endParaRPr>
                    </a:p>
                  </a:txBody>
                  <a:tcPr>
                    <a:solidFill>
                      <a:schemeClr val="bg1">
                        <a:lumMod val="85000"/>
                      </a:schemeClr>
                    </a:solidFill>
                  </a:tcPr>
                </a:tc>
                <a:tc gridSpan="3">
                  <a:txBody>
                    <a:bodyPr/>
                    <a:lstStyle/>
                    <a:p>
                      <a:pPr lvl="0"/>
                      <a:r>
                        <a:rPr lang="es-VE" sz="1700" kern="1200" dirty="0" smtClean="0">
                          <a:solidFill>
                            <a:schemeClr val="dk1"/>
                          </a:solidFill>
                          <a:effectLst/>
                          <a:latin typeface="+mn-lt"/>
                          <a:ea typeface="+mn-ea"/>
                          <a:cs typeface="+mn-cs"/>
                        </a:rPr>
                        <a:t>Prepara tus preguntas con anticipación (inclúyelas en tu plantilla de agenda).</a:t>
                      </a:r>
                    </a:p>
                    <a:p>
                      <a:pPr lvl="0"/>
                      <a:r>
                        <a:rPr lang="es-VE" sz="1700" kern="1200" dirty="0" smtClean="0">
                          <a:solidFill>
                            <a:schemeClr val="dk1"/>
                          </a:solidFill>
                          <a:effectLst/>
                          <a:latin typeface="+mn-lt"/>
                          <a:ea typeface="+mn-ea"/>
                          <a:cs typeface="+mn-cs"/>
                        </a:rPr>
                        <a:t>Sé abierto a cambiar o adaptar tus preguntas cada día según lo que surja en el grupo y sea más relevante para el momento.</a:t>
                      </a:r>
                    </a:p>
                    <a:p>
                      <a:pPr lvl="0"/>
                      <a:r>
                        <a:rPr lang="es-VE" sz="1700" kern="1200" dirty="0" smtClean="0">
                          <a:solidFill>
                            <a:schemeClr val="dk1"/>
                          </a:solidFill>
                          <a:effectLst/>
                          <a:latin typeface="+mn-lt"/>
                          <a:ea typeface="+mn-ea"/>
                          <a:cs typeface="+mn-cs"/>
                        </a:rPr>
                        <a:t>Siempre haz preguntas abiertas.</a:t>
                      </a:r>
                      <a:endParaRPr lang="en-ZA" sz="1700" kern="1200" dirty="0">
                        <a:solidFill>
                          <a:schemeClr val="dk1"/>
                        </a:solidFill>
                        <a:effectLst/>
                        <a:latin typeface="+mn-lt"/>
                        <a:ea typeface="+mn-ea"/>
                        <a:cs typeface="+mn-cs"/>
                      </a:endParaRPr>
                    </a:p>
                  </a:txBody>
                  <a:tcPr>
                    <a:solidFill>
                      <a:schemeClr val="bg1">
                        <a:lumMod val="85000"/>
                      </a:schemeClr>
                    </a:solidFill>
                  </a:tcPr>
                </a:tc>
                <a:tc hMerge="1">
                  <a:txBody>
                    <a:bodyPr/>
                    <a:lstStyle/>
                    <a:p>
                      <a:endParaRPr lang="en-US" dirty="0"/>
                    </a:p>
                  </a:txBody>
                  <a:tcPr>
                    <a:solidFill>
                      <a:schemeClr val="bg1">
                        <a:lumMod val="85000"/>
                      </a:schemeClr>
                    </a:solidFill>
                  </a:tcPr>
                </a:tc>
                <a:tc hMerge="1">
                  <a:txBody>
                    <a:bodyPr/>
                    <a:lstStyle/>
                    <a:p>
                      <a:endParaRPr lang="en-US" dirty="0"/>
                    </a:p>
                  </a:txBody>
                  <a:tcPr>
                    <a:solidFill>
                      <a:schemeClr val="bg1">
                        <a:lumMod val="85000"/>
                      </a:schemeClr>
                    </a:solidFill>
                  </a:tcPr>
                </a:tc>
                <a:extLst>
                  <a:ext uri="{0D108BD9-81ED-4DB2-BD59-A6C34878D82A}">
                    <a16:rowId xmlns:a16="http://schemas.microsoft.com/office/drawing/2014/main" xmlns="" val="10005"/>
                  </a:ext>
                </a:extLst>
              </a:tr>
            </a:tbl>
          </a:graphicData>
        </a:graphic>
      </p:graphicFrame>
    </p:spTree>
    <p:extLst>
      <p:ext uri="{BB962C8B-B14F-4D97-AF65-F5344CB8AC3E}">
        <p14:creationId xmlns:p14="http://schemas.microsoft.com/office/powerpoint/2010/main" val="21530314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1514369526"/>
              </p:ext>
            </p:extLst>
          </p:nvPr>
        </p:nvGraphicFramePr>
        <p:xfrm>
          <a:off x="0" y="0"/>
          <a:ext cx="12192000" cy="6858000"/>
        </p:xfrm>
        <a:graphic>
          <a:graphicData uri="http://schemas.openxmlformats.org/drawingml/2006/table">
            <a:tbl>
              <a:tblPr firstRow="1" bandRow="1">
                <a:tableStyleId>{5C22544A-7EE6-4342-B048-85BDC9FD1C3A}</a:tableStyleId>
              </a:tblPr>
              <a:tblGrid>
                <a:gridCol w="2278251">
                  <a:extLst>
                    <a:ext uri="{9D8B030D-6E8A-4147-A177-3AD203B41FA5}">
                      <a16:colId xmlns:a16="http://schemas.microsoft.com/office/drawing/2014/main" xmlns="" val="20000"/>
                    </a:ext>
                  </a:extLst>
                </a:gridCol>
                <a:gridCol w="2572718">
                  <a:extLst>
                    <a:ext uri="{9D8B030D-6E8A-4147-A177-3AD203B41FA5}">
                      <a16:colId xmlns:a16="http://schemas.microsoft.com/office/drawing/2014/main" xmlns="" val="20001"/>
                    </a:ext>
                  </a:extLst>
                </a:gridCol>
                <a:gridCol w="4664990">
                  <a:extLst>
                    <a:ext uri="{9D8B030D-6E8A-4147-A177-3AD203B41FA5}">
                      <a16:colId xmlns:a16="http://schemas.microsoft.com/office/drawing/2014/main" xmlns="" val="20003"/>
                    </a:ext>
                  </a:extLst>
                </a:gridCol>
                <a:gridCol w="2676041">
                  <a:extLst>
                    <a:ext uri="{9D8B030D-6E8A-4147-A177-3AD203B41FA5}">
                      <a16:colId xmlns:a16="http://schemas.microsoft.com/office/drawing/2014/main" xmlns="" val="20004"/>
                    </a:ext>
                  </a:extLst>
                </a:gridCol>
              </a:tblGrid>
              <a:tr h="1180463">
                <a:tc gridSpan="2">
                  <a:txBody>
                    <a:bodyPr/>
                    <a:lstStyle/>
                    <a:p>
                      <a:pPr algn="ctr"/>
                      <a:endParaRPr lang="en-US" dirty="0">
                        <a:solidFill>
                          <a:schemeClr val="bg1"/>
                        </a:solidFill>
                        <a:latin typeface="Arial" panose="020B0604020202020204" pitchFamily="34" charset="0"/>
                        <a:cs typeface="Arial" panose="020B0604020202020204" pitchFamily="34" charset="0"/>
                      </a:endParaRPr>
                    </a:p>
                    <a:p>
                      <a:pPr algn="ctr"/>
                      <a:endParaRPr lang="en-US" dirty="0">
                        <a:solidFill>
                          <a:schemeClr val="bg1"/>
                        </a:solidFill>
                        <a:latin typeface="Arial" panose="020B0604020202020204" pitchFamily="34" charset="0"/>
                        <a:cs typeface="Arial" panose="020B0604020202020204" pitchFamily="34" charset="0"/>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hMerge="1">
                  <a:txBody>
                    <a:bodyPr/>
                    <a:lstStyle/>
                    <a:p>
                      <a:pPr algn="ctr"/>
                      <a:endParaRPr lang="en-US" dirty="0">
                        <a:solidFill>
                          <a:schemeClr val="bg1"/>
                        </a:solidFill>
                        <a:latin typeface="Arial" panose="020B0604020202020204" pitchFamily="34" charset="0"/>
                        <a:cs typeface="Arial" panose="020B0604020202020204" pitchFamily="34" charset="0"/>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1"/>
                    </a:solidFill>
                  </a:tcPr>
                </a:tc>
                <a:tc>
                  <a:txBody>
                    <a:bodyPr/>
                    <a:lstStyle/>
                    <a:p>
                      <a:pPr algn="ctr"/>
                      <a:r>
                        <a:rPr lang="en-US" sz="2800" dirty="0" smtClean="0">
                          <a:solidFill>
                            <a:schemeClr val="bg1"/>
                          </a:solidFill>
                        </a:rPr>
                        <a:t>Estableciendo</a:t>
                      </a:r>
                      <a:r>
                        <a:rPr lang="en-US" sz="2800" baseline="0" dirty="0" smtClean="0">
                          <a:solidFill>
                            <a:schemeClr val="bg1"/>
                          </a:solidFill>
                        </a:rPr>
                        <a:t> l</a:t>
                      </a:r>
                      <a:r>
                        <a:rPr lang="en-US" sz="2800" dirty="0" smtClean="0">
                          <a:solidFill>
                            <a:schemeClr val="bg1"/>
                          </a:solidFill>
                        </a:rPr>
                        <a:t>as</a:t>
                      </a:r>
                      <a:r>
                        <a:rPr lang="en-US" sz="2800" baseline="0" dirty="0" smtClean="0">
                          <a:solidFill>
                            <a:schemeClr val="bg1"/>
                          </a:solidFill>
                        </a:rPr>
                        <a:t> reglas </a:t>
                      </a:r>
                      <a:endParaRPr lang="en-US" sz="2800" dirty="0">
                        <a:solidFill>
                          <a:schemeClr val="bg1"/>
                        </a:solidFill>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3"/>
                    </a:solidFill>
                  </a:tcPr>
                </a:tc>
                <a:tc>
                  <a:txBody>
                    <a:bodyPr/>
                    <a:lstStyle/>
                    <a:p>
                      <a:pPr algn="ctr"/>
                      <a:endParaRPr lang="en-US" dirty="0">
                        <a:solidFill>
                          <a:schemeClr val="bg1"/>
                        </a:solidFill>
                        <a:latin typeface="Arial" panose="020B0604020202020204" pitchFamily="34" charset="0"/>
                        <a:cs typeface="Arial" panose="020B0604020202020204" pitchFamily="34" charset="0"/>
                      </a:endParaRPr>
                    </a:p>
                    <a:p>
                      <a:pPr algn="ctr"/>
                      <a:endParaRPr lang="en-US" dirty="0">
                        <a:solidFill>
                          <a:schemeClr val="bg1"/>
                        </a:solidFill>
                        <a:latin typeface="Arial" panose="020B0604020202020204" pitchFamily="34" charset="0"/>
                        <a:cs typeface="Arial" panose="020B0604020202020204" pitchFamily="34" charset="0"/>
                      </a:endParaRPr>
                    </a:p>
                    <a:p>
                      <a:endParaRPr lang="en-US" sz="1800" b="1" kern="1200" dirty="0">
                        <a:solidFill>
                          <a:schemeClr val="bg1"/>
                        </a:solidFill>
                        <a:latin typeface="Arial" panose="020B0604020202020204" pitchFamily="34" charset="0"/>
                        <a:ea typeface="+mn-ea"/>
                        <a:cs typeface="Arial" panose="020B0604020202020204" pitchFamily="34" charset="0"/>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xmlns="" val="10001"/>
                  </a:ext>
                </a:extLst>
              </a:tr>
              <a:tr h="1569833">
                <a:tc>
                  <a:txBody>
                    <a:bodyPr/>
                    <a:lstStyle/>
                    <a:p>
                      <a:r>
                        <a:rPr lang="en-US" sz="1700" dirty="0" smtClean="0">
                          <a:latin typeface="Arial" panose="020B0604020202020204" pitchFamily="34" charset="0"/>
                          <a:cs typeface="Arial" panose="020B0604020202020204" pitchFamily="34" charset="0"/>
                        </a:rPr>
                        <a:t>Para</a:t>
                      </a:r>
                      <a:r>
                        <a:rPr lang="en-US" sz="1700" baseline="0" dirty="0" smtClean="0">
                          <a:latin typeface="Arial" panose="020B0604020202020204" pitchFamily="34" charset="0"/>
                          <a:cs typeface="Arial" panose="020B0604020202020204" pitchFamily="34" charset="0"/>
                        </a:rPr>
                        <a:t> qué las usamos</a:t>
                      </a:r>
                      <a:endParaRPr lang="en-US" sz="1700" dirty="0">
                        <a:latin typeface="Arial" panose="020B0604020202020204" pitchFamily="34" charset="0"/>
                        <a:cs typeface="Arial" panose="020B0604020202020204" pitchFamily="34" charset="0"/>
                      </a:endParaRPr>
                    </a:p>
                  </a:txBody>
                  <a:tcPr>
                    <a:lnT w="12700" cmpd="sng">
                      <a:noFill/>
                    </a:lnT>
                    <a:solidFill>
                      <a:schemeClr val="bg1"/>
                    </a:solidFill>
                  </a:tcPr>
                </a:tc>
                <a:tc gridSpan="3">
                  <a:txBody>
                    <a:bodyPr/>
                    <a:lstStyle/>
                    <a:p>
                      <a:pPr lvl="0"/>
                      <a:r>
                        <a:rPr lang="es-VE" sz="1700" kern="1200" dirty="0" smtClean="0">
                          <a:solidFill>
                            <a:schemeClr val="dk1"/>
                          </a:solidFill>
                          <a:effectLst/>
                          <a:latin typeface="+mn-lt"/>
                          <a:ea typeface="+mn-ea"/>
                          <a:cs typeface="+mn-cs"/>
                        </a:rPr>
                        <a:t>Para construir un ambiente de confianza y transparencia en el equipo.</a:t>
                      </a:r>
                    </a:p>
                    <a:p>
                      <a:pPr lvl="0"/>
                      <a:r>
                        <a:rPr lang="es-VE" sz="1700" kern="1200" dirty="0" smtClean="0">
                          <a:solidFill>
                            <a:schemeClr val="dk1"/>
                          </a:solidFill>
                          <a:effectLst/>
                          <a:latin typeface="+mn-lt"/>
                          <a:ea typeface="+mn-ea"/>
                          <a:cs typeface="+mn-cs"/>
                        </a:rPr>
                        <a:t>Para "democratizar" el espacio de la sesión y nivelar las jerarquías en el equipo -todos están sujetos a las reglas de esta sesión.</a:t>
                      </a:r>
                    </a:p>
                    <a:p>
                      <a:pPr lvl="0"/>
                      <a:r>
                        <a:rPr lang="es-VE" sz="1700" kern="1200" dirty="0" smtClean="0">
                          <a:solidFill>
                            <a:schemeClr val="dk1"/>
                          </a:solidFill>
                          <a:effectLst/>
                          <a:latin typeface="+mn-lt"/>
                          <a:ea typeface="+mn-ea"/>
                          <a:cs typeface="+mn-cs"/>
                        </a:rPr>
                        <a:t>Porque "estar presente" (o sea, no ver el teléfono, no pensar en otra cosa ni debatir con colegas en la reunión) es la única forma de cocrear un espacio para el diálogo.</a:t>
                      </a:r>
                    </a:p>
                  </a:txBody>
                  <a:tcPr>
                    <a:lnT w="12700" cmpd="sng">
                      <a:noFill/>
                    </a:lnT>
                    <a:solidFill>
                      <a:schemeClr val="bg1"/>
                    </a:solidFill>
                  </a:tcPr>
                </a:tc>
                <a:tc hMerge="1">
                  <a:txBody>
                    <a:bodyPr/>
                    <a:lstStyle/>
                    <a:p>
                      <a:endParaRPr lang="en-US" dirty="0"/>
                    </a:p>
                  </a:txBody>
                  <a:tcPr>
                    <a:lnT w="12700" cmpd="sng">
                      <a:noFill/>
                    </a:lnT>
                    <a:solidFill>
                      <a:schemeClr val="bg1"/>
                    </a:solidFill>
                  </a:tcPr>
                </a:tc>
                <a:tc hMerge="1">
                  <a:txBody>
                    <a:bodyPr/>
                    <a:lstStyle/>
                    <a:p>
                      <a:endParaRPr lang="en-US" dirty="0"/>
                    </a:p>
                  </a:txBody>
                  <a:tcPr>
                    <a:lnT w="12700" cmpd="sng">
                      <a:noFill/>
                    </a:lnT>
                    <a:solidFill>
                      <a:schemeClr val="bg1"/>
                    </a:solidFill>
                  </a:tcPr>
                </a:tc>
                <a:extLst>
                  <a:ext uri="{0D108BD9-81ED-4DB2-BD59-A6C34878D82A}">
                    <a16:rowId xmlns:a16="http://schemas.microsoft.com/office/drawing/2014/main" xmlns="" val="10002"/>
                  </a:ext>
                </a:extLst>
              </a:tr>
              <a:tr h="61844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700" dirty="0" smtClean="0">
                          <a:latin typeface="Arial" panose="020B0604020202020204" pitchFamily="34" charset="0"/>
                          <a:cs typeface="Arial" panose="020B0604020202020204" pitchFamily="34" charset="0"/>
                        </a:rPr>
                        <a:t>Cuándo</a:t>
                      </a:r>
                      <a:r>
                        <a:rPr lang="en-US" sz="1700" baseline="0" dirty="0" smtClean="0">
                          <a:latin typeface="Arial" panose="020B0604020202020204" pitchFamily="34" charset="0"/>
                          <a:cs typeface="Arial" panose="020B0604020202020204" pitchFamily="34" charset="0"/>
                        </a:rPr>
                        <a:t> las usamos</a:t>
                      </a:r>
                      <a:endParaRPr lang="en-US" sz="1700" dirty="0">
                        <a:latin typeface="Arial" panose="020B0604020202020204" pitchFamily="34" charset="0"/>
                        <a:cs typeface="Arial" panose="020B0604020202020204" pitchFamily="34" charset="0"/>
                      </a:endParaRPr>
                    </a:p>
                  </a:txBody>
                  <a:tcPr>
                    <a:solidFill>
                      <a:schemeClr val="bg1">
                        <a:lumMod val="85000"/>
                      </a:schemeClr>
                    </a:solidFill>
                  </a:tcPr>
                </a:tc>
                <a:tc gridSpan="3">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s-VE" sz="1700" dirty="0" smtClean="0"/>
                        <a:t>Al principio de una sesión.</a:t>
                      </a:r>
                    </a:p>
                    <a:p>
                      <a:pPr lvl="0"/>
                      <a:endParaRPr lang="en-ZA" sz="1700" kern="1200" dirty="0">
                        <a:solidFill>
                          <a:schemeClr val="dk1"/>
                        </a:solidFill>
                        <a:effectLst/>
                        <a:latin typeface="+mn-lt"/>
                        <a:ea typeface="+mn-ea"/>
                        <a:cs typeface="+mn-cs"/>
                      </a:endParaRPr>
                    </a:p>
                  </a:txBody>
                  <a:tcPr>
                    <a:solidFill>
                      <a:schemeClr val="bg1">
                        <a:lumMod val="85000"/>
                      </a:schemeClr>
                    </a:solidFill>
                  </a:tcPr>
                </a:tc>
                <a:tc hMerge="1">
                  <a:txBody>
                    <a:bodyPr/>
                    <a:lstStyle/>
                    <a:p>
                      <a:endParaRPr lang="en-US" dirty="0"/>
                    </a:p>
                  </a:txBody>
                  <a:tcPr>
                    <a:solidFill>
                      <a:schemeClr val="bg1">
                        <a:lumMod val="85000"/>
                      </a:schemeClr>
                    </a:solidFill>
                  </a:tcPr>
                </a:tc>
                <a:tc hMerge="1">
                  <a:txBody>
                    <a:bodyPr/>
                    <a:lstStyle/>
                    <a:p>
                      <a:endParaRPr lang="en-US" dirty="0"/>
                    </a:p>
                  </a:txBody>
                  <a:tcPr>
                    <a:solidFill>
                      <a:schemeClr val="bg1">
                        <a:lumMod val="85000"/>
                      </a:schemeClr>
                    </a:solidFill>
                  </a:tcPr>
                </a:tc>
                <a:extLst>
                  <a:ext uri="{0D108BD9-81ED-4DB2-BD59-A6C34878D82A}">
                    <a16:rowId xmlns:a16="http://schemas.microsoft.com/office/drawing/2014/main" xmlns="" val="10003"/>
                  </a:ext>
                </a:extLst>
              </a:tr>
              <a:tr h="75450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700" dirty="0" smtClean="0">
                          <a:latin typeface="Arial" panose="020B0604020202020204" pitchFamily="34" charset="0"/>
                          <a:cs typeface="Arial" panose="020B0604020202020204" pitchFamily="34" charset="0"/>
                        </a:rPr>
                        <a:t>Quién</a:t>
                      </a:r>
                      <a:r>
                        <a:rPr lang="en-US" sz="1700" baseline="0" dirty="0" smtClean="0">
                          <a:latin typeface="Arial" panose="020B0604020202020204" pitchFamily="34" charset="0"/>
                          <a:cs typeface="Arial" panose="020B0604020202020204" pitchFamily="34" charset="0"/>
                        </a:rPr>
                        <a:t> participa</a:t>
                      </a:r>
                      <a:endParaRPr lang="en-US" sz="1700" dirty="0">
                        <a:latin typeface="Arial" panose="020B0604020202020204" pitchFamily="34" charset="0"/>
                        <a:cs typeface="Arial" panose="020B0604020202020204" pitchFamily="34" charset="0"/>
                      </a:endParaRPr>
                    </a:p>
                  </a:txBody>
                  <a:tcPr>
                    <a:solidFill>
                      <a:schemeClr val="bg1"/>
                    </a:solidFill>
                  </a:tcPr>
                </a:tc>
                <a:tc gridSpan="3">
                  <a:txBody>
                    <a:bodyPr/>
                    <a:lstStyle/>
                    <a:p>
                      <a:pPr lvl="0"/>
                      <a:r>
                        <a:rPr lang="en-US" sz="1700" kern="1200" dirty="0" smtClean="0">
                          <a:solidFill>
                            <a:schemeClr val="dk1"/>
                          </a:solidFill>
                          <a:effectLst/>
                          <a:latin typeface="+mn-lt"/>
                          <a:ea typeface="+mn-ea"/>
                          <a:cs typeface="+mn-cs"/>
                        </a:rPr>
                        <a:t>Un</a:t>
                      </a:r>
                      <a:r>
                        <a:rPr lang="en-US" sz="1700" kern="1200" baseline="0" dirty="0" smtClean="0">
                          <a:solidFill>
                            <a:schemeClr val="dk1"/>
                          </a:solidFill>
                          <a:effectLst/>
                          <a:latin typeface="+mn-lt"/>
                          <a:ea typeface="+mn-ea"/>
                          <a:cs typeface="+mn-cs"/>
                        </a:rPr>
                        <a:t> moderador presenta las reglas, las explica y se asegura de que todos concuerden.</a:t>
                      </a:r>
                      <a:endParaRPr lang="en-ZA" sz="1700" kern="1200" dirty="0">
                        <a:solidFill>
                          <a:schemeClr val="dk1"/>
                        </a:solidFill>
                        <a:effectLst/>
                        <a:latin typeface="+mn-lt"/>
                        <a:ea typeface="+mn-ea"/>
                        <a:cs typeface="+mn-cs"/>
                      </a:endParaRPr>
                    </a:p>
                  </a:txBody>
                  <a:tcPr>
                    <a:solidFill>
                      <a:schemeClr val="bg1"/>
                    </a:solidFill>
                  </a:tcPr>
                </a:tc>
                <a:tc hMerge="1">
                  <a:txBody>
                    <a:bodyPr/>
                    <a:lstStyle/>
                    <a:p>
                      <a:endParaRPr lang="en-US" dirty="0"/>
                    </a:p>
                  </a:txBody>
                  <a:tcPr>
                    <a:solidFill>
                      <a:schemeClr val="bg1"/>
                    </a:solidFill>
                  </a:tcPr>
                </a:tc>
                <a:tc hMerge="1">
                  <a:txBody>
                    <a:bodyPr/>
                    <a:lstStyle/>
                    <a:p>
                      <a:endParaRPr lang="en-US" dirty="0"/>
                    </a:p>
                  </a:txBody>
                  <a:tcPr>
                    <a:solidFill>
                      <a:schemeClr val="bg1"/>
                    </a:solidFill>
                  </a:tcPr>
                </a:tc>
                <a:extLst>
                  <a:ext uri="{0D108BD9-81ED-4DB2-BD59-A6C34878D82A}">
                    <a16:rowId xmlns:a16="http://schemas.microsoft.com/office/drawing/2014/main" xmlns="" val="10004"/>
                  </a:ext>
                </a:extLst>
              </a:tr>
              <a:tr h="273475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170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en-US" sz="170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en-US" sz="1700" dirty="0" smtClean="0">
                          <a:latin typeface="Arial" panose="020B0604020202020204" pitchFamily="34" charset="0"/>
                          <a:cs typeface="Arial" panose="020B0604020202020204" pitchFamily="34" charset="0"/>
                        </a:rPr>
                        <a:t>Instrucciones</a:t>
                      </a:r>
                      <a:r>
                        <a:rPr lang="en-US" sz="1700" baseline="0" dirty="0" smtClean="0">
                          <a:latin typeface="Arial" panose="020B0604020202020204" pitchFamily="34" charset="0"/>
                          <a:cs typeface="Arial" panose="020B0604020202020204" pitchFamily="34" charset="0"/>
                        </a:rPr>
                        <a:t> </a:t>
                      </a:r>
                      <a:r>
                        <a:rPr lang="en-US" sz="1700" baseline="0" dirty="0" smtClean="0">
                          <a:latin typeface="Arial" panose="020B0604020202020204" pitchFamily="34" charset="0"/>
                          <a:cs typeface="Arial" panose="020B0604020202020204" pitchFamily="34" charset="0"/>
                        </a:rPr>
                        <a:t>básicas</a:t>
                      </a:r>
                      <a:endParaRPr lang="en-US" sz="1700" dirty="0">
                        <a:latin typeface="Arial" panose="020B0604020202020204" pitchFamily="34" charset="0"/>
                        <a:cs typeface="Arial" panose="020B0604020202020204" pitchFamily="34" charset="0"/>
                      </a:endParaRPr>
                    </a:p>
                  </a:txBody>
                  <a:tcPr>
                    <a:solidFill>
                      <a:schemeClr val="bg1">
                        <a:lumMod val="85000"/>
                      </a:schemeClr>
                    </a:solidFill>
                  </a:tcPr>
                </a:tc>
                <a:tc gridSpan="3">
                  <a:txBody>
                    <a:bodyPr/>
                    <a:lstStyle/>
                    <a:p>
                      <a:pPr lvl="0"/>
                      <a:r>
                        <a:rPr lang="es-VE" sz="1700" kern="1200" dirty="0" smtClean="0">
                          <a:solidFill>
                            <a:schemeClr val="dk1"/>
                          </a:solidFill>
                          <a:effectLst/>
                          <a:latin typeface="+mn-lt"/>
                          <a:ea typeface="+mn-ea"/>
                          <a:cs typeface="+mn-cs"/>
                        </a:rPr>
                        <a:t>Decide las reglas con antelación con tu comoderador y escucha sugerencias de los participantes.</a:t>
                      </a:r>
                    </a:p>
                    <a:p>
                      <a:pPr lvl="0"/>
                      <a:r>
                        <a:rPr lang="en-US" sz="1700" kern="1200" dirty="0" smtClean="0">
                          <a:solidFill>
                            <a:schemeClr val="dk1"/>
                          </a:solidFill>
                          <a:effectLst/>
                          <a:latin typeface="+mn-lt"/>
                          <a:ea typeface="+mn-ea"/>
                          <a:cs typeface="+mn-cs"/>
                        </a:rPr>
                        <a:t>Reglas básicas:</a:t>
                      </a:r>
                    </a:p>
                    <a:p>
                      <a:pPr marL="285750" lvl="0" indent="-285750" algn="just">
                        <a:buFont typeface="Arial" panose="020B0604020202020204" pitchFamily="34" charset="0"/>
                        <a:buChar char="•"/>
                      </a:pPr>
                      <a:r>
                        <a:rPr lang="es-VE" sz="1700" kern="1200" dirty="0" smtClean="0">
                          <a:solidFill>
                            <a:schemeClr val="dk1"/>
                          </a:solidFill>
                          <a:effectLst/>
                          <a:latin typeface="+mn-lt"/>
                          <a:ea typeface="+mn-ea"/>
                          <a:cs typeface="+mn-cs"/>
                        </a:rPr>
                        <a:t>Estar presente: apagar celulares o ponerlos en silencio, responder llamadas fuera del espacio de la reunión (presencial o virtual), escuchar lo que todos tengan que decir, </a:t>
                      </a:r>
                      <a:r>
                        <a:rPr lang="es-VE" sz="1700" kern="1200" dirty="0" smtClean="0">
                          <a:solidFill>
                            <a:schemeClr val="dk1"/>
                          </a:solidFill>
                          <a:effectLst/>
                          <a:latin typeface="+mn-lt"/>
                          <a:ea typeface="+mn-ea"/>
                          <a:cs typeface="+mn-cs"/>
                        </a:rPr>
                        <a:t>prestar atención</a:t>
                      </a:r>
                      <a:r>
                        <a:rPr lang="es-VE" sz="1700" kern="1200" baseline="0" dirty="0" smtClean="0">
                          <a:solidFill>
                            <a:schemeClr val="dk1"/>
                          </a:solidFill>
                          <a:effectLst/>
                          <a:latin typeface="+mn-lt"/>
                          <a:ea typeface="+mn-ea"/>
                          <a:cs typeface="+mn-cs"/>
                        </a:rPr>
                        <a:t> a</a:t>
                      </a:r>
                      <a:r>
                        <a:rPr lang="es-VE" sz="1700" kern="1200" dirty="0" smtClean="0">
                          <a:solidFill>
                            <a:schemeClr val="dk1"/>
                          </a:solidFill>
                          <a:effectLst/>
                          <a:latin typeface="+mn-lt"/>
                          <a:ea typeface="+mn-ea"/>
                          <a:cs typeface="+mn-cs"/>
                        </a:rPr>
                        <a:t> </a:t>
                      </a:r>
                      <a:r>
                        <a:rPr lang="es-VE" sz="1700" kern="1200" dirty="0" smtClean="0">
                          <a:solidFill>
                            <a:schemeClr val="dk1"/>
                          </a:solidFill>
                          <a:effectLst/>
                          <a:latin typeface="+mn-lt"/>
                          <a:ea typeface="+mn-ea"/>
                          <a:cs typeface="+mn-cs"/>
                        </a:rPr>
                        <a:t>lo que </a:t>
                      </a:r>
                      <a:r>
                        <a:rPr lang="es-VE" sz="1700" kern="1200" dirty="0" smtClean="0">
                          <a:solidFill>
                            <a:schemeClr val="dk1"/>
                          </a:solidFill>
                          <a:effectLst/>
                          <a:latin typeface="+mn-lt"/>
                          <a:ea typeface="+mn-ea"/>
                          <a:cs typeface="+mn-cs"/>
                        </a:rPr>
                        <a:t>sucede.</a:t>
                      </a:r>
                      <a:endParaRPr lang="es-VE" sz="1700" kern="1200" dirty="0" smtClean="0">
                        <a:solidFill>
                          <a:schemeClr val="dk1"/>
                        </a:solidFill>
                        <a:effectLst/>
                        <a:latin typeface="+mn-lt"/>
                        <a:ea typeface="+mn-ea"/>
                        <a:cs typeface="+mn-cs"/>
                      </a:endParaRPr>
                    </a:p>
                    <a:p>
                      <a:pPr marL="285750" lvl="0" indent="-285750" algn="just">
                        <a:buFont typeface="Arial" panose="020B0604020202020204" pitchFamily="34" charset="0"/>
                        <a:buChar char="•"/>
                      </a:pPr>
                      <a:r>
                        <a:rPr lang="es-VE" sz="1700" kern="1200" dirty="0" smtClean="0">
                          <a:solidFill>
                            <a:schemeClr val="dk1"/>
                          </a:solidFill>
                          <a:effectLst/>
                          <a:latin typeface="+mn-lt"/>
                          <a:ea typeface="+mn-ea"/>
                          <a:cs typeface="+mn-cs"/>
                        </a:rPr>
                        <a:t>Mantén la confidencia: puedes decir </a:t>
                      </a:r>
                      <a:r>
                        <a:rPr lang="es-VE" sz="1700" kern="1200" dirty="0" smtClean="0">
                          <a:solidFill>
                            <a:schemeClr val="dk1"/>
                          </a:solidFill>
                          <a:effectLst/>
                          <a:latin typeface="+mn-lt"/>
                          <a:ea typeface="+mn-ea"/>
                          <a:cs typeface="+mn-cs"/>
                        </a:rPr>
                        <a:t>de</a:t>
                      </a:r>
                      <a:r>
                        <a:rPr lang="es-VE" sz="1700" kern="1200" baseline="0" dirty="0" smtClean="0">
                          <a:solidFill>
                            <a:schemeClr val="dk1"/>
                          </a:solidFill>
                          <a:effectLst/>
                          <a:latin typeface="+mn-lt"/>
                          <a:ea typeface="+mn-ea"/>
                          <a:cs typeface="+mn-cs"/>
                        </a:rPr>
                        <a:t> qué</a:t>
                      </a:r>
                      <a:r>
                        <a:rPr lang="es-VE" sz="1700" kern="1200" dirty="0" smtClean="0">
                          <a:solidFill>
                            <a:schemeClr val="dk1"/>
                          </a:solidFill>
                          <a:effectLst/>
                          <a:latin typeface="+mn-lt"/>
                          <a:ea typeface="+mn-ea"/>
                          <a:cs typeface="+mn-cs"/>
                        </a:rPr>
                        <a:t> </a:t>
                      </a:r>
                      <a:r>
                        <a:rPr lang="es-VE" sz="1700" kern="1200" dirty="0" smtClean="0">
                          <a:solidFill>
                            <a:schemeClr val="dk1"/>
                          </a:solidFill>
                          <a:effectLst/>
                          <a:latin typeface="+mn-lt"/>
                          <a:ea typeface="+mn-ea"/>
                          <a:cs typeface="+mn-cs"/>
                        </a:rPr>
                        <a:t>se habló y quién estaba en la reunión, pero no puedes decir </a:t>
                      </a:r>
                      <a:r>
                        <a:rPr lang="es-VE" sz="1700" kern="1200" dirty="0" smtClean="0">
                          <a:solidFill>
                            <a:schemeClr val="dk1"/>
                          </a:solidFill>
                          <a:effectLst/>
                          <a:latin typeface="+mn-lt"/>
                          <a:ea typeface="+mn-ea"/>
                          <a:cs typeface="+mn-cs"/>
                        </a:rPr>
                        <a:t>quién </a:t>
                      </a:r>
                      <a:r>
                        <a:rPr lang="es-VE" sz="1700" kern="1200" dirty="0" smtClean="0">
                          <a:solidFill>
                            <a:schemeClr val="dk1"/>
                          </a:solidFill>
                          <a:effectLst/>
                          <a:latin typeface="+mn-lt"/>
                          <a:ea typeface="+mn-ea"/>
                          <a:cs typeface="+mn-cs"/>
                        </a:rPr>
                        <a:t>dijo qué cosa (citar a alguien) sin su permiso. Además, ten cuidado de no compartir detalles que podrían permitir identificar a alguien fácilmente por su vínculo institucional o perspectiva.</a:t>
                      </a:r>
                      <a:endParaRPr lang="en-ZA" sz="1700" kern="1200" dirty="0">
                        <a:solidFill>
                          <a:schemeClr val="dk1"/>
                        </a:solidFill>
                        <a:effectLst/>
                        <a:latin typeface="+mn-lt"/>
                        <a:ea typeface="+mn-ea"/>
                        <a:cs typeface="+mn-cs"/>
                      </a:endParaRPr>
                    </a:p>
                  </a:txBody>
                  <a:tcPr>
                    <a:solidFill>
                      <a:schemeClr val="bg1">
                        <a:lumMod val="85000"/>
                      </a:schemeClr>
                    </a:solidFill>
                  </a:tcPr>
                </a:tc>
                <a:tc hMerge="1">
                  <a:txBody>
                    <a:bodyPr/>
                    <a:lstStyle/>
                    <a:p>
                      <a:endParaRPr lang="en-US" dirty="0"/>
                    </a:p>
                  </a:txBody>
                  <a:tcPr>
                    <a:solidFill>
                      <a:schemeClr val="bg1">
                        <a:lumMod val="85000"/>
                      </a:schemeClr>
                    </a:solidFill>
                  </a:tcPr>
                </a:tc>
                <a:tc hMerge="1">
                  <a:txBody>
                    <a:bodyPr/>
                    <a:lstStyle/>
                    <a:p>
                      <a:endParaRPr lang="en-US" dirty="0"/>
                    </a:p>
                  </a:txBody>
                  <a:tcPr>
                    <a:solidFill>
                      <a:schemeClr val="bg1">
                        <a:lumMod val="85000"/>
                      </a:schemeClr>
                    </a:solidFill>
                  </a:tcPr>
                </a:tc>
                <a:extLst>
                  <a:ext uri="{0D108BD9-81ED-4DB2-BD59-A6C34878D82A}">
                    <a16:rowId xmlns:a16="http://schemas.microsoft.com/office/drawing/2014/main" xmlns="" val="10005"/>
                  </a:ext>
                </a:extLst>
              </a:tr>
            </a:tbl>
          </a:graphicData>
        </a:graphic>
      </p:graphicFrame>
    </p:spTree>
    <p:extLst>
      <p:ext uri="{BB962C8B-B14F-4D97-AF65-F5344CB8AC3E}">
        <p14:creationId xmlns:p14="http://schemas.microsoft.com/office/powerpoint/2010/main" val="2181759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768727778"/>
              </p:ext>
            </p:extLst>
          </p:nvPr>
        </p:nvGraphicFramePr>
        <p:xfrm>
          <a:off x="0" y="2797546"/>
          <a:ext cx="12192000" cy="4191921"/>
        </p:xfrm>
        <a:graphic>
          <a:graphicData uri="http://schemas.openxmlformats.org/drawingml/2006/table">
            <a:tbl>
              <a:tblPr firstRow="1" bandRow="1">
                <a:tableStyleId>{5C22544A-7EE6-4342-B048-85BDC9FD1C3A}</a:tableStyleId>
              </a:tblPr>
              <a:tblGrid>
                <a:gridCol w="2107769">
                  <a:extLst>
                    <a:ext uri="{9D8B030D-6E8A-4147-A177-3AD203B41FA5}">
                      <a16:colId xmlns:a16="http://schemas.microsoft.com/office/drawing/2014/main" xmlns="" val="20000"/>
                    </a:ext>
                  </a:extLst>
                </a:gridCol>
                <a:gridCol w="10084231">
                  <a:extLst>
                    <a:ext uri="{9D8B030D-6E8A-4147-A177-3AD203B41FA5}">
                      <a16:colId xmlns:a16="http://schemas.microsoft.com/office/drawing/2014/main" xmlns="" val="20001"/>
                    </a:ext>
                  </a:extLst>
                </a:gridCol>
              </a:tblGrid>
              <a:tr h="1266740">
                <a:tc>
                  <a:txBody>
                    <a:bodyPr/>
                    <a:lstStyle/>
                    <a:p>
                      <a:r>
                        <a:rPr lang="en-US" sz="1700" b="0" dirty="0" smtClean="0">
                          <a:solidFill>
                            <a:schemeClr val="tx1"/>
                          </a:solidFill>
                          <a:latin typeface="Arial" panose="020B0604020202020204" pitchFamily="34" charset="0"/>
                          <a:cs typeface="Arial" panose="020B0604020202020204" pitchFamily="34" charset="0"/>
                        </a:rPr>
                        <a:t>Para</a:t>
                      </a:r>
                      <a:r>
                        <a:rPr lang="en-US" sz="1700" b="0" baseline="0" dirty="0" smtClean="0">
                          <a:solidFill>
                            <a:schemeClr val="tx1"/>
                          </a:solidFill>
                          <a:latin typeface="Arial" panose="020B0604020202020204" pitchFamily="34" charset="0"/>
                          <a:cs typeface="Arial" panose="020B0604020202020204" pitchFamily="34" charset="0"/>
                        </a:rPr>
                        <a:t> qué lo usamos</a:t>
                      </a:r>
                      <a:endParaRPr lang="en-US" sz="1700" b="0" dirty="0">
                        <a:solidFill>
                          <a:schemeClr val="tx1"/>
                        </a:solidFill>
                        <a:latin typeface="Arial" panose="020B0604020202020204" pitchFamily="34" charset="0"/>
                        <a:cs typeface="Arial" panose="020B0604020202020204" pitchFamily="34" charset="0"/>
                      </a:endParaRPr>
                    </a:p>
                  </a:txBody>
                  <a:tcPr>
                    <a:lnT w="12700" cmpd="sng">
                      <a:noFill/>
                    </a:lnT>
                    <a:solidFill>
                      <a:schemeClr val="bg1"/>
                    </a:solidFill>
                  </a:tcPr>
                </a:tc>
                <a:tc>
                  <a:txBody>
                    <a:bodyPr/>
                    <a:lstStyle/>
                    <a:p>
                      <a:pPr lvl="0"/>
                      <a:r>
                        <a:rPr lang="es-VE" sz="1700" b="0" kern="1200" dirty="0" smtClean="0">
                          <a:solidFill>
                            <a:schemeClr val="tx1"/>
                          </a:solidFill>
                          <a:effectLst/>
                          <a:latin typeface="+mn-lt"/>
                          <a:ea typeface="+mn-ea"/>
                          <a:cs typeface="+mn-cs"/>
                        </a:rPr>
                        <a:t>Para crear intencionalmente un espacio para conversaciones sobre temas importantes. </a:t>
                      </a:r>
                    </a:p>
                    <a:p>
                      <a:pPr lvl="0"/>
                      <a:r>
                        <a:rPr lang="es-VE" sz="1700" b="0" kern="1200" dirty="0" smtClean="0">
                          <a:solidFill>
                            <a:schemeClr val="tx1"/>
                          </a:solidFill>
                          <a:effectLst/>
                          <a:latin typeface="+mn-lt"/>
                          <a:ea typeface="+mn-ea"/>
                          <a:cs typeface="+mn-cs"/>
                        </a:rPr>
                        <a:t>Les permiten</a:t>
                      </a:r>
                      <a:r>
                        <a:rPr lang="es-VE" sz="1700" b="0" kern="1200" baseline="0" dirty="0" smtClean="0">
                          <a:solidFill>
                            <a:schemeClr val="tx1"/>
                          </a:solidFill>
                          <a:effectLst/>
                          <a:latin typeface="+mn-lt"/>
                          <a:ea typeface="+mn-ea"/>
                          <a:cs typeface="+mn-cs"/>
                        </a:rPr>
                        <a:t> a</a:t>
                      </a:r>
                      <a:r>
                        <a:rPr lang="es-VE" sz="1700" b="0" kern="1200" dirty="0" smtClean="0">
                          <a:solidFill>
                            <a:schemeClr val="tx1"/>
                          </a:solidFill>
                          <a:effectLst/>
                          <a:latin typeface="+mn-lt"/>
                          <a:ea typeface="+mn-ea"/>
                          <a:cs typeface="+mn-cs"/>
                        </a:rPr>
                        <a:t> los grupos de personas crear una visión nueva, compartida y colectiva.</a:t>
                      </a:r>
                      <a:endParaRPr lang="en-ZA" sz="1700" b="0" kern="1200" dirty="0">
                        <a:solidFill>
                          <a:schemeClr val="tx1"/>
                        </a:solidFill>
                        <a:effectLst/>
                        <a:latin typeface="+mn-lt"/>
                        <a:ea typeface="+mn-ea"/>
                        <a:cs typeface="+mn-cs"/>
                      </a:endParaRPr>
                    </a:p>
                  </a:txBody>
                  <a:tcPr>
                    <a:lnT w="12700" cmpd="sng">
                      <a:noFill/>
                    </a:lnT>
                    <a:solidFill>
                      <a:schemeClr val="bg1"/>
                    </a:solidFill>
                  </a:tcPr>
                </a:tc>
                <a:extLst>
                  <a:ext uri="{0D108BD9-81ED-4DB2-BD59-A6C34878D82A}">
                    <a16:rowId xmlns:a16="http://schemas.microsoft.com/office/drawing/2014/main" xmlns="" val="10002"/>
                  </a:ext>
                </a:extLst>
              </a:tr>
              <a:tr h="1903377">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700" dirty="0" smtClean="0">
                          <a:solidFill>
                            <a:schemeClr val="tx1"/>
                          </a:solidFill>
                          <a:latin typeface="Arial" panose="020B0604020202020204" pitchFamily="34" charset="0"/>
                          <a:cs typeface="Arial" panose="020B0604020202020204" pitchFamily="34" charset="0"/>
                        </a:rPr>
                        <a:t>Cuándo</a:t>
                      </a:r>
                      <a:r>
                        <a:rPr lang="en-US" sz="1700" baseline="0" dirty="0" smtClean="0">
                          <a:solidFill>
                            <a:schemeClr val="tx1"/>
                          </a:solidFill>
                          <a:latin typeface="Arial" panose="020B0604020202020204" pitchFamily="34" charset="0"/>
                          <a:cs typeface="Arial" panose="020B0604020202020204" pitchFamily="34" charset="0"/>
                        </a:rPr>
                        <a:t> lo usamos</a:t>
                      </a:r>
                      <a:endParaRPr lang="en-US" sz="1700" dirty="0">
                        <a:solidFill>
                          <a:schemeClr val="tx1"/>
                        </a:solidFill>
                        <a:latin typeface="Arial" panose="020B0604020202020204" pitchFamily="34" charset="0"/>
                        <a:cs typeface="Arial" panose="020B0604020202020204" pitchFamily="34" charset="0"/>
                      </a:endParaRPr>
                    </a:p>
                  </a:txBody>
                  <a:tcPr>
                    <a:solidFill>
                      <a:schemeClr val="bg1">
                        <a:lumMod val="85000"/>
                      </a:schemeClr>
                    </a:solidFill>
                  </a:tcPr>
                </a:tc>
                <a:tc>
                  <a:txBody>
                    <a:bodyPr/>
                    <a:lstStyle/>
                    <a:p>
                      <a:pPr lvl="0"/>
                      <a:r>
                        <a:rPr lang="es-VE" sz="1700" kern="1200" dirty="0" smtClean="0">
                          <a:solidFill>
                            <a:schemeClr val="tx1"/>
                          </a:solidFill>
                          <a:effectLst/>
                          <a:latin typeface="+mn-lt"/>
                          <a:ea typeface="+mn-ea"/>
                          <a:cs typeface="+mn-cs"/>
                        </a:rPr>
                        <a:t>Para explorar a profundidad desafíos u oportunidades clave.</a:t>
                      </a:r>
                    </a:p>
                    <a:p>
                      <a:pPr lvl="0"/>
                      <a:r>
                        <a:rPr lang="es-VE" sz="1700" dirty="0" smtClean="0">
                          <a:solidFill>
                            <a:schemeClr val="tx1"/>
                          </a:solidFill>
                        </a:rPr>
                        <a:t>Para generar aportes, compartir conocimientos, incentivar el pensamiento innovador y explorar posibilidades de acción sobre diferentes asuntos y preguntas.</a:t>
                      </a:r>
                      <a:endParaRPr lang="en-US" sz="1700" dirty="0">
                        <a:solidFill>
                          <a:schemeClr val="tx1"/>
                        </a:solidFill>
                      </a:endParaRPr>
                    </a:p>
                  </a:txBody>
                  <a:tcPr>
                    <a:solidFill>
                      <a:schemeClr val="bg1">
                        <a:lumMod val="85000"/>
                      </a:schemeClr>
                    </a:solidFill>
                  </a:tcPr>
                </a:tc>
                <a:extLst>
                  <a:ext uri="{0D108BD9-81ED-4DB2-BD59-A6C34878D82A}">
                    <a16:rowId xmlns:a16="http://schemas.microsoft.com/office/drawing/2014/main" xmlns="" val="10003"/>
                  </a:ext>
                </a:extLst>
              </a:tr>
              <a:tr h="1021804">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700" dirty="0" smtClean="0">
                          <a:solidFill>
                            <a:schemeClr val="tx1"/>
                          </a:solidFill>
                          <a:latin typeface="Arial" panose="020B0604020202020204" pitchFamily="34" charset="0"/>
                          <a:cs typeface="Arial" panose="020B0604020202020204" pitchFamily="34" charset="0"/>
                        </a:rPr>
                        <a:t>Quién</a:t>
                      </a:r>
                      <a:r>
                        <a:rPr lang="en-US" sz="1700" baseline="0" dirty="0" smtClean="0">
                          <a:solidFill>
                            <a:schemeClr val="tx1"/>
                          </a:solidFill>
                          <a:latin typeface="Arial" panose="020B0604020202020204" pitchFamily="34" charset="0"/>
                          <a:cs typeface="Arial" panose="020B0604020202020204" pitchFamily="34" charset="0"/>
                        </a:rPr>
                        <a:t> participa</a:t>
                      </a:r>
                      <a:endParaRPr lang="en-US" sz="1700" dirty="0">
                        <a:solidFill>
                          <a:schemeClr val="tx1"/>
                        </a:solidFill>
                        <a:latin typeface="Arial" panose="020B0604020202020204" pitchFamily="34" charset="0"/>
                        <a:cs typeface="Arial" panose="020B0604020202020204" pitchFamily="34" charset="0"/>
                      </a:endParaRPr>
                    </a:p>
                  </a:txBody>
                  <a:tcPr>
                    <a:solidFill>
                      <a:schemeClr val="bg1"/>
                    </a:solidFill>
                  </a:tcPr>
                </a:tc>
                <a:tc>
                  <a:txBody>
                    <a:bodyPr/>
                    <a:lstStyle/>
                    <a:p>
                      <a:pPr lvl="0"/>
                      <a:r>
                        <a:rPr lang="es-VE" sz="1700" kern="1200" dirty="0" smtClean="0">
                          <a:solidFill>
                            <a:schemeClr val="tx1"/>
                          </a:solidFill>
                          <a:effectLst/>
                          <a:latin typeface="+mn-lt"/>
                          <a:ea typeface="+mn-ea"/>
                          <a:cs typeface="+mn-cs"/>
                        </a:rPr>
                        <a:t>Un moderador presenta los pasos y un moderador técnico configura las salas más pequeñas.</a:t>
                      </a:r>
                      <a:endParaRPr lang="en-ZA" sz="1700" kern="1200" dirty="0">
                        <a:solidFill>
                          <a:schemeClr val="tx1"/>
                        </a:solidFill>
                        <a:effectLst/>
                        <a:latin typeface="+mn-lt"/>
                        <a:ea typeface="+mn-ea"/>
                        <a:cs typeface="+mn-cs"/>
                      </a:endParaRPr>
                    </a:p>
                  </a:txBody>
                  <a:tcPr>
                    <a:solidFill>
                      <a:schemeClr val="bg1"/>
                    </a:solidFill>
                  </a:tcPr>
                </a:tc>
                <a:extLst>
                  <a:ext uri="{0D108BD9-81ED-4DB2-BD59-A6C34878D82A}">
                    <a16:rowId xmlns:a16="http://schemas.microsoft.com/office/drawing/2014/main" xmlns="" val="10004"/>
                  </a:ext>
                </a:extLst>
              </a:tr>
            </a:tbl>
          </a:graphicData>
        </a:graphic>
      </p:graphicFrame>
      <p:sp>
        <p:nvSpPr>
          <p:cNvPr id="3" name="Title 1">
            <a:extLst>
              <a:ext uri="{FF2B5EF4-FFF2-40B4-BE49-F238E27FC236}">
                <a16:creationId xmlns:a16="http://schemas.microsoft.com/office/drawing/2014/main" xmlns="" id="{86CD8C01-C8E2-4A23-83A2-192AEA4E4535}"/>
              </a:ext>
            </a:extLst>
          </p:cNvPr>
          <p:cNvSpPr txBox="1">
            <a:spLocks/>
          </p:cNvSpPr>
          <p:nvPr/>
        </p:nvSpPr>
        <p:spPr>
          <a:xfrm>
            <a:off x="838200" y="313757"/>
            <a:ext cx="10515600" cy="713659"/>
          </a:xfrm>
          <a:prstGeom prst="rect">
            <a:avLst/>
          </a:prstGeom>
          <a:solidFill>
            <a:schemeClr val="accent4"/>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ZA" sz="4200" b="1" dirty="0" smtClean="0">
                <a:solidFill>
                  <a:schemeClr val="bg1"/>
                </a:solidFill>
              </a:rPr>
              <a:t>¿Qué es un Café </a:t>
            </a:r>
            <a:r>
              <a:rPr lang="en-ZA" sz="4200" b="1" dirty="0">
                <a:solidFill>
                  <a:schemeClr val="bg1"/>
                </a:solidFill>
              </a:rPr>
              <a:t>M</a:t>
            </a:r>
            <a:r>
              <a:rPr lang="en-ZA" sz="4200" b="1" dirty="0" smtClean="0">
                <a:solidFill>
                  <a:schemeClr val="bg1"/>
                </a:solidFill>
              </a:rPr>
              <a:t>undial?</a:t>
            </a:r>
            <a:endParaRPr lang="en-ZA" sz="4200" b="1" dirty="0">
              <a:solidFill>
                <a:schemeClr val="bg1"/>
              </a:solidFill>
            </a:endParaRPr>
          </a:p>
        </p:txBody>
      </p:sp>
      <p:sp>
        <p:nvSpPr>
          <p:cNvPr id="4" name="TextBox 3">
            <a:extLst>
              <a:ext uri="{FF2B5EF4-FFF2-40B4-BE49-F238E27FC236}">
                <a16:creationId xmlns:a16="http://schemas.microsoft.com/office/drawing/2014/main" xmlns="" id="{446D6223-186B-4DEF-AEF6-306ADD95C5FD}"/>
              </a:ext>
            </a:extLst>
          </p:cNvPr>
          <p:cNvSpPr txBox="1"/>
          <p:nvPr/>
        </p:nvSpPr>
        <p:spPr>
          <a:xfrm>
            <a:off x="924675" y="1387011"/>
            <a:ext cx="9811820" cy="923330"/>
          </a:xfrm>
          <a:prstGeom prst="rect">
            <a:avLst/>
          </a:prstGeom>
          <a:noFill/>
          <a:ln>
            <a:solidFill>
              <a:schemeClr val="accent4"/>
            </a:solidFill>
          </a:ln>
        </p:spPr>
        <p:txBody>
          <a:bodyPr wrap="square" rtlCol="0">
            <a:spAutoFit/>
          </a:bodyPr>
          <a:lstStyle/>
          <a:p>
            <a:pPr algn="ctr"/>
            <a:r>
              <a:rPr lang="es-VE" dirty="0"/>
              <a:t>El Café Mundial es una metodología simple, efectiva y flexible que permite entablar un diálogo amplio. Cada elemento del método tiene un objetivo especifico y corresponde a uno o a más de los principios del diseño.</a:t>
            </a:r>
            <a:endParaRPr lang="en-US" dirty="0"/>
          </a:p>
        </p:txBody>
      </p:sp>
    </p:spTree>
    <p:extLst>
      <p:ext uri="{BB962C8B-B14F-4D97-AF65-F5344CB8AC3E}">
        <p14:creationId xmlns:p14="http://schemas.microsoft.com/office/powerpoint/2010/main" val="357796664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xmlns="" id="{ACFCB07D-68B2-4344-9C0C-08313CFF545E}"/>
              </a:ext>
            </a:extLst>
          </p:cNvPr>
          <p:cNvSpPr>
            <a:spLocks noGrp="1"/>
          </p:cNvSpPr>
          <p:nvPr>
            <p:ph type="body" idx="1"/>
          </p:nvPr>
        </p:nvSpPr>
        <p:spPr>
          <a:xfrm>
            <a:off x="669668" y="469051"/>
            <a:ext cx="5157787" cy="823912"/>
          </a:xfrm>
        </p:spPr>
        <p:txBody>
          <a:bodyPr/>
          <a:lstStyle/>
          <a:p>
            <a:pPr algn="ctr"/>
            <a:r>
              <a:rPr lang="en-ZA" dirty="0" smtClean="0"/>
              <a:t>Reunión virtual</a:t>
            </a:r>
            <a:endParaRPr lang="en-ZA" dirty="0"/>
          </a:p>
        </p:txBody>
      </p:sp>
      <p:sp>
        <p:nvSpPr>
          <p:cNvPr id="7" name="Text Placeholder 6">
            <a:extLst>
              <a:ext uri="{FF2B5EF4-FFF2-40B4-BE49-F238E27FC236}">
                <a16:creationId xmlns:a16="http://schemas.microsoft.com/office/drawing/2014/main" xmlns="" id="{B3584F07-6896-42FA-88F5-1A151E0140EF}"/>
              </a:ext>
            </a:extLst>
          </p:cNvPr>
          <p:cNvSpPr>
            <a:spLocks noGrp="1"/>
          </p:cNvSpPr>
          <p:nvPr>
            <p:ph type="body" sz="quarter" idx="3"/>
          </p:nvPr>
        </p:nvSpPr>
        <p:spPr>
          <a:xfrm>
            <a:off x="6172201" y="469051"/>
            <a:ext cx="5183188" cy="823912"/>
          </a:xfrm>
        </p:spPr>
        <p:txBody>
          <a:bodyPr/>
          <a:lstStyle/>
          <a:p>
            <a:pPr algn="ctr"/>
            <a:r>
              <a:rPr lang="en-ZA" dirty="0" smtClean="0"/>
              <a:t>Reunión presencial</a:t>
            </a:r>
            <a:endParaRPr lang="en-ZA" dirty="0"/>
          </a:p>
        </p:txBody>
      </p:sp>
      <p:sp>
        <p:nvSpPr>
          <p:cNvPr id="8" name="Content Placeholder 7">
            <a:extLst>
              <a:ext uri="{FF2B5EF4-FFF2-40B4-BE49-F238E27FC236}">
                <a16:creationId xmlns:a16="http://schemas.microsoft.com/office/drawing/2014/main" xmlns="" id="{5245CC8D-4829-479A-8E45-666B2D49987F}"/>
              </a:ext>
            </a:extLst>
          </p:cNvPr>
          <p:cNvSpPr>
            <a:spLocks noGrp="1"/>
          </p:cNvSpPr>
          <p:nvPr>
            <p:ph sz="quarter" idx="4"/>
          </p:nvPr>
        </p:nvSpPr>
        <p:spPr>
          <a:xfrm>
            <a:off x="6019800" y="1292963"/>
            <a:ext cx="5610546" cy="4896700"/>
          </a:xfrm>
          <a:ln>
            <a:solidFill>
              <a:schemeClr val="accent2"/>
            </a:solidFill>
          </a:ln>
        </p:spPr>
        <p:txBody>
          <a:bodyPr>
            <a:noAutofit/>
          </a:bodyPr>
          <a:lstStyle/>
          <a:p>
            <a:pPr>
              <a:lnSpc>
                <a:spcPct val="120000"/>
              </a:lnSpc>
            </a:pPr>
            <a:r>
              <a:rPr lang="es-VE" sz="1200" dirty="0">
                <a:latin typeface="Arial" panose="020B0604020202020204" pitchFamily="34" charset="0"/>
                <a:cs typeface="Arial" panose="020B0604020202020204" pitchFamily="34" charset="0"/>
              </a:rPr>
              <a:t>Aclara el objetivo: antes de reunir a personas por un café, aclara </a:t>
            </a:r>
            <a:r>
              <a:rPr lang="es-VE" sz="1200" dirty="0" smtClean="0">
                <a:latin typeface="Arial" panose="020B0604020202020204" pitchFamily="34" charset="0"/>
                <a:cs typeface="Arial" panose="020B0604020202020204" pitchFamily="34" charset="0"/>
              </a:rPr>
              <a:t>cuál </a:t>
            </a:r>
            <a:r>
              <a:rPr lang="es-VE" sz="1200" dirty="0">
                <a:latin typeface="Arial" panose="020B0604020202020204" pitchFamily="34" charset="0"/>
                <a:cs typeface="Arial" panose="020B0604020202020204" pitchFamily="34" charset="0"/>
              </a:rPr>
              <a:t>es el objetivo. Entender este punto es necesario para determinar quién debe estar ahí, las preguntas a debatir y los detalles del </a:t>
            </a:r>
            <a:r>
              <a:rPr lang="es-VE" sz="1200" dirty="0" smtClean="0">
                <a:latin typeface="Arial" panose="020B0604020202020204" pitchFamily="34" charset="0"/>
                <a:cs typeface="Arial" panose="020B0604020202020204" pitchFamily="34" charset="0"/>
              </a:rPr>
              <a:t>diseño</a:t>
            </a:r>
            <a:endParaRPr lang="en-US" sz="1200" dirty="0" smtClean="0">
              <a:latin typeface="Arial" panose="020B0604020202020204" pitchFamily="34" charset="0"/>
              <a:cs typeface="Arial" panose="020B0604020202020204" pitchFamily="34" charset="0"/>
            </a:endParaRPr>
          </a:p>
          <a:p>
            <a:pPr>
              <a:lnSpc>
                <a:spcPct val="120000"/>
              </a:lnSpc>
            </a:pPr>
            <a:r>
              <a:rPr lang="en-US" sz="1200" dirty="0">
                <a:latin typeface="Arial" panose="020B0604020202020204" pitchFamily="34" charset="0"/>
                <a:cs typeface="Arial" panose="020B0604020202020204" pitchFamily="34" charset="0"/>
              </a:rPr>
              <a:t>Explora preguntas importantes, no subestimes la atención que se necesita para identificar buenas preguntas</a:t>
            </a:r>
            <a:r>
              <a:rPr lang="en-US" sz="1200" dirty="0" smtClean="0">
                <a:latin typeface="Arial" panose="020B0604020202020204" pitchFamily="34" charset="0"/>
                <a:cs typeface="Arial" panose="020B0604020202020204" pitchFamily="34" charset="0"/>
              </a:rPr>
              <a:t>.</a:t>
            </a:r>
            <a:endParaRPr lang="en-ZA" sz="1200" dirty="0"/>
          </a:p>
          <a:p>
            <a:pPr>
              <a:lnSpc>
                <a:spcPct val="120000"/>
              </a:lnSpc>
            </a:pPr>
            <a:r>
              <a:rPr lang="es-VE" sz="1200" dirty="0">
                <a:latin typeface="Arial" panose="020B0604020202020204" pitchFamily="34" charset="0"/>
                <a:cs typeface="Arial" panose="020B0604020202020204" pitchFamily="34" charset="0"/>
              </a:rPr>
              <a:t>Crea un espacio acogedor: mesas con sillas de acuerdo al tamaño predeterminado de los grupos. </a:t>
            </a:r>
            <a:r>
              <a:rPr lang="es-VE" sz="1200" dirty="0" smtClean="0">
                <a:latin typeface="Arial" panose="020B0604020202020204" pitchFamily="34" charset="0"/>
                <a:cs typeface="Arial" panose="020B0604020202020204" pitchFamily="34" charset="0"/>
              </a:rPr>
              <a:t>Asegúrate </a:t>
            </a:r>
            <a:r>
              <a:rPr lang="es-VE" sz="1200" dirty="0">
                <a:latin typeface="Arial" panose="020B0604020202020204" pitchFamily="34" charset="0"/>
                <a:cs typeface="Arial" panose="020B0604020202020204" pitchFamily="34" charset="0"/>
              </a:rPr>
              <a:t>de que </a:t>
            </a:r>
            <a:r>
              <a:rPr lang="es-VE" sz="1200" dirty="0" smtClean="0">
                <a:latin typeface="Arial" panose="020B0604020202020204" pitchFamily="34" charset="0"/>
                <a:cs typeface="Arial" panose="020B0604020202020204" pitchFamily="34" charset="0"/>
              </a:rPr>
              <a:t>haya rotafolios </a:t>
            </a:r>
            <a:r>
              <a:rPr lang="es-VE" sz="1200" dirty="0">
                <a:latin typeface="Arial" panose="020B0604020202020204" pitchFamily="34" charset="0"/>
                <a:cs typeface="Arial" panose="020B0604020202020204" pitchFamily="34" charset="0"/>
              </a:rPr>
              <a:t>y marcadores para tomar notas</a:t>
            </a:r>
            <a:r>
              <a:rPr lang="es-VE" sz="1200" dirty="0" smtClean="0">
                <a:latin typeface="Arial" panose="020B0604020202020204" pitchFamily="34" charset="0"/>
                <a:cs typeface="Arial" panose="020B0604020202020204" pitchFamily="34" charset="0"/>
              </a:rPr>
              <a:t>.</a:t>
            </a:r>
          </a:p>
          <a:p>
            <a:pPr>
              <a:lnSpc>
                <a:spcPct val="120000"/>
              </a:lnSpc>
            </a:pPr>
            <a:r>
              <a:rPr lang="es-VE" sz="1200" dirty="0" smtClean="0">
                <a:latin typeface="Arial" panose="020B0604020202020204" pitchFamily="34" charset="0"/>
                <a:cs typeface="Arial" panose="020B0604020202020204" pitchFamily="34" charset="0"/>
              </a:rPr>
              <a:t>Cada </a:t>
            </a:r>
            <a:r>
              <a:rPr lang="es-VE" sz="1200" dirty="0">
                <a:latin typeface="Arial" panose="020B0604020202020204" pitchFamily="34" charset="0"/>
                <a:cs typeface="Arial" panose="020B0604020202020204" pitchFamily="34" charset="0"/>
              </a:rPr>
              <a:t>mesa tiene un anfitrión y los invitados circulan a una diferente después de cada ronda de preguntas, pero el anfitrión queda atrás</a:t>
            </a:r>
            <a:r>
              <a:rPr lang="es-VE" sz="1200" dirty="0" smtClean="0">
                <a:latin typeface="Arial" panose="020B0604020202020204" pitchFamily="34" charset="0"/>
                <a:cs typeface="Arial" panose="020B0604020202020204" pitchFamily="34" charset="0"/>
              </a:rPr>
              <a:t>.</a:t>
            </a:r>
          </a:p>
          <a:p>
            <a:pPr>
              <a:lnSpc>
                <a:spcPct val="120000"/>
              </a:lnSpc>
            </a:pPr>
            <a:r>
              <a:rPr lang="es-VE" sz="1200" dirty="0" smtClean="0">
                <a:latin typeface="Arial" panose="020B0604020202020204" pitchFamily="34" charset="0"/>
                <a:cs typeface="Arial" panose="020B0604020202020204" pitchFamily="34" charset="0"/>
              </a:rPr>
              <a:t>Dales </a:t>
            </a:r>
            <a:r>
              <a:rPr lang="es-VE" sz="1200" dirty="0">
                <a:latin typeface="Arial" panose="020B0604020202020204" pitchFamily="34" charset="0"/>
                <a:cs typeface="Arial" panose="020B0604020202020204" pitchFamily="34" charset="0"/>
              </a:rPr>
              <a:t>tiempo a los anfitriones de dar un breve resumen de la última conversación que tuvieron antes de empezar la siguiente ronda</a:t>
            </a:r>
            <a:r>
              <a:rPr lang="es-VE" sz="1200" dirty="0" smtClean="0">
                <a:latin typeface="Arial" panose="020B0604020202020204" pitchFamily="34" charset="0"/>
                <a:cs typeface="Arial" panose="020B0604020202020204" pitchFamily="34" charset="0"/>
              </a:rPr>
              <a:t>.</a:t>
            </a:r>
          </a:p>
          <a:p>
            <a:pPr>
              <a:lnSpc>
                <a:spcPct val="120000"/>
              </a:lnSpc>
            </a:pPr>
            <a:r>
              <a:rPr lang="es-VE" sz="1200" dirty="0" smtClean="0">
                <a:latin typeface="Arial" panose="020B0604020202020204" pitchFamily="34" charset="0"/>
                <a:cs typeface="Arial" panose="020B0604020202020204" pitchFamily="34" charset="0"/>
              </a:rPr>
              <a:t>Incentiva </a:t>
            </a:r>
            <a:r>
              <a:rPr lang="es-VE" sz="1200" dirty="0">
                <a:latin typeface="Arial" panose="020B0604020202020204" pitchFamily="34" charset="0"/>
                <a:cs typeface="Arial" panose="020B0604020202020204" pitchFamily="34" charset="0"/>
              </a:rPr>
              <a:t>la participación y motiva a todo el grupo a conversar para explorar los temas y las preguntas que surjan después.</a:t>
            </a:r>
            <a:endParaRPr lang="en-US" sz="1200" dirty="0">
              <a:latin typeface="Arial" panose="020B0604020202020204" pitchFamily="34" charset="0"/>
              <a:cs typeface="Arial" panose="020B0604020202020204" pitchFamily="34" charset="0"/>
            </a:endParaRPr>
          </a:p>
        </p:txBody>
      </p:sp>
      <p:sp>
        <p:nvSpPr>
          <p:cNvPr id="9" name="Content Placeholder 2">
            <a:extLst>
              <a:ext uri="{FF2B5EF4-FFF2-40B4-BE49-F238E27FC236}">
                <a16:creationId xmlns:a16="http://schemas.microsoft.com/office/drawing/2014/main" xmlns="" id="{9762E210-FCCD-4CAF-BB16-954932F554D7}"/>
              </a:ext>
            </a:extLst>
          </p:cNvPr>
          <p:cNvSpPr>
            <a:spLocks noGrp="1"/>
          </p:cNvSpPr>
          <p:nvPr>
            <p:ph sz="half" idx="2"/>
          </p:nvPr>
        </p:nvSpPr>
        <p:spPr>
          <a:xfrm>
            <a:off x="669667" y="1292963"/>
            <a:ext cx="4970845" cy="4896699"/>
          </a:xfrm>
          <a:ln>
            <a:solidFill>
              <a:schemeClr val="accent2"/>
            </a:solidFill>
          </a:ln>
        </p:spPr>
        <p:txBody>
          <a:bodyPr>
            <a:noAutofit/>
          </a:bodyPr>
          <a:lstStyle/>
          <a:p>
            <a:pPr fontAlgn="t">
              <a:lnSpc>
                <a:spcPct val="120000"/>
              </a:lnSpc>
            </a:pPr>
            <a:r>
              <a:rPr lang="es-VE" sz="1200" dirty="0">
                <a:latin typeface="Arial" panose="020B0604020202020204" pitchFamily="34" charset="0"/>
                <a:cs typeface="Arial" panose="020B0604020202020204" pitchFamily="34" charset="0"/>
              </a:rPr>
              <a:t>Aclara el objetivo: antes de reunir a personas por un café, aclara </a:t>
            </a:r>
            <a:r>
              <a:rPr lang="es-VE" sz="1200" dirty="0" smtClean="0">
                <a:latin typeface="Arial" panose="020B0604020202020204" pitchFamily="34" charset="0"/>
                <a:cs typeface="Arial" panose="020B0604020202020204" pitchFamily="34" charset="0"/>
              </a:rPr>
              <a:t>cuál </a:t>
            </a:r>
            <a:r>
              <a:rPr lang="es-VE" sz="1200" dirty="0">
                <a:latin typeface="Arial" panose="020B0604020202020204" pitchFamily="34" charset="0"/>
                <a:cs typeface="Arial" panose="020B0604020202020204" pitchFamily="34" charset="0"/>
              </a:rPr>
              <a:t>es el objetivo. Entender este punto es necesario para determinar quién debe estar ahí, las preguntas a debatir y los detalles del </a:t>
            </a:r>
            <a:r>
              <a:rPr lang="es-VE" sz="1200" dirty="0" smtClean="0">
                <a:latin typeface="Arial" panose="020B0604020202020204" pitchFamily="34" charset="0"/>
                <a:cs typeface="Arial" panose="020B0604020202020204" pitchFamily="34" charset="0"/>
              </a:rPr>
              <a:t>diseño.</a:t>
            </a:r>
            <a:endParaRPr lang="es-VE" sz="1200" dirty="0" smtClean="0">
              <a:latin typeface="Arial" panose="020B0604020202020204" pitchFamily="34" charset="0"/>
              <a:cs typeface="Arial" panose="020B0604020202020204" pitchFamily="34" charset="0"/>
            </a:endParaRPr>
          </a:p>
          <a:p>
            <a:pPr fontAlgn="t">
              <a:lnSpc>
                <a:spcPct val="120000"/>
              </a:lnSpc>
            </a:pPr>
            <a:r>
              <a:rPr lang="es-VE" sz="1200" dirty="0">
                <a:latin typeface="Arial" panose="020B0604020202020204" pitchFamily="34" charset="0"/>
                <a:cs typeface="Arial" panose="020B0604020202020204" pitchFamily="34" charset="0"/>
              </a:rPr>
              <a:t>Decide con tu comoderador si las salas de </a:t>
            </a:r>
            <a:r>
              <a:rPr lang="es-VE" sz="1200" dirty="0">
                <a:latin typeface="Arial" panose="020B0604020202020204" pitchFamily="34" charset="0"/>
                <a:cs typeface="Arial" panose="020B0604020202020204" pitchFamily="34" charset="0"/>
              </a:rPr>
              <a:t>grupos pequeños </a:t>
            </a:r>
            <a:r>
              <a:rPr lang="es-VE" sz="1200" dirty="0">
                <a:latin typeface="Arial" panose="020B0604020202020204" pitchFamily="34" charset="0"/>
                <a:cs typeface="Arial" panose="020B0604020202020204" pitchFamily="34" charset="0"/>
              </a:rPr>
              <a:t>serán conformadas aleatoria o </a:t>
            </a:r>
            <a:r>
              <a:rPr lang="es-VE" sz="1200" dirty="0" smtClean="0">
                <a:latin typeface="Arial" panose="020B0604020202020204" pitchFamily="34" charset="0"/>
                <a:cs typeface="Arial" panose="020B0604020202020204" pitchFamily="34" charset="0"/>
              </a:rPr>
              <a:t>predeterminadamente.</a:t>
            </a:r>
          </a:p>
          <a:p>
            <a:pPr fontAlgn="t">
              <a:lnSpc>
                <a:spcPct val="120000"/>
              </a:lnSpc>
            </a:pPr>
            <a:r>
              <a:rPr lang="en-US" sz="1200" dirty="0">
                <a:latin typeface="Arial" panose="020B0604020202020204" pitchFamily="34" charset="0"/>
                <a:cs typeface="Arial" panose="020B0604020202020204" pitchFamily="34" charset="0"/>
              </a:rPr>
              <a:t>Explora preguntas importantes, no subestimes la atención que se necesita para identificar buenas preguntas.</a:t>
            </a:r>
          </a:p>
          <a:p>
            <a:pPr fontAlgn="t">
              <a:lnSpc>
                <a:spcPct val="120000"/>
              </a:lnSpc>
            </a:pPr>
            <a:r>
              <a:rPr lang="es-VE" sz="1200" dirty="0">
                <a:latin typeface="Arial" panose="020B0604020202020204" pitchFamily="34" charset="0"/>
                <a:cs typeface="Arial" panose="020B0604020202020204" pitchFamily="34" charset="0"/>
              </a:rPr>
              <a:t>Incentiva la participación de cada persona</a:t>
            </a:r>
            <a:r>
              <a:rPr lang="es-VE" sz="1200" dirty="0" smtClean="0">
                <a:latin typeface="Arial" panose="020B0604020202020204" pitchFamily="34" charset="0"/>
                <a:cs typeface="Arial" panose="020B0604020202020204" pitchFamily="34" charset="0"/>
              </a:rPr>
              <a:t>.</a:t>
            </a:r>
          </a:p>
          <a:p>
            <a:pPr fontAlgn="t">
              <a:lnSpc>
                <a:spcPct val="120000"/>
              </a:lnSpc>
            </a:pPr>
            <a:r>
              <a:rPr lang="es-VE" sz="1200" dirty="0">
                <a:latin typeface="Arial" panose="020B0604020202020204" pitchFamily="34" charset="0"/>
                <a:cs typeface="Arial" panose="020B0604020202020204" pitchFamily="34" charset="0"/>
              </a:rPr>
              <a:t>Diseña tu café de forma que haya el máximo de polinización cruzada posible</a:t>
            </a:r>
            <a:r>
              <a:rPr lang="es-VE" sz="1200" dirty="0" smtClean="0">
                <a:latin typeface="Arial" panose="020B0604020202020204" pitchFamily="34" charset="0"/>
                <a:cs typeface="Arial" panose="020B0604020202020204" pitchFamily="34" charset="0"/>
              </a:rPr>
              <a:t>.</a:t>
            </a:r>
          </a:p>
          <a:p>
            <a:pPr fontAlgn="t">
              <a:lnSpc>
                <a:spcPct val="120000"/>
              </a:lnSpc>
            </a:pPr>
            <a:r>
              <a:rPr lang="es-VE" sz="1200" dirty="0"/>
              <a:t>Cada grupo debe asignar a una persona para llevar el tiempo y otra para tomar las notas que serán compartidas en la plenaria</a:t>
            </a:r>
            <a:r>
              <a:rPr lang="es-VE" sz="1200" dirty="0" smtClean="0"/>
              <a:t>.</a:t>
            </a:r>
          </a:p>
          <a:p>
            <a:pPr fontAlgn="t">
              <a:lnSpc>
                <a:spcPct val="120000"/>
              </a:lnSpc>
            </a:pPr>
            <a:endParaRPr lang="es-VE" sz="1200" dirty="0" smtClean="0"/>
          </a:p>
        </p:txBody>
      </p:sp>
    </p:spTree>
    <p:extLst>
      <p:ext uri="{BB962C8B-B14F-4D97-AF65-F5344CB8AC3E}">
        <p14:creationId xmlns:p14="http://schemas.microsoft.com/office/powerpoint/2010/main" val="4262645332"/>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ubtitle 3">
            <a:extLst>
              <a:ext uri="{FF2B5EF4-FFF2-40B4-BE49-F238E27FC236}">
                <a16:creationId xmlns:a16="http://schemas.microsoft.com/office/drawing/2014/main" xmlns="" id="{6D950087-388C-44B7-A630-B35A6042E7B6}"/>
              </a:ext>
            </a:extLst>
          </p:cNvPr>
          <p:cNvSpPr>
            <a:spLocks noGrp="1"/>
          </p:cNvSpPr>
          <p:nvPr>
            <p:ph type="subTitle" idx="1"/>
          </p:nvPr>
        </p:nvSpPr>
        <p:spPr>
          <a:xfrm>
            <a:off x="1626742" y="687032"/>
            <a:ext cx="9144000" cy="2426038"/>
          </a:xfrm>
          <a:solidFill>
            <a:schemeClr val="accent2"/>
          </a:solidFill>
          <a:ln>
            <a:noFill/>
          </a:ln>
        </p:spPr>
        <p:txBody>
          <a:bodyPr anchor="ctr">
            <a:normAutofit/>
          </a:bodyPr>
          <a:lstStyle/>
          <a:p>
            <a:pPr>
              <a:lnSpc>
                <a:spcPct val="100000"/>
              </a:lnSpc>
              <a:spcBef>
                <a:spcPts val="0"/>
              </a:spcBef>
              <a:defRPr/>
            </a:pPr>
            <a:r>
              <a:rPr lang="en-US" sz="4000" b="1" dirty="0" smtClean="0">
                <a:solidFill>
                  <a:schemeClr val="bg1"/>
                </a:solidFill>
                <a:latin typeface="Arial" panose="020B0604020202020204" pitchFamily="34" charset="0"/>
                <a:cs typeface="Arial" panose="020B0604020202020204" pitchFamily="34" charset="0"/>
              </a:rPr>
              <a:t>De aquí en adelante encontrarás tips útiles para ser moderador de una discusión en un grupo de enfoque</a:t>
            </a:r>
            <a:endParaRPr lang="en-US" sz="4000" b="1" dirty="0">
              <a:solidFill>
                <a:schemeClr val="bg1"/>
              </a:solidFill>
              <a:latin typeface="Arial" panose="020B0604020202020204" pitchFamily="34" charset="0"/>
              <a:cs typeface="Arial" panose="020B0604020202020204" pitchFamily="34" charset="0"/>
            </a:endParaRPr>
          </a:p>
        </p:txBody>
      </p:sp>
      <p:sp>
        <p:nvSpPr>
          <p:cNvPr id="5" name="Title 4">
            <a:extLst>
              <a:ext uri="{FF2B5EF4-FFF2-40B4-BE49-F238E27FC236}">
                <a16:creationId xmlns:a16="http://schemas.microsoft.com/office/drawing/2014/main" xmlns="" id="{1192C255-D960-4D90-A73F-48D931B31895}"/>
              </a:ext>
            </a:extLst>
          </p:cNvPr>
          <p:cNvSpPr>
            <a:spLocks noGrp="1"/>
          </p:cNvSpPr>
          <p:nvPr>
            <p:ph type="ctrTitle"/>
          </p:nvPr>
        </p:nvSpPr>
        <p:spPr>
          <a:xfrm>
            <a:off x="1524000" y="3590963"/>
            <a:ext cx="9144000" cy="2838662"/>
          </a:xfrm>
          <a:prstGeom prst="rect">
            <a:avLst/>
          </a:prstGeom>
        </p:spPr>
        <p:txBody>
          <a:bodyPr wrap="square">
            <a:spAutoFit/>
          </a:bodyPr>
          <a:lstStyle/>
          <a:p>
            <a:pPr>
              <a:lnSpc>
                <a:spcPct val="107000"/>
              </a:lnSpc>
              <a:spcAft>
                <a:spcPts val="600"/>
              </a:spcAft>
            </a:pPr>
            <a:r>
              <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t>¿Tienes alguna pregunta? </a:t>
            </a:r>
            <a:br>
              <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br>
            <a:r>
              <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t>¿Quieres aclarar algo?</a:t>
            </a:r>
            <a:br>
              <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br>
            <a:r>
              <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t>¿Quieres hacer una sugerencia?</a:t>
            </a:r>
            <a:br>
              <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br>
            <a:r>
              <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t/>
            </a:r>
            <a:br>
              <a:rPr lang="en-ZA" sz="2400" b="1" dirty="0">
                <a:solidFill>
                  <a:schemeClr val="accent2"/>
                </a:solidFill>
                <a:latin typeface="Arial" panose="020B0604020202020204" pitchFamily="34" charset="0"/>
                <a:ea typeface="Times New Roman" panose="02020603050405020304" pitchFamily="18" charset="0"/>
                <a:cs typeface="Times New Roman" panose="02020603050405020304" pitchFamily="18" charset="0"/>
              </a:rPr>
            </a:br>
            <a:r>
              <a:rPr lang="es-VE" sz="2400" b="1" dirty="0">
                <a:solidFill>
                  <a:schemeClr val="accent2"/>
                </a:solidFill>
                <a:ea typeface="Calibri" panose="020F0502020204030204" pitchFamily="34" charset="0"/>
                <a:cs typeface="Times New Roman" panose="02020603050405020304" pitchFamily="18" charset="0"/>
              </a:rPr>
              <a:t>Contáctanos a través de strategyteam@unaids.org</a:t>
            </a:r>
            <a:br>
              <a:rPr lang="es-VE" sz="2400" b="1" dirty="0">
                <a:solidFill>
                  <a:schemeClr val="accent2"/>
                </a:solidFill>
                <a:ea typeface="Calibri" panose="020F0502020204030204" pitchFamily="34" charset="0"/>
                <a:cs typeface="Times New Roman" panose="02020603050405020304" pitchFamily="18" charset="0"/>
              </a:rPr>
            </a:br>
            <a:r>
              <a:rPr lang="es-VE" sz="2400" b="1" dirty="0">
                <a:solidFill>
                  <a:schemeClr val="accent2"/>
                </a:solidFill>
                <a:ea typeface="Calibri" panose="020F0502020204030204" pitchFamily="34" charset="0"/>
                <a:cs typeface="Times New Roman" panose="02020603050405020304" pitchFamily="18" charset="0"/>
              </a:rPr>
              <a:t> para poder darte orientaciones y apoyo </a:t>
            </a:r>
            <a:br>
              <a:rPr lang="es-VE" sz="2400" b="1" dirty="0">
                <a:solidFill>
                  <a:schemeClr val="accent2"/>
                </a:solidFill>
                <a:ea typeface="Calibri" panose="020F0502020204030204" pitchFamily="34" charset="0"/>
                <a:cs typeface="Times New Roman" panose="02020603050405020304" pitchFamily="18" charset="0"/>
              </a:rPr>
            </a:br>
            <a:r>
              <a:rPr lang="es-VE" sz="2400" b="1" dirty="0">
                <a:solidFill>
                  <a:schemeClr val="accent2"/>
                </a:solidFill>
                <a:ea typeface="Calibri" panose="020F0502020204030204" pitchFamily="34" charset="0"/>
                <a:cs typeface="Times New Roman" panose="02020603050405020304" pitchFamily="18" charset="0"/>
              </a:rPr>
              <a:t>durante tu preparación.</a:t>
            </a:r>
            <a:endParaRPr lang="en-ZA" sz="2400" dirty="0">
              <a:solidFill>
                <a:schemeClr val="accent2"/>
              </a:solidFill>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22132901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2628110150"/>
              </p:ext>
            </p:extLst>
          </p:nvPr>
        </p:nvGraphicFramePr>
        <p:xfrm>
          <a:off x="0" y="0"/>
          <a:ext cx="12192000" cy="6858001"/>
        </p:xfrm>
        <a:graphic>
          <a:graphicData uri="http://schemas.openxmlformats.org/drawingml/2006/table">
            <a:tbl>
              <a:tblPr firstRow="1" bandRow="1">
                <a:tableStyleId>{5C22544A-7EE6-4342-B048-85BDC9FD1C3A}</a:tableStyleId>
              </a:tblPr>
              <a:tblGrid>
                <a:gridCol w="4153546">
                  <a:extLst>
                    <a:ext uri="{9D8B030D-6E8A-4147-A177-3AD203B41FA5}">
                      <a16:colId xmlns:a16="http://schemas.microsoft.com/office/drawing/2014/main" xmlns="" val="20000"/>
                    </a:ext>
                  </a:extLst>
                </a:gridCol>
                <a:gridCol w="8038454">
                  <a:extLst>
                    <a:ext uri="{9D8B030D-6E8A-4147-A177-3AD203B41FA5}">
                      <a16:colId xmlns:a16="http://schemas.microsoft.com/office/drawing/2014/main" xmlns="" val="20001"/>
                    </a:ext>
                  </a:extLst>
                </a:gridCol>
              </a:tblGrid>
              <a:tr h="1190525">
                <a:tc gridSpan="2">
                  <a:txBody>
                    <a:bodyPr/>
                    <a:lstStyle/>
                    <a:p>
                      <a:pPr algn="just">
                        <a:spcAft>
                          <a:spcPts val="800"/>
                        </a:spcAft>
                      </a:pPr>
                      <a:r>
                        <a:rPr lang="en-ZA" sz="3100" b="1" dirty="0">
                          <a:latin typeface="Arial" panose="020B0604020202020204" pitchFamily="34" charset="0"/>
                          <a:ea typeface="Calibri" panose="020F0502020204030204" pitchFamily="34" charset="0"/>
                          <a:cs typeface="Times New Roman" panose="02020603050405020304" pitchFamily="18" charset="0"/>
                        </a:rPr>
                        <a:t>Tips </a:t>
                      </a:r>
                      <a:r>
                        <a:rPr lang="en-ZA" sz="3100" b="1" dirty="0" smtClean="0">
                          <a:latin typeface="Arial" panose="020B0604020202020204" pitchFamily="34" charset="0"/>
                          <a:ea typeface="Calibri" panose="020F0502020204030204" pitchFamily="34" charset="0"/>
                          <a:cs typeface="Times New Roman" panose="02020603050405020304" pitchFamily="18" charset="0"/>
                        </a:rPr>
                        <a:t>para</a:t>
                      </a:r>
                      <a:r>
                        <a:rPr lang="en-ZA" sz="3100" b="1" baseline="0" dirty="0" smtClean="0">
                          <a:latin typeface="Arial" panose="020B0604020202020204" pitchFamily="34" charset="0"/>
                          <a:ea typeface="Calibri" panose="020F0502020204030204" pitchFamily="34" charset="0"/>
                          <a:cs typeface="Times New Roman" panose="02020603050405020304" pitchFamily="18" charset="0"/>
                        </a:rPr>
                        <a:t> moderadores</a:t>
                      </a:r>
                      <a:endParaRPr lang="en-ZA" sz="3100" b="1" dirty="0">
                        <a:latin typeface="Arial" panose="020B0604020202020204" pitchFamily="34" charset="0"/>
                        <a:ea typeface="Calibri" panose="020F0502020204030204" pitchFamily="34" charset="0"/>
                        <a:cs typeface="Times New Roman" panose="02020603050405020304" pitchFamily="18" charset="0"/>
                      </a:endParaRPr>
                    </a:p>
                    <a:p>
                      <a:pPr algn="just">
                        <a:spcAft>
                          <a:spcPts val="800"/>
                        </a:spcAft>
                      </a:pPr>
                      <a:r>
                        <a:rPr lang="en-ZA" sz="3100" b="1" dirty="0" smtClean="0">
                          <a:latin typeface="Arial" panose="020B0604020202020204" pitchFamily="34" charset="0"/>
                          <a:ea typeface="Calibri" panose="020F0502020204030204" pitchFamily="34" charset="0"/>
                          <a:cs typeface="Times New Roman" panose="02020603050405020304" pitchFamily="18" charset="0"/>
                        </a:rPr>
                        <a:t>Ser</a:t>
                      </a:r>
                      <a:r>
                        <a:rPr lang="en-ZA" sz="3100" b="1" baseline="0" dirty="0" smtClean="0">
                          <a:latin typeface="Arial" panose="020B0604020202020204" pitchFamily="34" charset="0"/>
                          <a:ea typeface="Calibri" panose="020F0502020204030204" pitchFamily="34" charset="0"/>
                          <a:cs typeface="Times New Roman" panose="02020603050405020304" pitchFamily="18" charset="0"/>
                        </a:rPr>
                        <a:t> consciente y estar presente (individual o colectivamente)</a:t>
                      </a:r>
                      <a:endParaRPr lang="en-ZA" sz="3100" dirty="0">
                        <a:latin typeface="Calibri" panose="020F0502020204030204" pitchFamily="34" charset="0"/>
                        <a:ea typeface="Calibri" panose="020F0502020204030204" pitchFamily="34" charset="0"/>
                        <a:cs typeface="Times New Roman" panose="02020603050405020304" pitchFamily="18" charset="0"/>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4"/>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xmlns="" val="10001"/>
                  </a:ext>
                </a:extLst>
              </a:tr>
              <a:tr h="3219573">
                <a:tc>
                  <a:txBody>
                    <a:bodyPr/>
                    <a:lstStyle/>
                    <a:p>
                      <a:pPr algn="l">
                        <a:spcAft>
                          <a:spcPts val="800"/>
                        </a:spcAft>
                      </a:pPr>
                      <a:r>
                        <a:rPr lang="en-ZA" sz="1900" dirty="0" smtClean="0">
                          <a:latin typeface="Arial" panose="020B0604020202020204" pitchFamily="34" charset="0"/>
                          <a:ea typeface="Calibri" panose="020F0502020204030204" pitchFamily="34" charset="0"/>
                          <a:cs typeface="Times New Roman" panose="02020603050405020304" pitchFamily="18" charset="0"/>
                        </a:rPr>
                        <a:t>Moderador</a:t>
                      </a:r>
                      <a:r>
                        <a:rPr lang="en-ZA" sz="1900" baseline="0" dirty="0" smtClean="0">
                          <a:latin typeface="Arial" panose="020B0604020202020204" pitchFamily="34" charset="0"/>
                          <a:ea typeface="Calibri" panose="020F0502020204030204" pitchFamily="34" charset="0"/>
                          <a:cs typeface="Times New Roman" panose="02020603050405020304" pitchFamily="18" charset="0"/>
                        </a:rPr>
                        <a:t> individual</a:t>
                      </a:r>
                      <a:endParaRPr lang="en-ZA" sz="1900" dirty="0">
                        <a:latin typeface="Calibri" panose="020F0502020204030204" pitchFamily="34" charset="0"/>
                        <a:ea typeface="Calibri" panose="020F0502020204030204" pitchFamily="34" charset="0"/>
                        <a:cs typeface="Times New Roman" panose="02020603050405020304" pitchFamily="18" charset="0"/>
                      </a:endParaRPr>
                    </a:p>
                  </a:txBody>
                  <a:tcPr>
                    <a:lnT w="38100" cmpd="sng">
                      <a:noFill/>
                    </a:lnT>
                    <a:lnB w="12700" cmpd="sng">
                      <a:noFill/>
                    </a:lnB>
                    <a:solidFill>
                      <a:schemeClr val="bg1"/>
                    </a:solidFill>
                  </a:tcPr>
                </a:tc>
                <a:tc>
                  <a:txBody>
                    <a:bodyPr/>
                    <a:lstStyle/>
                    <a:p>
                      <a:pPr marL="342900" indent="-342900" algn="l">
                        <a:buFont typeface="Wingdings" panose="05000000000000000000" pitchFamily="2" charset="2"/>
                        <a:buChar char="§"/>
                      </a:pPr>
                      <a:r>
                        <a:rPr lang="es-VE" sz="1900" kern="1200" dirty="0" smtClean="0">
                          <a:solidFill>
                            <a:schemeClr val="dk1"/>
                          </a:solidFill>
                          <a:effectLst/>
                          <a:latin typeface="+mn-lt"/>
                          <a:ea typeface="+mn-ea"/>
                          <a:cs typeface="+mn-cs"/>
                        </a:rPr>
                        <a:t>Presencia absoluta - habilidad para estar con el grupo sin concentrarse en otra cosa ni juzgar a nadie.</a:t>
                      </a:r>
                    </a:p>
                    <a:p>
                      <a:pPr marL="342900" indent="-342900" algn="l">
                        <a:buFont typeface="Wingdings" panose="05000000000000000000" pitchFamily="2" charset="2"/>
                        <a:buChar char="§"/>
                      </a:pPr>
                      <a:r>
                        <a:rPr lang="es-VE" sz="1900" kern="1200" dirty="0" smtClean="0">
                          <a:solidFill>
                            <a:schemeClr val="dk1"/>
                          </a:solidFill>
                          <a:effectLst/>
                          <a:latin typeface="+mn-lt"/>
                          <a:ea typeface="+mn-ea"/>
                          <a:cs typeface="+mn-cs"/>
                        </a:rPr>
                        <a:t>Estar consciente de </a:t>
                      </a:r>
                      <a:r>
                        <a:rPr lang="es-VE" sz="1900" kern="1200" dirty="0" smtClean="0">
                          <a:solidFill>
                            <a:schemeClr val="dk1"/>
                          </a:solidFill>
                          <a:effectLst/>
                          <a:latin typeface="+mn-lt"/>
                          <a:ea typeface="+mn-ea"/>
                          <a:cs typeface="+mn-cs"/>
                        </a:rPr>
                        <a:t>tus </a:t>
                      </a:r>
                      <a:r>
                        <a:rPr lang="es-VE" sz="1900" kern="1200" dirty="0" smtClean="0">
                          <a:solidFill>
                            <a:schemeClr val="dk1"/>
                          </a:solidFill>
                          <a:effectLst/>
                          <a:latin typeface="+mn-lt"/>
                          <a:ea typeface="+mn-ea"/>
                          <a:cs typeface="+mn-cs"/>
                        </a:rPr>
                        <a:t>propios detonantes (lo que te hace sentir nervioso, molesto, etc.)</a:t>
                      </a:r>
                    </a:p>
                    <a:p>
                      <a:pPr marL="342900" indent="-342900" algn="l">
                        <a:buFont typeface="Wingdings" panose="05000000000000000000" pitchFamily="2" charset="2"/>
                        <a:buChar char="§"/>
                      </a:pPr>
                      <a:r>
                        <a:rPr lang="es-VE" sz="1900" kern="1200" dirty="0" smtClean="0">
                          <a:solidFill>
                            <a:schemeClr val="dk1"/>
                          </a:solidFill>
                          <a:effectLst/>
                          <a:latin typeface="+mn-lt"/>
                          <a:ea typeface="+mn-ea"/>
                          <a:cs typeface="+mn-cs"/>
                        </a:rPr>
                        <a:t>Escuchar a todos los miembros, no solo a los que te caen bien.</a:t>
                      </a:r>
                    </a:p>
                    <a:p>
                      <a:pPr marL="342900" indent="-342900" algn="l">
                        <a:buFont typeface="Wingdings" panose="05000000000000000000" pitchFamily="2" charset="2"/>
                        <a:buChar char="§"/>
                      </a:pPr>
                      <a:r>
                        <a:rPr lang="es-VE" sz="1900" kern="1200" dirty="0" smtClean="0">
                          <a:solidFill>
                            <a:schemeClr val="dk1"/>
                          </a:solidFill>
                          <a:effectLst/>
                          <a:latin typeface="+mn-lt"/>
                          <a:ea typeface="+mn-ea"/>
                          <a:cs typeface="+mn-cs"/>
                        </a:rPr>
                        <a:t>Tener curiosidad por como se sienten los participantes individual o colectivamente.</a:t>
                      </a:r>
                    </a:p>
                    <a:p>
                      <a:pPr marL="342900" indent="-342900" algn="l">
                        <a:buFont typeface="Wingdings" panose="05000000000000000000" pitchFamily="2" charset="2"/>
                        <a:buChar char="§"/>
                      </a:pPr>
                      <a:r>
                        <a:rPr lang="es-VE" sz="1900" kern="1200" dirty="0" smtClean="0">
                          <a:solidFill>
                            <a:schemeClr val="dk1"/>
                          </a:solidFill>
                          <a:effectLst/>
                          <a:latin typeface="+mn-lt"/>
                          <a:ea typeface="+mn-ea"/>
                          <a:cs typeface="+mn-cs"/>
                        </a:rPr>
                        <a:t>Mantener la calma dándose pausas y respirando.</a:t>
                      </a:r>
                    </a:p>
                    <a:p>
                      <a:pPr marL="342900" indent="-342900" algn="l">
                        <a:buFont typeface="Wingdings" panose="05000000000000000000" pitchFamily="2" charset="2"/>
                        <a:buChar char="§"/>
                      </a:pPr>
                      <a:r>
                        <a:rPr lang="es-VE" sz="1900" kern="1200" dirty="0" smtClean="0">
                          <a:solidFill>
                            <a:schemeClr val="dk1"/>
                          </a:solidFill>
                          <a:effectLst/>
                          <a:latin typeface="+mn-lt"/>
                          <a:ea typeface="+mn-ea"/>
                          <a:cs typeface="+mn-cs"/>
                        </a:rPr>
                        <a:t>Aceptar al grupo y sus ideas.</a:t>
                      </a:r>
                      <a:endParaRPr lang="en-ZA" sz="1900" kern="1200" dirty="0">
                        <a:solidFill>
                          <a:schemeClr val="dk1"/>
                        </a:solidFill>
                        <a:effectLst/>
                        <a:latin typeface="+mn-lt"/>
                        <a:ea typeface="+mn-ea"/>
                        <a:cs typeface="+mn-cs"/>
                      </a:endParaRPr>
                    </a:p>
                  </a:txBody>
                  <a:tcPr>
                    <a:lnT w="38100" cmpd="sng">
                      <a:noFill/>
                    </a:lnT>
                    <a:lnB w="12700" cmpd="sng">
                      <a:noFill/>
                    </a:lnB>
                    <a:solidFill>
                      <a:schemeClr val="bg1"/>
                    </a:solidFill>
                  </a:tcPr>
                </a:tc>
                <a:extLst>
                  <a:ext uri="{0D108BD9-81ED-4DB2-BD59-A6C34878D82A}">
                    <a16:rowId xmlns:a16="http://schemas.microsoft.com/office/drawing/2014/main" xmlns="" val="10005"/>
                  </a:ext>
                </a:extLst>
              </a:tr>
              <a:tr h="2447903">
                <a:tc>
                  <a:txBody>
                    <a:bodyPr/>
                    <a:lstStyle/>
                    <a:p>
                      <a:pPr algn="l">
                        <a:spcAft>
                          <a:spcPts val="800"/>
                        </a:spcAft>
                      </a:pPr>
                      <a:endParaRPr lang="en-ZA" sz="1900" dirty="0" smtClean="0">
                        <a:latin typeface="Arial" panose="020B0604020202020204" pitchFamily="34" charset="0"/>
                        <a:ea typeface="Calibri" panose="020F0502020204030204" pitchFamily="34" charset="0"/>
                        <a:cs typeface="Times New Roman" panose="02020603050405020304" pitchFamily="18" charset="0"/>
                      </a:endParaRPr>
                    </a:p>
                    <a:p>
                      <a:pPr algn="l">
                        <a:spcAft>
                          <a:spcPts val="800"/>
                        </a:spcAft>
                      </a:pPr>
                      <a:endParaRPr lang="en-ZA" sz="1900" dirty="0" smtClean="0">
                        <a:latin typeface="Arial" panose="020B0604020202020204" pitchFamily="34" charset="0"/>
                        <a:ea typeface="Calibri" panose="020F0502020204030204" pitchFamily="34" charset="0"/>
                        <a:cs typeface="Times New Roman" panose="02020603050405020304" pitchFamily="18" charset="0"/>
                      </a:endParaRPr>
                    </a:p>
                    <a:p>
                      <a:pPr algn="l">
                        <a:spcAft>
                          <a:spcPts val="800"/>
                        </a:spcAft>
                      </a:pPr>
                      <a:r>
                        <a:rPr lang="en-ZA" sz="1900" dirty="0" smtClean="0">
                          <a:latin typeface="Arial" panose="020B0604020202020204" pitchFamily="34" charset="0"/>
                          <a:ea typeface="Calibri" panose="020F0502020204030204" pitchFamily="34" charset="0"/>
                          <a:cs typeface="Times New Roman" panose="02020603050405020304" pitchFamily="18" charset="0"/>
                        </a:rPr>
                        <a:t>Individuos</a:t>
                      </a:r>
                      <a:r>
                        <a:rPr lang="en-ZA" sz="1900" baseline="0" dirty="0" smtClean="0">
                          <a:latin typeface="Arial" panose="020B0604020202020204" pitchFamily="34" charset="0"/>
                          <a:ea typeface="Calibri" panose="020F0502020204030204" pitchFamily="34" charset="0"/>
                          <a:cs typeface="Times New Roman" panose="02020603050405020304" pitchFamily="18" charset="0"/>
                        </a:rPr>
                        <a:t> </a:t>
                      </a:r>
                      <a:r>
                        <a:rPr lang="en-ZA" sz="1900" baseline="0" dirty="0" smtClean="0">
                          <a:latin typeface="Arial" panose="020B0604020202020204" pitchFamily="34" charset="0"/>
                          <a:ea typeface="Calibri" panose="020F0502020204030204" pitchFamily="34" charset="0"/>
                          <a:cs typeface="Times New Roman" panose="02020603050405020304" pitchFamily="18" charset="0"/>
                        </a:rPr>
                        <a:t>del Equipo de Moderadores</a:t>
                      </a:r>
                      <a:endParaRPr lang="en-ZA" sz="1900" dirty="0">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T w="38100" cmpd="sng">
                      <a:noFill/>
                    </a:lnT>
                    <a:lnB w="12700" cmpd="sng">
                      <a:noFill/>
                    </a:lnB>
                    <a:solidFill>
                      <a:schemeClr val="bg1">
                        <a:lumMod val="85000"/>
                      </a:schemeClr>
                    </a:solidFill>
                  </a:tcPr>
                </a:tc>
                <a:tc>
                  <a:txBody>
                    <a:bodyPr/>
                    <a:lstStyle/>
                    <a:p>
                      <a:pPr marL="342900" lvl="0" indent="-342900" algn="l">
                        <a:spcAft>
                          <a:spcPts val="0"/>
                        </a:spcAft>
                        <a:buFont typeface="Wingdings" pitchFamily="2" charset="2"/>
                        <a:buChar char=""/>
                      </a:pPr>
                      <a:r>
                        <a:rPr lang="es-VE" sz="1900" kern="1000" dirty="0" smtClean="0">
                          <a:solidFill>
                            <a:srgbClr val="000000"/>
                          </a:solidFill>
                          <a:latin typeface="Arial" panose="020B0604020202020204" pitchFamily="34" charset="0"/>
                          <a:ea typeface="Calibri" panose="020F0502020204030204" pitchFamily="34" charset="0"/>
                          <a:cs typeface="Times New Roman" panose="02020603050405020304" pitchFamily="18" charset="0"/>
                        </a:rPr>
                        <a:t>Conciencia y manejo del ego.</a:t>
                      </a:r>
                    </a:p>
                    <a:p>
                      <a:pPr marL="342900" lvl="0" indent="-342900" algn="l">
                        <a:spcAft>
                          <a:spcPts val="0"/>
                        </a:spcAft>
                        <a:buFont typeface="Wingdings" pitchFamily="2" charset="2"/>
                        <a:buChar char=""/>
                      </a:pPr>
                      <a:r>
                        <a:rPr lang="es-VE" sz="1900" kern="1000" dirty="0" smtClean="0">
                          <a:solidFill>
                            <a:srgbClr val="000000"/>
                          </a:solidFill>
                          <a:latin typeface="Arial" panose="020B0604020202020204" pitchFamily="34" charset="0"/>
                          <a:ea typeface="Calibri" panose="020F0502020204030204" pitchFamily="34" charset="0"/>
                          <a:cs typeface="Times New Roman" panose="02020603050405020304" pitchFamily="18" charset="0"/>
                        </a:rPr>
                        <a:t>Voluntad de colaborar y cocrear.</a:t>
                      </a:r>
                    </a:p>
                    <a:p>
                      <a:pPr marL="342900" lvl="0" indent="-342900" algn="l">
                        <a:spcAft>
                          <a:spcPts val="0"/>
                        </a:spcAft>
                        <a:buFont typeface="Wingdings" pitchFamily="2" charset="2"/>
                        <a:buChar char=""/>
                      </a:pPr>
                      <a:r>
                        <a:rPr lang="es-VE" sz="1900" kern="1000" dirty="0" smtClean="0">
                          <a:solidFill>
                            <a:srgbClr val="000000"/>
                          </a:solidFill>
                          <a:latin typeface="Arial" panose="020B0604020202020204" pitchFamily="34" charset="0"/>
                          <a:ea typeface="Calibri" panose="020F0502020204030204" pitchFamily="34" charset="0"/>
                          <a:cs typeface="Times New Roman" panose="02020603050405020304" pitchFamily="18" charset="0"/>
                        </a:rPr>
                        <a:t>Conciencia de</a:t>
                      </a:r>
                      <a:r>
                        <a:rPr lang="es-VE" sz="1900" kern="1000" baseline="0" dirty="0" smtClean="0">
                          <a:solidFill>
                            <a:srgbClr val="000000"/>
                          </a:solidFill>
                          <a:latin typeface="Arial" panose="020B0604020202020204" pitchFamily="34" charset="0"/>
                          <a:ea typeface="Calibri" panose="020F0502020204030204" pitchFamily="34" charset="0"/>
                          <a:cs typeface="Times New Roman" panose="02020603050405020304" pitchFamily="18" charset="0"/>
                        </a:rPr>
                        <a:t> sí</a:t>
                      </a:r>
                      <a:r>
                        <a:rPr lang="es-VE" sz="1900" kern="1000" dirty="0" smtClean="0">
                          <a:solidFill>
                            <a:srgbClr val="000000"/>
                          </a:solidFill>
                          <a:latin typeface="Arial" panose="020B0604020202020204" pitchFamily="34" charset="0"/>
                          <a:ea typeface="Calibri" panose="020F0502020204030204" pitchFamily="34" charset="0"/>
                          <a:cs typeface="Times New Roman" panose="02020603050405020304" pitchFamily="18" charset="0"/>
                        </a:rPr>
                        <a:t> mismos (cómo trabajan</a:t>
                      </a:r>
                      <a:r>
                        <a:rPr lang="es-VE" sz="1900" kern="1000" baseline="0" dirty="0" smtClean="0">
                          <a:solidFill>
                            <a:srgbClr val="000000"/>
                          </a:solidFill>
                          <a:latin typeface="Arial" panose="020B0604020202020204" pitchFamily="34" charset="0"/>
                          <a:ea typeface="Calibri" panose="020F0502020204030204" pitchFamily="34" charset="0"/>
                          <a:cs typeface="Times New Roman" panose="02020603050405020304" pitchFamily="18" charset="0"/>
                        </a:rPr>
                        <a:t> </a:t>
                      </a:r>
                      <a:r>
                        <a:rPr lang="es-VE" sz="1900" kern="1000" dirty="0" smtClean="0">
                          <a:solidFill>
                            <a:srgbClr val="000000"/>
                          </a:solidFill>
                          <a:latin typeface="Arial" panose="020B0604020202020204" pitchFamily="34" charset="0"/>
                          <a:ea typeface="Calibri" panose="020F0502020204030204" pitchFamily="34" charset="0"/>
                          <a:cs typeface="Times New Roman" panose="02020603050405020304" pitchFamily="18" charset="0"/>
                        </a:rPr>
                        <a:t>en equipo y su habilidad para comunicar sus conocimientos a sus colegas).</a:t>
                      </a:r>
                    </a:p>
                    <a:p>
                      <a:pPr marL="342900" lvl="0" indent="-342900" algn="l">
                        <a:spcAft>
                          <a:spcPts val="0"/>
                        </a:spcAft>
                        <a:buFont typeface="Wingdings" pitchFamily="2" charset="2"/>
                        <a:buChar char=""/>
                      </a:pPr>
                      <a:r>
                        <a:rPr lang="es-VE" sz="1900" kern="1000" dirty="0" smtClean="0">
                          <a:solidFill>
                            <a:srgbClr val="000000"/>
                          </a:solidFill>
                          <a:latin typeface="Arial" panose="020B0604020202020204" pitchFamily="34" charset="0"/>
                          <a:ea typeface="Calibri" panose="020F0502020204030204" pitchFamily="34" charset="0"/>
                          <a:cs typeface="Times New Roman" panose="02020603050405020304" pitchFamily="18" charset="0"/>
                        </a:rPr>
                        <a:t>Vulnerabilidad apropiada - para aumentar la confianza de los participantes.</a:t>
                      </a:r>
                    </a:p>
                    <a:p>
                      <a:pPr marL="342900" lvl="0" indent="-342900" algn="l">
                        <a:spcAft>
                          <a:spcPts val="0"/>
                        </a:spcAft>
                        <a:buFont typeface="Wingdings" pitchFamily="2" charset="2"/>
                        <a:buChar char=""/>
                      </a:pPr>
                      <a:r>
                        <a:rPr lang="es-VE" sz="1900" kern="1000" dirty="0" smtClean="0">
                          <a:solidFill>
                            <a:srgbClr val="000000"/>
                          </a:solidFill>
                          <a:latin typeface="Arial" panose="020B0604020202020204" pitchFamily="34" charset="0"/>
                          <a:ea typeface="Calibri" panose="020F0502020204030204" pitchFamily="34" charset="0"/>
                          <a:cs typeface="Times New Roman" panose="02020603050405020304" pitchFamily="18" charset="0"/>
                        </a:rPr>
                        <a:t>Habilidad/permiso de dar y recibir </a:t>
                      </a:r>
                      <a:r>
                        <a:rPr lang="es-VE" sz="1900" i="1" kern="1000" dirty="0" smtClean="0">
                          <a:solidFill>
                            <a:srgbClr val="000000"/>
                          </a:solidFill>
                          <a:latin typeface="Arial" panose="020B0604020202020204" pitchFamily="34" charset="0"/>
                          <a:ea typeface="Calibri" panose="020F0502020204030204" pitchFamily="34" charset="0"/>
                          <a:cs typeface="Times New Roman" panose="02020603050405020304" pitchFamily="18" charset="0"/>
                        </a:rPr>
                        <a:t>feedback.</a:t>
                      </a:r>
                      <a:endParaRPr lang="en-ZA" sz="1900" i="1" kern="1000" dirty="0">
                        <a:solidFill>
                          <a:srgbClr val="000000"/>
                        </a:solidFill>
                        <a:latin typeface="Arial" panose="020B0604020202020204" pitchFamily="34" charset="0"/>
                        <a:ea typeface="Calibri" panose="020F0502020204030204" pitchFamily="34" charset="0"/>
                        <a:cs typeface="Times New Roman" panose="02020603050405020304" pitchFamily="18" charset="0"/>
                      </a:endParaRPr>
                    </a:p>
                  </a:txBody>
                  <a:tcPr>
                    <a:lnT w="38100" cmpd="sng">
                      <a:noFill/>
                    </a:lnT>
                    <a:lnB w="12700" cmpd="sng">
                      <a:noFill/>
                    </a:lnB>
                    <a:solidFill>
                      <a:schemeClr val="bg1">
                        <a:lumMod val="85000"/>
                      </a:schemeClr>
                    </a:solidFill>
                  </a:tcPr>
                </a:tc>
                <a:extLst>
                  <a:ext uri="{0D108BD9-81ED-4DB2-BD59-A6C34878D82A}">
                    <a16:rowId xmlns:a16="http://schemas.microsoft.com/office/drawing/2014/main" xmlns="" val="3802084437"/>
                  </a:ext>
                </a:extLst>
              </a:tr>
            </a:tbl>
          </a:graphicData>
        </a:graphic>
      </p:graphicFrame>
    </p:spTree>
    <p:extLst>
      <p:ext uri="{BB962C8B-B14F-4D97-AF65-F5344CB8AC3E}">
        <p14:creationId xmlns:p14="http://schemas.microsoft.com/office/powerpoint/2010/main" val="15376862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2317839447"/>
              </p:ext>
            </p:extLst>
          </p:nvPr>
        </p:nvGraphicFramePr>
        <p:xfrm>
          <a:off x="0" y="1"/>
          <a:ext cx="12192000" cy="6857999"/>
        </p:xfrm>
        <a:graphic>
          <a:graphicData uri="http://schemas.openxmlformats.org/drawingml/2006/table">
            <a:tbl>
              <a:tblPr firstRow="1" bandRow="1">
                <a:tableStyleId>{5C22544A-7EE6-4342-B048-85BDC9FD1C3A}</a:tableStyleId>
              </a:tblPr>
              <a:tblGrid>
                <a:gridCol w="4153546">
                  <a:extLst>
                    <a:ext uri="{9D8B030D-6E8A-4147-A177-3AD203B41FA5}">
                      <a16:colId xmlns:a16="http://schemas.microsoft.com/office/drawing/2014/main" xmlns="" val="20000"/>
                    </a:ext>
                  </a:extLst>
                </a:gridCol>
                <a:gridCol w="8038454">
                  <a:extLst>
                    <a:ext uri="{9D8B030D-6E8A-4147-A177-3AD203B41FA5}">
                      <a16:colId xmlns:a16="http://schemas.microsoft.com/office/drawing/2014/main" xmlns="" val="20001"/>
                    </a:ext>
                  </a:extLst>
                </a:gridCol>
              </a:tblGrid>
              <a:tr h="1147376">
                <a:tc gridSpan="2">
                  <a:txBody>
                    <a:bodyPr/>
                    <a:lstStyle/>
                    <a:p>
                      <a:pPr algn="just">
                        <a:spcAft>
                          <a:spcPts val="800"/>
                        </a:spcAft>
                      </a:pPr>
                      <a:r>
                        <a:rPr lang="en-ZA" sz="3100" b="1" dirty="0" smtClean="0">
                          <a:latin typeface="Arial" panose="020B0604020202020204" pitchFamily="34" charset="0"/>
                          <a:ea typeface="Calibri" panose="020F0502020204030204" pitchFamily="34" charset="0"/>
                          <a:cs typeface="Times New Roman" panose="02020603050405020304" pitchFamily="18" charset="0"/>
                        </a:rPr>
                        <a:t>Tips para</a:t>
                      </a:r>
                      <a:r>
                        <a:rPr lang="en-ZA" sz="3100" b="1" baseline="0" dirty="0" smtClean="0">
                          <a:latin typeface="Arial" panose="020B0604020202020204" pitchFamily="34" charset="0"/>
                          <a:ea typeface="Calibri" panose="020F0502020204030204" pitchFamily="34" charset="0"/>
                          <a:cs typeface="Times New Roman" panose="02020603050405020304" pitchFamily="18" charset="0"/>
                        </a:rPr>
                        <a:t> moderadores</a:t>
                      </a:r>
                      <a:endParaRPr lang="en-ZA" sz="3100" b="1" dirty="0" smtClean="0">
                        <a:latin typeface="Arial" panose="020B0604020202020204" pitchFamily="34" charset="0"/>
                        <a:ea typeface="Calibri" panose="020F0502020204030204" pitchFamily="34" charset="0"/>
                        <a:cs typeface="Times New Roman" panose="02020603050405020304" pitchFamily="18" charset="0"/>
                      </a:endParaRPr>
                    </a:p>
                    <a:p>
                      <a:pPr algn="just">
                        <a:spcAft>
                          <a:spcPts val="800"/>
                        </a:spcAft>
                      </a:pPr>
                      <a:r>
                        <a:rPr lang="en-ZA" sz="3100" b="1" dirty="0" smtClean="0">
                          <a:latin typeface="Arial" panose="020B0604020202020204" pitchFamily="34" charset="0"/>
                          <a:ea typeface="Calibri" panose="020F0502020204030204" pitchFamily="34" charset="0"/>
                          <a:cs typeface="Times New Roman" panose="02020603050405020304" pitchFamily="18" charset="0"/>
                        </a:rPr>
                        <a:t>Ser</a:t>
                      </a:r>
                      <a:r>
                        <a:rPr lang="en-ZA" sz="3100" b="1" baseline="0" dirty="0" smtClean="0">
                          <a:latin typeface="Arial" panose="020B0604020202020204" pitchFamily="34" charset="0"/>
                          <a:ea typeface="Calibri" panose="020F0502020204030204" pitchFamily="34" charset="0"/>
                          <a:cs typeface="Times New Roman" panose="02020603050405020304" pitchFamily="18" charset="0"/>
                        </a:rPr>
                        <a:t> consciente y estar presente (individual o colectivamente)</a:t>
                      </a:r>
                      <a:endParaRPr lang="en-ZA" sz="3100" dirty="0" smtClean="0">
                        <a:latin typeface="Calibri" panose="020F0502020204030204" pitchFamily="34" charset="0"/>
                        <a:ea typeface="Calibri" panose="020F0502020204030204" pitchFamily="34" charset="0"/>
                        <a:cs typeface="Times New Roman" panose="02020603050405020304" pitchFamily="18" charset="0"/>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4"/>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xmlns="" val="10001"/>
                  </a:ext>
                </a:extLst>
              </a:tr>
              <a:tr h="3457496">
                <a:tc>
                  <a:txBody>
                    <a:bodyPr/>
                    <a:lstStyle/>
                    <a:p>
                      <a:pPr marL="0" marR="0" lvl="0" indent="0" algn="l" defTabSz="914400" rtl="0" eaLnBrk="1" fontAlgn="auto" latinLnBrk="0" hangingPunct="1">
                        <a:lnSpc>
                          <a:spcPct val="100000"/>
                        </a:lnSpc>
                        <a:spcBef>
                          <a:spcPts val="0"/>
                        </a:spcBef>
                        <a:spcAft>
                          <a:spcPts val="800"/>
                        </a:spcAft>
                        <a:buClrTx/>
                        <a:buSzTx/>
                        <a:buFontTx/>
                        <a:buNone/>
                        <a:tabLst/>
                        <a:defRPr/>
                      </a:pPr>
                      <a:r>
                        <a:rPr lang="en-ZA" sz="1900" dirty="0" smtClean="0">
                          <a:latin typeface="Arial" panose="020B0604020202020204" pitchFamily="34" charset="0"/>
                          <a:ea typeface="Calibri" panose="020F0502020204030204" pitchFamily="34" charset="0"/>
                          <a:cs typeface="Times New Roman" panose="02020603050405020304" pitchFamily="18" charset="0"/>
                        </a:rPr>
                        <a:t>Construir</a:t>
                      </a:r>
                      <a:r>
                        <a:rPr lang="en-ZA" sz="1900" baseline="0" dirty="0" smtClean="0">
                          <a:latin typeface="Arial" panose="020B0604020202020204" pitchFamily="34" charset="0"/>
                          <a:ea typeface="Calibri" panose="020F0502020204030204" pitchFamily="34" charset="0"/>
                          <a:cs typeface="Times New Roman" panose="02020603050405020304" pitchFamily="18" charset="0"/>
                        </a:rPr>
                        <a:t> un espacio seguro</a:t>
                      </a:r>
                      <a:endParaRPr lang="en-ZA" sz="1900" dirty="0">
                        <a:latin typeface="Calibri" panose="020F0502020204030204" pitchFamily="34" charset="0"/>
                        <a:ea typeface="Calibri" panose="020F0502020204030204" pitchFamily="34" charset="0"/>
                        <a:cs typeface="Times New Roman" panose="02020603050405020304" pitchFamily="18" charset="0"/>
                      </a:endParaRPr>
                    </a:p>
                    <a:p>
                      <a:pPr algn="l">
                        <a:spcAft>
                          <a:spcPts val="800"/>
                        </a:spcAft>
                      </a:pPr>
                      <a:endParaRPr lang="en-ZA" sz="1900" dirty="0">
                        <a:latin typeface="Calibri" panose="020F0502020204030204" pitchFamily="34" charset="0"/>
                        <a:ea typeface="Calibri" panose="020F0502020204030204" pitchFamily="34" charset="0"/>
                        <a:cs typeface="Times New Roman" panose="02020603050405020304" pitchFamily="18" charset="0"/>
                      </a:endParaRPr>
                    </a:p>
                  </a:txBody>
                  <a:tcPr>
                    <a:lnT w="38100" cmpd="sng">
                      <a:noFill/>
                    </a:lnT>
                    <a:lnB w="12700" cmpd="sng">
                      <a:noFill/>
                    </a:lnB>
                    <a:solidFill>
                      <a:schemeClr val="bg1"/>
                    </a:solidFill>
                  </a:tcPr>
                </a:tc>
                <a:tc>
                  <a:txBody>
                    <a:bodyPr/>
                    <a:lstStyle/>
                    <a:p>
                      <a:pPr marL="285750" indent="-285750" algn="l">
                        <a:buFont typeface="Arial" panose="020B0604020202020204" pitchFamily="34" charset="0"/>
                        <a:buChar char="•"/>
                      </a:pPr>
                      <a:r>
                        <a:rPr lang="es-VE" sz="1900" kern="1200" dirty="0" smtClean="0">
                          <a:solidFill>
                            <a:schemeClr val="dk1"/>
                          </a:solidFill>
                          <a:effectLst/>
                          <a:latin typeface="+mn-lt"/>
                          <a:ea typeface="+mn-ea"/>
                          <a:cs typeface="+mn-cs"/>
                        </a:rPr>
                        <a:t>Crear reglas para el trabajo (tono respetuoso de los moderadores, seguridad en las interacciones grupales, mantener la confidencia, etc.)</a:t>
                      </a:r>
                    </a:p>
                    <a:p>
                      <a:pPr marL="285750" indent="-285750" algn="l">
                        <a:buFont typeface="Arial" panose="020B0604020202020204" pitchFamily="34" charset="0"/>
                        <a:buChar char="•"/>
                      </a:pPr>
                      <a:r>
                        <a:rPr lang="es-VE" sz="1900" kern="1200" dirty="0" smtClean="0">
                          <a:solidFill>
                            <a:schemeClr val="dk1"/>
                          </a:solidFill>
                          <a:effectLst/>
                          <a:latin typeface="+mn-lt"/>
                          <a:ea typeface="+mn-ea"/>
                          <a:cs typeface="+mn-cs"/>
                        </a:rPr>
                        <a:t>Escuchar con empatía y desde una perspectiva generativa.</a:t>
                      </a:r>
                    </a:p>
                    <a:p>
                      <a:pPr marL="285750" indent="-285750" algn="l">
                        <a:buFont typeface="Arial" panose="020B0604020202020204" pitchFamily="34" charset="0"/>
                        <a:buChar char="•"/>
                      </a:pPr>
                      <a:r>
                        <a:rPr lang="es-VE" sz="1900" kern="1200" dirty="0" smtClean="0">
                          <a:solidFill>
                            <a:schemeClr val="dk1"/>
                          </a:solidFill>
                          <a:effectLst/>
                          <a:latin typeface="+mn-lt"/>
                          <a:ea typeface="+mn-ea"/>
                          <a:cs typeface="+mn-cs"/>
                        </a:rPr>
                        <a:t>Ser consciente de la "temperatura" del ambiente, es decir, si las personas están cansadas, </a:t>
                      </a:r>
                      <a:r>
                        <a:rPr lang="es-VE" sz="1900" kern="1200" dirty="0" smtClean="0">
                          <a:solidFill>
                            <a:schemeClr val="dk1"/>
                          </a:solidFill>
                          <a:effectLst/>
                          <a:latin typeface="+mn-lt"/>
                          <a:ea typeface="+mn-ea"/>
                          <a:cs typeface="+mn-cs"/>
                        </a:rPr>
                        <a:t>hambrientas</a:t>
                      </a:r>
                      <a:r>
                        <a:rPr lang="es-VE" sz="1900" kern="1200" baseline="0" dirty="0" smtClean="0">
                          <a:solidFill>
                            <a:schemeClr val="dk1"/>
                          </a:solidFill>
                          <a:effectLst/>
                          <a:latin typeface="+mn-lt"/>
                          <a:ea typeface="+mn-ea"/>
                          <a:cs typeface="+mn-cs"/>
                        </a:rPr>
                        <a:t> o</a:t>
                      </a:r>
                      <a:r>
                        <a:rPr lang="es-VE" sz="1900" kern="1200" dirty="0" smtClean="0">
                          <a:solidFill>
                            <a:schemeClr val="dk1"/>
                          </a:solidFill>
                          <a:effectLst/>
                          <a:latin typeface="+mn-lt"/>
                          <a:ea typeface="+mn-ea"/>
                          <a:cs typeface="+mn-cs"/>
                        </a:rPr>
                        <a:t> </a:t>
                      </a:r>
                      <a:r>
                        <a:rPr lang="es-VE" sz="1900" kern="1200" dirty="0" smtClean="0">
                          <a:solidFill>
                            <a:schemeClr val="dk1"/>
                          </a:solidFill>
                          <a:effectLst/>
                          <a:latin typeface="+mn-lt"/>
                          <a:ea typeface="+mn-ea"/>
                          <a:cs typeface="+mn-cs"/>
                        </a:rPr>
                        <a:t>con ganas de seguir trabajando, y lo que eso implica en el </a:t>
                      </a:r>
                      <a:r>
                        <a:rPr lang="es-VE" sz="1900" kern="1200" dirty="0" smtClean="0">
                          <a:solidFill>
                            <a:schemeClr val="dk1"/>
                          </a:solidFill>
                          <a:effectLst/>
                          <a:latin typeface="+mn-lt"/>
                          <a:ea typeface="+mn-ea"/>
                          <a:cs typeface="+mn-cs"/>
                        </a:rPr>
                        <a:t>proceso</a:t>
                      </a:r>
                      <a:r>
                        <a:rPr lang="es-VE" sz="1900" kern="1200" dirty="0" smtClean="0">
                          <a:solidFill>
                            <a:schemeClr val="dk1"/>
                          </a:solidFill>
                          <a:effectLst/>
                          <a:latin typeface="+mn-lt"/>
                          <a:ea typeface="+mn-ea"/>
                          <a:cs typeface="+mn-cs"/>
                        </a:rPr>
                        <a:t>.</a:t>
                      </a:r>
                    </a:p>
                    <a:p>
                      <a:pPr marL="285750" indent="-285750" algn="l">
                        <a:buFont typeface="Arial" panose="020B0604020202020204" pitchFamily="34" charset="0"/>
                        <a:buChar char="•"/>
                      </a:pPr>
                      <a:r>
                        <a:rPr lang="es-VE" sz="1900" kern="1200" dirty="0" smtClean="0">
                          <a:solidFill>
                            <a:schemeClr val="dk1"/>
                          </a:solidFill>
                          <a:effectLst/>
                          <a:latin typeface="+mn-lt"/>
                          <a:ea typeface="+mn-ea"/>
                          <a:cs typeface="+mn-cs"/>
                        </a:rPr>
                        <a:t>Ser sensible a las necesidades de los participantes y tener la capacidad de </a:t>
                      </a:r>
                      <a:r>
                        <a:rPr lang="es-VE" sz="1900" kern="1200" dirty="0" smtClean="0">
                          <a:solidFill>
                            <a:schemeClr val="dk1"/>
                          </a:solidFill>
                          <a:effectLst/>
                          <a:latin typeface="+mn-lt"/>
                          <a:ea typeface="+mn-ea"/>
                          <a:cs typeface="+mn-cs"/>
                        </a:rPr>
                        <a:t>hablarlas.</a:t>
                      </a:r>
                      <a:endParaRPr lang="es-VE" sz="1900" kern="1200" dirty="0" smtClean="0">
                        <a:solidFill>
                          <a:schemeClr val="dk1"/>
                        </a:solidFill>
                        <a:effectLst/>
                        <a:latin typeface="+mn-lt"/>
                        <a:ea typeface="+mn-ea"/>
                        <a:cs typeface="+mn-cs"/>
                      </a:endParaRPr>
                    </a:p>
                    <a:p>
                      <a:pPr marL="285750" indent="-285750" algn="l">
                        <a:buFont typeface="Arial" panose="020B0604020202020204" pitchFamily="34" charset="0"/>
                        <a:buChar char="•"/>
                      </a:pPr>
                      <a:r>
                        <a:rPr lang="es-VE" sz="1900" kern="1200" dirty="0" smtClean="0">
                          <a:solidFill>
                            <a:schemeClr val="dk1"/>
                          </a:solidFill>
                          <a:effectLst/>
                          <a:latin typeface="+mn-lt"/>
                          <a:ea typeface="+mn-ea"/>
                          <a:cs typeface="+mn-cs"/>
                        </a:rPr>
                        <a:t>Crear un ambiente de </a:t>
                      </a:r>
                      <a:r>
                        <a:rPr lang="es-VE" sz="1900" kern="1200" dirty="0" smtClean="0">
                          <a:solidFill>
                            <a:schemeClr val="dk1"/>
                          </a:solidFill>
                          <a:effectLst/>
                          <a:latin typeface="+mn-lt"/>
                          <a:ea typeface="+mn-ea"/>
                          <a:cs typeface="+mn-cs"/>
                        </a:rPr>
                        <a:t>confianza.</a:t>
                      </a:r>
                    </a:p>
                    <a:p>
                      <a:pPr marL="285750" indent="-285750" algn="l">
                        <a:buFont typeface="Arial" panose="020B0604020202020204" pitchFamily="34" charset="0"/>
                        <a:buChar char="•"/>
                      </a:pPr>
                      <a:r>
                        <a:rPr lang="es-VE" sz="1900" kern="1200" dirty="0" smtClean="0">
                          <a:solidFill>
                            <a:schemeClr val="dk1"/>
                          </a:solidFill>
                          <a:effectLst/>
                          <a:latin typeface="+mn-lt"/>
                          <a:ea typeface="+mn-ea"/>
                          <a:cs typeface="+mn-cs"/>
                        </a:rPr>
                        <a:t>Manejar crisis.</a:t>
                      </a:r>
                      <a:endParaRPr lang="en-ZA" sz="1900" kern="1200" dirty="0">
                        <a:solidFill>
                          <a:schemeClr val="dk1"/>
                        </a:solidFill>
                        <a:effectLst/>
                        <a:latin typeface="+mn-lt"/>
                        <a:ea typeface="+mn-ea"/>
                        <a:cs typeface="+mn-cs"/>
                      </a:endParaRPr>
                    </a:p>
                  </a:txBody>
                  <a:tcPr>
                    <a:lnT w="38100" cmpd="sng">
                      <a:noFill/>
                    </a:lnT>
                    <a:lnB w="12700" cmpd="sng">
                      <a:noFill/>
                    </a:lnB>
                    <a:solidFill>
                      <a:schemeClr val="bg1"/>
                    </a:solidFill>
                  </a:tcPr>
                </a:tc>
                <a:extLst>
                  <a:ext uri="{0D108BD9-81ED-4DB2-BD59-A6C34878D82A}">
                    <a16:rowId xmlns:a16="http://schemas.microsoft.com/office/drawing/2014/main" xmlns="" val="10005"/>
                  </a:ext>
                </a:extLst>
              </a:tr>
              <a:tr h="2253127">
                <a:tc>
                  <a:txBody>
                    <a:bodyPr/>
                    <a:lstStyle/>
                    <a:p>
                      <a:pPr algn="l">
                        <a:spcAft>
                          <a:spcPts val="800"/>
                        </a:spcAft>
                      </a:pPr>
                      <a:endParaRPr lang="en-ZA" sz="1900" dirty="0" smtClean="0">
                        <a:latin typeface="+mj-lt"/>
                        <a:ea typeface="Calibri" panose="020F0502020204030204" pitchFamily="34" charset="0"/>
                        <a:cs typeface="Times New Roman" panose="02020603050405020304" pitchFamily="18" charset="0"/>
                      </a:endParaRPr>
                    </a:p>
                    <a:p>
                      <a:pPr algn="l">
                        <a:spcAft>
                          <a:spcPts val="800"/>
                        </a:spcAft>
                      </a:pPr>
                      <a:r>
                        <a:rPr lang="en-ZA" sz="1900" dirty="0" smtClean="0">
                          <a:latin typeface="+mj-lt"/>
                          <a:ea typeface="Calibri" panose="020F0502020204030204" pitchFamily="34" charset="0"/>
                          <a:cs typeface="Times New Roman" panose="02020603050405020304" pitchFamily="18" charset="0"/>
                        </a:rPr>
                        <a:t>Desarrollar</a:t>
                      </a:r>
                      <a:r>
                        <a:rPr lang="en-ZA" sz="1900" baseline="0" dirty="0" smtClean="0">
                          <a:latin typeface="+mj-lt"/>
                          <a:ea typeface="Calibri" panose="020F0502020204030204" pitchFamily="34" charset="0"/>
                          <a:cs typeface="Times New Roman" panose="02020603050405020304" pitchFamily="18" charset="0"/>
                        </a:rPr>
                        <a:t> </a:t>
                      </a:r>
                      <a:r>
                        <a:rPr lang="en-ZA" sz="1900" baseline="0" dirty="0" smtClean="0">
                          <a:latin typeface="+mj-lt"/>
                          <a:ea typeface="Calibri" panose="020F0502020204030204" pitchFamily="34" charset="0"/>
                          <a:cs typeface="Times New Roman" panose="02020603050405020304" pitchFamily="18" charset="0"/>
                        </a:rPr>
                        <a:t>relaciones que fomenten la creatividad</a:t>
                      </a:r>
                      <a:endParaRPr lang="en-ZA" sz="1900" dirty="0">
                        <a:latin typeface="+mj-lt"/>
                        <a:ea typeface="Calibri" panose="020F0502020204030204" pitchFamily="34" charset="0"/>
                        <a:cs typeface="Times New Roman" panose="02020603050405020304" pitchFamily="18" charset="0"/>
                      </a:endParaRPr>
                    </a:p>
                  </a:txBody>
                  <a:tcPr marL="68580" marR="68580" marT="0" marB="0">
                    <a:lnT w="38100" cmpd="sng">
                      <a:noFill/>
                    </a:lnT>
                    <a:lnB w="12700" cmpd="sng">
                      <a:noFill/>
                    </a:lnB>
                    <a:solidFill>
                      <a:schemeClr val="bg1">
                        <a:lumMod val="85000"/>
                      </a:schemeClr>
                    </a:solidFill>
                  </a:tcPr>
                </a:tc>
                <a:tc>
                  <a:txBody>
                    <a:bodyPr/>
                    <a:lstStyle/>
                    <a:p>
                      <a:pPr marL="342900" lvl="0" indent="-342900" algn="l">
                        <a:spcAft>
                          <a:spcPts val="0"/>
                        </a:spcAft>
                        <a:buFont typeface="Wingdings" pitchFamily="2" charset="2"/>
                        <a:buChar char=""/>
                      </a:pPr>
                      <a:r>
                        <a:rPr lang="es-VE" sz="1900" kern="1000" dirty="0" smtClean="0">
                          <a:solidFill>
                            <a:srgbClr val="000000"/>
                          </a:solidFill>
                          <a:effectLst/>
                          <a:latin typeface="+mj-lt"/>
                          <a:ea typeface="Calibri" panose="020F0502020204030204" pitchFamily="34" charset="0"/>
                          <a:cs typeface="Times New Roman" panose="02020603050405020304" pitchFamily="18" charset="0"/>
                        </a:rPr>
                        <a:t>Crear un ambiente </a:t>
                      </a:r>
                      <a:r>
                        <a:rPr lang="es-VE" sz="1900" kern="1000" dirty="0" smtClean="0">
                          <a:solidFill>
                            <a:srgbClr val="000000"/>
                          </a:solidFill>
                          <a:effectLst/>
                          <a:latin typeface="+mj-lt"/>
                          <a:ea typeface="Calibri" panose="020F0502020204030204" pitchFamily="34" charset="0"/>
                          <a:cs typeface="Times New Roman" panose="02020603050405020304" pitchFamily="18" charset="0"/>
                        </a:rPr>
                        <a:t>animado </a:t>
                      </a:r>
                      <a:r>
                        <a:rPr lang="es-VE" sz="1900" kern="1000" dirty="0" smtClean="0">
                          <a:solidFill>
                            <a:srgbClr val="000000"/>
                          </a:solidFill>
                          <a:effectLst/>
                          <a:latin typeface="+mj-lt"/>
                          <a:ea typeface="Calibri" panose="020F0502020204030204" pitchFamily="34" charset="0"/>
                          <a:cs typeface="Times New Roman" panose="02020603050405020304" pitchFamily="18" charset="0"/>
                        </a:rPr>
                        <a:t>para reducir las diferencias de estatus.</a:t>
                      </a:r>
                    </a:p>
                    <a:p>
                      <a:pPr marL="342900" lvl="0" indent="-342900" algn="l">
                        <a:spcAft>
                          <a:spcPts val="0"/>
                        </a:spcAft>
                        <a:buFont typeface="Wingdings" pitchFamily="2" charset="2"/>
                        <a:buChar char=""/>
                      </a:pPr>
                      <a:r>
                        <a:rPr lang="es-VE" sz="1900" kern="1000" dirty="0" smtClean="0">
                          <a:solidFill>
                            <a:srgbClr val="000000"/>
                          </a:solidFill>
                          <a:effectLst/>
                          <a:latin typeface="+mj-lt"/>
                          <a:ea typeface="Calibri" panose="020F0502020204030204" pitchFamily="34" charset="0"/>
                          <a:cs typeface="Times New Roman" panose="02020603050405020304" pitchFamily="18" charset="0"/>
                        </a:rPr>
                        <a:t>Centrarse en el compromiso a la acción y no en el resultado de las acciones.</a:t>
                      </a:r>
                    </a:p>
                    <a:p>
                      <a:pPr marL="342900" lvl="0" indent="-342900" algn="l">
                        <a:spcAft>
                          <a:spcPts val="0"/>
                        </a:spcAft>
                        <a:buFont typeface="Wingdings" pitchFamily="2" charset="2"/>
                        <a:buChar char=""/>
                      </a:pPr>
                      <a:r>
                        <a:rPr lang="es-VE" sz="1900" kern="1000" dirty="0" smtClean="0">
                          <a:solidFill>
                            <a:srgbClr val="000000"/>
                          </a:solidFill>
                          <a:effectLst/>
                          <a:latin typeface="+mj-lt"/>
                          <a:ea typeface="Calibri" panose="020F0502020204030204" pitchFamily="34" charset="0"/>
                          <a:cs typeface="Times New Roman" panose="02020603050405020304" pitchFamily="18" charset="0"/>
                        </a:rPr>
                        <a:t>Abordar </a:t>
                      </a:r>
                      <a:r>
                        <a:rPr lang="es-VE" sz="1900" kern="1000" dirty="0" smtClean="0">
                          <a:solidFill>
                            <a:srgbClr val="000000"/>
                          </a:solidFill>
                          <a:effectLst/>
                          <a:latin typeface="+mj-lt"/>
                          <a:ea typeface="Calibri" panose="020F0502020204030204" pitchFamily="34" charset="0"/>
                          <a:cs typeface="Times New Roman" panose="02020603050405020304" pitchFamily="18" charset="0"/>
                        </a:rPr>
                        <a:t>las suposiciones y prestar atención a información </a:t>
                      </a:r>
                      <a:r>
                        <a:rPr lang="es-VE" sz="1900" kern="1000" dirty="0" smtClean="0">
                          <a:solidFill>
                            <a:srgbClr val="000000"/>
                          </a:solidFill>
                          <a:effectLst/>
                          <a:latin typeface="+mj-lt"/>
                          <a:ea typeface="Calibri" panose="020F0502020204030204" pitchFamily="34" charset="0"/>
                          <a:cs typeface="Times New Roman" panose="02020603050405020304" pitchFamily="18" charset="0"/>
                        </a:rPr>
                        <a:t>marginada.</a:t>
                      </a:r>
                      <a:endParaRPr lang="es-VE" sz="1900" kern="1000" dirty="0" smtClean="0">
                        <a:solidFill>
                          <a:srgbClr val="000000"/>
                        </a:solidFill>
                        <a:effectLst/>
                        <a:latin typeface="+mj-lt"/>
                        <a:ea typeface="Calibri" panose="020F0502020204030204" pitchFamily="34" charset="0"/>
                        <a:cs typeface="Times New Roman" panose="02020603050405020304" pitchFamily="18" charset="0"/>
                      </a:endParaRPr>
                    </a:p>
                    <a:p>
                      <a:pPr marL="342900" lvl="0" indent="-342900" algn="l">
                        <a:spcAft>
                          <a:spcPts val="0"/>
                        </a:spcAft>
                        <a:buFont typeface="Wingdings" pitchFamily="2" charset="2"/>
                        <a:buChar char=""/>
                      </a:pPr>
                      <a:r>
                        <a:rPr lang="es-VE" sz="1900" kern="1000" dirty="0" smtClean="0">
                          <a:solidFill>
                            <a:srgbClr val="000000"/>
                          </a:solidFill>
                          <a:effectLst/>
                          <a:latin typeface="+mj-lt"/>
                          <a:ea typeface="Calibri" panose="020F0502020204030204" pitchFamily="34" charset="0"/>
                          <a:cs typeface="Times New Roman" panose="02020603050405020304" pitchFamily="18" charset="0"/>
                        </a:rPr>
                        <a:t>Moldear relaciones saludables a través de tu interacción con el equipo y tus comoderadores.</a:t>
                      </a:r>
                      <a:endParaRPr lang="en-ZA" sz="1900" kern="1000" dirty="0">
                        <a:solidFill>
                          <a:srgbClr val="000000"/>
                        </a:solidFill>
                        <a:effectLst/>
                        <a:latin typeface="+mj-lt"/>
                        <a:ea typeface="Calibri" panose="020F0502020204030204" pitchFamily="34" charset="0"/>
                        <a:cs typeface="Times New Roman" panose="02020603050405020304" pitchFamily="18" charset="0"/>
                      </a:endParaRPr>
                    </a:p>
                  </a:txBody>
                  <a:tcPr>
                    <a:lnT w="38100" cmpd="sng">
                      <a:noFill/>
                    </a:lnT>
                    <a:lnB w="12700" cmpd="sng">
                      <a:noFill/>
                    </a:lnB>
                    <a:solidFill>
                      <a:schemeClr val="bg1">
                        <a:lumMod val="85000"/>
                      </a:schemeClr>
                    </a:solidFill>
                  </a:tcPr>
                </a:tc>
                <a:extLst>
                  <a:ext uri="{0D108BD9-81ED-4DB2-BD59-A6C34878D82A}">
                    <a16:rowId xmlns:a16="http://schemas.microsoft.com/office/drawing/2014/main" xmlns="" val="3802084437"/>
                  </a:ext>
                </a:extLst>
              </a:tr>
            </a:tbl>
          </a:graphicData>
        </a:graphic>
      </p:graphicFrame>
    </p:spTree>
    <p:extLst>
      <p:ext uri="{BB962C8B-B14F-4D97-AF65-F5344CB8AC3E}">
        <p14:creationId xmlns:p14="http://schemas.microsoft.com/office/powerpoint/2010/main" val="32044959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3961616680"/>
              </p:ext>
            </p:extLst>
          </p:nvPr>
        </p:nvGraphicFramePr>
        <p:xfrm>
          <a:off x="0" y="0"/>
          <a:ext cx="12192000" cy="6857999"/>
        </p:xfrm>
        <a:graphic>
          <a:graphicData uri="http://schemas.openxmlformats.org/drawingml/2006/table">
            <a:tbl>
              <a:tblPr firstRow="1" bandRow="1">
                <a:tableStyleId>{5C22544A-7EE6-4342-B048-85BDC9FD1C3A}</a:tableStyleId>
              </a:tblPr>
              <a:tblGrid>
                <a:gridCol w="4153546">
                  <a:extLst>
                    <a:ext uri="{9D8B030D-6E8A-4147-A177-3AD203B41FA5}">
                      <a16:colId xmlns:a16="http://schemas.microsoft.com/office/drawing/2014/main" xmlns="" val="20000"/>
                    </a:ext>
                  </a:extLst>
                </a:gridCol>
                <a:gridCol w="8038454">
                  <a:extLst>
                    <a:ext uri="{9D8B030D-6E8A-4147-A177-3AD203B41FA5}">
                      <a16:colId xmlns:a16="http://schemas.microsoft.com/office/drawing/2014/main" xmlns="" val="20001"/>
                    </a:ext>
                  </a:extLst>
                </a:gridCol>
              </a:tblGrid>
              <a:tr h="1184741">
                <a:tc gridSpan="2">
                  <a:txBody>
                    <a:bodyPr/>
                    <a:lstStyle/>
                    <a:p>
                      <a:pPr algn="just">
                        <a:spcAft>
                          <a:spcPts val="800"/>
                        </a:spcAft>
                      </a:pPr>
                      <a:r>
                        <a:rPr lang="en-ZA" sz="3100" b="1" dirty="0" smtClean="0">
                          <a:latin typeface="Arial" panose="020B0604020202020204" pitchFamily="34" charset="0"/>
                          <a:ea typeface="Calibri" panose="020F0502020204030204" pitchFamily="34" charset="0"/>
                          <a:cs typeface="Times New Roman" panose="02020603050405020304" pitchFamily="18" charset="0"/>
                        </a:rPr>
                        <a:t>Tips para</a:t>
                      </a:r>
                      <a:r>
                        <a:rPr lang="en-ZA" sz="3100" b="1" baseline="0" dirty="0" smtClean="0">
                          <a:latin typeface="Arial" panose="020B0604020202020204" pitchFamily="34" charset="0"/>
                          <a:ea typeface="Calibri" panose="020F0502020204030204" pitchFamily="34" charset="0"/>
                          <a:cs typeface="Times New Roman" panose="02020603050405020304" pitchFamily="18" charset="0"/>
                        </a:rPr>
                        <a:t> moderadores</a:t>
                      </a:r>
                      <a:endParaRPr lang="en-ZA" sz="3100" b="1" dirty="0" smtClean="0">
                        <a:latin typeface="Arial" panose="020B0604020202020204" pitchFamily="34" charset="0"/>
                        <a:ea typeface="Calibri" panose="020F0502020204030204" pitchFamily="34" charset="0"/>
                        <a:cs typeface="Times New Roman" panose="02020603050405020304" pitchFamily="18" charset="0"/>
                      </a:endParaRPr>
                    </a:p>
                    <a:p>
                      <a:pPr algn="just">
                        <a:spcAft>
                          <a:spcPts val="800"/>
                        </a:spcAft>
                      </a:pPr>
                      <a:r>
                        <a:rPr lang="en-ZA" sz="3100" b="1" dirty="0" smtClean="0">
                          <a:latin typeface="Arial" panose="020B0604020202020204" pitchFamily="34" charset="0"/>
                          <a:ea typeface="Calibri" panose="020F0502020204030204" pitchFamily="34" charset="0"/>
                          <a:cs typeface="Times New Roman" panose="02020603050405020304" pitchFamily="18" charset="0"/>
                        </a:rPr>
                        <a:t>Ser</a:t>
                      </a:r>
                      <a:r>
                        <a:rPr lang="en-ZA" sz="3100" b="1" baseline="0" dirty="0" smtClean="0">
                          <a:latin typeface="Arial" panose="020B0604020202020204" pitchFamily="34" charset="0"/>
                          <a:ea typeface="Calibri" panose="020F0502020204030204" pitchFamily="34" charset="0"/>
                          <a:cs typeface="Times New Roman" panose="02020603050405020304" pitchFamily="18" charset="0"/>
                        </a:rPr>
                        <a:t> consciente y estar presente (individual o colectivamente)</a:t>
                      </a:r>
                      <a:endParaRPr lang="en-ZA" sz="3100" dirty="0" smtClean="0">
                        <a:latin typeface="Calibri" panose="020F0502020204030204" pitchFamily="34" charset="0"/>
                        <a:ea typeface="Calibri" panose="020F0502020204030204" pitchFamily="34" charset="0"/>
                        <a:cs typeface="Times New Roman" panose="02020603050405020304" pitchFamily="18" charset="0"/>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4"/>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xmlns="" val="10001"/>
                  </a:ext>
                </a:extLst>
              </a:tr>
              <a:tr h="3337880">
                <a:tc>
                  <a:txBody>
                    <a:bodyPr/>
                    <a:lstStyle/>
                    <a:p>
                      <a:pPr algn="just">
                        <a:spcAft>
                          <a:spcPts val="800"/>
                        </a:spcAft>
                      </a:pPr>
                      <a:endParaRPr lang="en-ZA" sz="1900" dirty="0" smtClean="0">
                        <a:latin typeface="Arial" panose="020B0604020202020204" pitchFamily="34" charset="0"/>
                        <a:ea typeface="Calibri" panose="020F0502020204030204" pitchFamily="34" charset="0"/>
                        <a:cs typeface="Times New Roman" panose="02020603050405020304" pitchFamily="18" charset="0"/>
                      </a:endParaRPr>
                    </a:p>
                    <a:p>
                      <a:pPr algn="just">
                        <a:spcAft>
                          <a:spcPts val="800"/>
                        </a:spcAft>
                      </a:pPr>
                      <a:endParaRPr lang="en-ZA" sz="1900" dirty="0" smtClean="0">
                        <a:latin typeface="Arial" panose="020B0604020202020204" pitchFamily="34" charset="0"/>
                        <a:ea typeface="Calibri" panose="020F0502020204030204" pitchFamily="34" charset="0"/>
                        <a:cs typeface="Times New Roman" panose="02020603050405020304" pitchFamily="18" charset="0"/>
                      </a:endParaRPr>
                    </a:p>
                    <a:p>
                      <a:pPr algn="just">
                        <a:spcAft>
                          <a:spcPts val="800"/>
                        </a:spcAft>
                      </a:pPr>
                      <a:r>
                        <a:rPr lang="en-ZA" sz="1900" dirty="0" smtClean="0">
                          <a:latin typeface="Arial" panose="020B0604020202020204" pitchFamily="34" charset="0"/>
                          <a:ea typeface="Calibri" panose="020F0502020204030204" pitchFamily="34" charset="0"/>
                          <a:cs typeface="Times New Roman" panose="02020603050405020304" pitchFamily="18" charset="0"/>
                        </a:rPr>
                        <a:t>Incentivar</a:t>
                      </a:r>
                      <a:r>
                        <a:rPr lang="en-ZA" sz="1900" baseline="0" dirty="0" smtClean="0">
                          <a:latin typeface="Arial" panose="020B0604020202020204" pitchFamily="34" charset="0"/>
                          <a:ea typeface="Calibri" panose="020F0502020204030204" pitchFamily="34" charset="0"/>
                          <a:cs typeface="Times New Roman" panose="02020603050405020304" pitchFamily="18" charset="0"/>
                        </a:rPr>
                        <a:t> </a:t>
                      </a:r>
                      <a:r>
                        <a:rPr lang="en-ZA" sz="1900" baseline="0" dirty="0" smtClean="0">
                          <a:latin typeface="Arial" panose="020B0604020202020204" pitchFamily="34" charset="0"/>
                          <a:ea typeface="Calibri" panose="020F0502020204030204" pitchFamily="34" charset="0"/>
                          <a:cs typeface="Times New Roman" panose="02020603050405020304" pitchFamily="18" charset="0"/>
                        </a:rPr>
                        <a:t>las participaciones y las colaboraciones generativas</a:t>
                      </a:r>
                      <a:endParaRPr lang="en-ZA" sz="1900" dirty="0">
                        <a:latin typeface="Calibri" panose="020F0502020204030204" pitchFamily="34" charset="0"/>
                        <a:ea typeface="Calibri" panose="020F0502020204030204" pitchFamily="34" charset="0"/>
                        <a:cs typeface="Times New Roman" panose="02020603050405020304" pitchFamily="18" charset="0"/>
                      </a:endParaRPr>
                    </a:p>
                    <a:p>
                      <a:pPr algn="just">
                        <a:spcAft>
                          <a:spcPts val="800"/>
                        </a:spcAft>
                      </a:pPr>
                      <a:endParaRPr lang="en-ZA" sz="1900" dirty="0">
                        <a:latin typeface="Calibri" panose="020F0502020204030204" pitchFamily="34" charset="0"/>
                        <a:ea typeface="Calibri" panose="020F0502020204030204" pitchFamily="34" charset="0"/>
                        <a:cs typeface="Times New Roman" panose="02020603050405020304" pitchFamily="18" charset="0"/>
                      </a:endParaRPr>
                    </a:p>
                  </a:txBody>
                  <a:tcPr>
                    <a:lnT w="38100" cmpd="sng">
                      <a:noFill/>
                    </a:lnT>
                    <a:lnB w="12700" cmpd="sng">
                      <a:noFill/>
                    </a:lnB>
                    <a:solidFill>
                      <a:schemeClr val="bg1"/>
                    </a:solidFill>
                  </a:tcPr>
                </a:tc>
                <a:tc>
                  <a:txBody>
                    <a:bodyPr/>
                    <a:lstStyle/>
                    <a:p>
                      <a:pPr marL="285750" indent="-285750">
                        <a:buFont typeface="Arial" panose="020B0604020202020204" pitchFamily="34" charset="0"/>
                        <a:buChar char="•"/>
                      </a:pPr>
                      <a:r>
                        <a:rPr lang="es-VE" sz="1900" kern="1200" dirty="0" smtClean="0">
                          <a:solidFill>
                            <a:schemeClr val="dk1"/>
                          </a:solidFill>
                          <a:effectLst/>
                          <a:latin typeface="+mj-lt"/>
                          <a:ea typeface="+mn-ea"/>
                          <a:cs typeface="+mn-cs"/>
                        </a:rPr>
                        <a:t>Apoyar a los equipos en sus conflictos y dilemas.</a:t>
                      </a:r>
                    </a:p>
                    <a:p>
                      <a:pPr marL="285750" indent="-285750">
                        <a:buFont typeface="Arial" panose="020B0604020202020204" pitchFamily="34" charset="0"/>
                        <a:buChar char="•"/>
                      </a:pPr>
                      <a:r>
                        <a:rPr lang="es-VE" sz="1900" kern="1200" dirty="0" smtClean="0">
                          <a:solidFill>
                            <a:schemeClr val="dk1"/>
                          </a:solidFill>
                          <a:effectLst/>
                          <a:latin typeface="+mj-lt"/>
                          <a:ea typeface="+mn-ea"/>
                          <a:cs typeface="+mn-cs"/>
                        </a:rPr>
                        <a:t>Rastrear el arco de la conversación (por ejemplo, reflexionando sobre lo dicho, manteniendo al grupo conectado con lo que hicieron previamente, etc.)</a:t>
                      </a:r>
                    </a:p>
                    <a:p>
                      <a:pPr marL="285750" indent="-285750">
                        <a:buFont typeface="Arial" panose="020B0604020202020204" pitchFamily="34" charset="0"/>
                        <a:buChar char="•"/>
                      </a:pPr>
                      <a:r>
                        <a:rPr lang="es-VE" sz="1900" kern="1200" dirty="0" smtClean="0">
                          <a:solidFill>
                            <a:schemeClr val="dk1"/>
                          </a:solidFill>
                          <a:effectLst/>
                          <a:latin typeface="+mj-lt"/>
                          <a:ea typeface="+mn-ea"/>
                          <a:cs typeface="+mn-cs"/>
                        </a:rPr>
                        <a:t>Hacer una síntesis de las conversaciones (por ejemplo conectando la información de conversaciones más tempranas con una del presente).</a:t>
                      </a:r>
                    </a:p>
                    <a:p>
                      <a:pPr marL="285750" indent="-285750">
                        <a:buFont typeface="Arial" panose="020B0604020202020204" pitchFamily="34" charset="0"/>
                        <a:buChar char="•"/>
                      </a:pPr>
                      <a:r>
                        <a:rPr lang="es-VE" sz="1900" kern="1200" dirty="0" smtClean="0">
                          <a:solidFill>
                            <a:schemeClr val="dk1"/>
                          </a:solidFill>
                          <a:effectLst/>
                          <a:latin typeface="+mj-lt"/>
                          <a:ea typeface="+mn-ea"/>
                          <a:cs typeface="+mn-cs"/>
                        </a:rPr>
                        <a:t>Apoyar la divergencia entre miembros de un grupo (por ejemplo, buscando la opinión de minorías).</a:t>
                      </a:r>
                      <a:endParaRPr lang="en-ZA" sz="1900" kern="1200" dirty="0">
                        <a:solidFill>
                          <a:schemeClr val="dk1"/>
                        </a:solidFill>
                        <a:effectLst/>
                        <a:latin typeface="+mj-lt"/>
                        <a:ea typeface="+mn-ea"/>
                        <a:cs typeface="+mn-cs"/>
                      </a:endParaRPr>
                    </a:p>
                  </a:txBody>
                  <a:tcPr>
                    <a:lnT w="38100" cmpd="sng">
                      <a:noFill/>
                    </a:lnT>
                    <a:lnB w="12700" cmpd="sng">
                      <a:noFill/>
                    </a:lnB>
                    <a:solidFill>
                      <a:schemeClr val="bg1"/>
                    </a:solidFill>
                  </a:tcPr>
                </a:tc>
                <a:extLst>
                  <a:ext uri="{0D108BD9-81ED-4DB2-BD59-A6C34878D82A}">
                    <a16:rowId xmlns:a16="http://schemas.microsoft.com/office/drawing/2014/main" xmlns="" val="10005"/>
                  </a:ext>
                </a:extLst>
              </a:tr>
              <a:tr h="2335378">
                <a:tc>
                  <a:txBody>
                    <a:bodyPr/>
                    <a:lstStyle/>
                    <a:p>
                      <a:pPr algn="just">
                        <a:spcAft>
                          <a:spcPts val="800"/>
                        </a:spcAft>
                      </a:pPr>
                      <a:endParaRPr lang="en-ZA" sz="1900" dirty="0" smtClean="0">
                        <a:latin typeface="Arial" panose="020B0604020202020204" pitchFamily="34" charset="0"/>
                        <a:ea typeface="Calibri" panose="020F0502020204030204" pitchFamily="34" charset="0"/>
                        <a:cs typeface="Times New Roman" panose="02020603050405020304" pitchFamily="18" charset="0"/>
                      </a:endParaRPr>
                    </a:p>
                    <a:p>
                      <a:pPr algn="just">
                        <a:spcAft>
                          <a:spcPts val="800"/>
                        </a:spcAft>
                      </a:pPr>
                      <a:endParaRPr lang="en-ZA" sz="1900" dirty="0" smtClean="0">
                        <a:latin typeface="Arial" panose="020B0604020202020204" pitchFamily="34" charset="0"/>
                        <a:ea typeface="Calibri" panose="020F0502020204030204" pitchFamily="34" charset="0"/>
                        <a:cs typeface="Times New Roman" panose="02020603050405020304" pitchFamily="18" charset="0"/>
                      </a:endParaRPr>
                    </a:p>
                    <a:p>
                      <a:pPr algn="just">
                        <a:spcAft>
                          <a:spcPts val="800"/>
                        </a:spcAft>
                      </a:pPr>
                      <a:r>
                        <a:rPr lang="en-ZA" sz="1900" dirty="0" smtClean="0">
                          <a:latin typeface="Arial" panose="020B0604020202020204" pitchFamily="34" charset="0"/>
                          <a:ea typeface="Calibri" panose="020F0502020204030204" pitchFamily="34" charset="0"/>
                          <a:cs typeface="Times New Roman" panose="02020603050405020304" pitchFamily="18" charset="0"/>
                        </a:rPr>
                        <a:t>Pensar</a:t>
                      </a:r>
                      <a:r>
                        <a:rPr lang="en-ZA" sz="1900" baseline="0" dirty="0" smtClean="0">
                          <a:latin typeface="Arial" panose="020B0604020202020204" pitchFamily="34" charset="0"/>
                          <a:ea typeface="Calibri" panose="020F0502020204030204" pitchFamily="34" charset="0"/>
                          <a:cs typeface="Times New Roman" panose="02020603050405020304" pitchFamily="18" charset="0"/>
                        </a:rPr>
                        <a:t> </a:t>
                      </a:r>
                      <a:r>
                        <a:rPr lang="en-ZA" sz="1900" baseline="0" dirty="0" smtClean="0">
                          <a:latin typeface="Arial" panose="020B0604020202020204" pitchFamily="34" charset="0"/>
                          <a:ea typeface="Calibri" panose="020F0502020204030204" pitchFamily="34" charset="0"/>
                          <a:cs typeface="Times New Roman" panose="02020603050405020304" pitchFamily="18" charset="0"/>
                        </a:rPr>
                        <a:t>sistémicamente</a:t>
                      </a:r>
                      <a:endParaRPr lang="en-ZA" sz="1900" dirty="0">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T w="38100" cmpd="sng">
                      <a:noFill/>
                    </a:lnT>
                    <a:lnB w="12700" cmpd="sng">
                      <a:noFill/>
                    </a:lnB>
                    <a:solidFill>
                      <a:schemeClr val="bg1">
                        <a:lumMod val="85000"/>
                      </a:schemeClr>
                    </a:solidFill>
                  </a:tcPr>
                </a:tc>
                <a:tc>
                  <a:txBody>
                    <a:bodyPr/>
                    <a:lstStyle/>
                    <a:p>
                      <a:pPr marL="342900" lvl="0" indent="-342900" algn="just">
                        <a:spcAft>
                          <a:spcPts val="0"/>
                        </a:spcAft>
                        <a:buFont typeface="Wingdings" pitchFamily="2" charset="2"/>
                        <a:buChar char=""/>
                      </a:pPr>
                      <a:endParaRPr lang="es-VE" sz="1900" kern="1000" dirty="0" smtClean="0">
                        <a:solidFill>
                          <a:srgbClr val="000000"/>
                        </a:solidFill>
                        <a:effectLst/>
                        <a:latin typeface="+mj-lt"/>
                        <a:ea typeface="Calibri" panose="020F0502020204030204" pitchFamily="34" charset="0"/>
                        <a:cs typeface="Times New Roman" panose="02020603050405020304" pitchFamily="18" charset="0"/>
                      </a:endParaRPr>
                    </a:p>
                    <a:p>
                      <a:pPr marL="342900" lvl="0" indent="-342900" algn="just">
                        <a:spcAft>
                          <a:spcPts val="0"/>
                        </a:spcAft>
                        <a:buFont typeface="Wingdings" pitchFamily="2" charset="2"/>
                        <a:buChar char=""/>
                      </a:pPr>
                      <a:endParaRPr lang="es-VE" sz="1900" kern="1000" dirty="0" smtClean="0">
                        <a:solidFill>
                          <a:srgbClr val="000000"/>
                        </a:solidFill>
                        <a:effectLst/>
                        <a:latin typeface="+mj-lt"/>
                        <a:ea typeface="Calibri" panose="020F0502020204030204" pitchFamily="34" charset="0"/>
                        <a:cs typeface="Times New Roman" panose="02020603050405020304" pitchFamily="18" charset="0"/>
                      </a:endParaRPr>
                    </a:p>
                    <a:p>
                      <a:pPr marL="342900" lvl="0" indent="-342900" algn="just">
                        <a:spcAft>
                          <a:spcPts val="0"/>
                        </a:spcAft>
                        <a:buFont typeface="Wingdings" pitchFamily="2" charset="2"/>
                        <a:buChar char=""/>
                      </a:pPr>
                      <a:r>
                        <a:rPr lang="es-VE" sz="1900" kern="1000" dirty="0" smtClean="0">
                          <a:solidFill>
                            <a:srgbClr val="000000"/>
                          </a:solidFill>
                          <a:effectLst/>
                          <a:latin typeface="+mj-lt"/>
                          <a:ea typeface="Calibri" panose="020F0502020204030204" pitchFamily="34" charset="0"/>
                          <a:cs typeface="Times New Roman" panose="02020603050405020304" pitchFamily="18" charset="0"/>
                        </a:rPr>
                        <a:t>Convocar </a:t>
                      </a:r>
                      <a:r>
                        <a:rPr lang="es-VE" sz="1900" kern="1000" dirty="0" smtClean="0">
                          <a:solidFill>
                            <a:srgbClr val="000000"/>
                          </a:solidFill>
                          <a:effectLst/>
                          <a:latin typeface="+mj-lt"/>
                          <a:ea typeface="Calibri" panose="020F0502020204030204" pitchFamily="34" charset="0"/>
                          <a:cs typeface="Times New Roman" panose="02020603050405020304" pitchFamily="18" charset="0"/>
                        </a:rPr>
                        <a:t>a un subconjunto del sistema apropiado. </a:t>
                      </a:r>
                    </a:p>
                    <a:p>
                      <a:pPr marL="342900" lvl="0" indent="-342900" algn="just">
                        <a:spcAft>
                          <a:spcPts val="0"/>
                        </a:spcAft>
                        <a:buFont typeface="Wingdings" pitchFamily="2" charset="2"/>
                        <a:buChar char=""/>
                      </a:pPr>
                      <a:r>
                        <a:rPr lang="es-VE" sz="1900" kern="1000" dirty="0" smtClean="0">
                          <a:solidFill>
                            <a:srgbClr val="000000"/>
                          </a:solidFill>
                          <a:effectLst/>
                          <a:latin typeface="+mj-lt"/>
                          <a:ea typeface="Calibri" panose="020F0502020204030204" pitchFamily="34" charset="0"/>
                          <a:cs typeface="Times New Roman" panose="02020603050405020304" pitchFamily="18" charset="0"/>
                        </a:rPr>
                        <a:t>Tomarse el tiempo de pensar en los actores clave que se deben incluir en la conversación.</a:t>
                      </a:r>
                    </a:p>
                    <a:p>
                      <a:pPr marL="342900" lvl="0" indent="-342900" algn="just">
                        <a:spcAft>
                          <a:spcPts val="0"/>
                        </a:spcAft>
                        <a:buFont typeface="Wingdings" pitchFamily="2" charset="2"/>
                        <a:buChar char=""/>
                      </a:pPr>
                      <a:r>
                        <a:rPr lang="es-VE" sz="1900" kern="1000" dirty="0" smtClean="0">
                          <a:solidFill>
                            <a:srgbClr val="000000"/>
                          </a:solidFill>
                          <a:effectLst/>
                          <a:latin typeface="+mj-lt"/>
                          <a:ea typeface="Calibri" panose="020F0502020204030204" pitchFamily="34" charset="0"/>
                          <a:cs typeface="Times New Roman" panose="02020603050405020304" pitchFamily="18" charset="0"/>
                        </a:rPr>
                        <a:t>Estar consciente de quién no está en la reunión y cómo incluir su voz.</a:t>
                      </a:r>
                      <a:endParaRPr lang="en-ZA" sz="1900" kern="1000" dirty="0">
                        <a:solidFill>
                          <a:srgbClr val="000000"/>
                        </a:solidFill>
                        <a:effectLst/>
                        <a:latin typeface="+mj-lt"/>
                        <a:ea typeface="Calibri" panose="020F0502020204030204" pitchFamily="34" charset="0"/>
                        <a:cs typeface="Times New Roman" panose="02020603050405020304" pitchFamily="18" charset="0"/>
                      </a:endParaRPr>
                    </a:p>
                  </a:txBody>
                  <a:tcPr>
                    <a:lnT w="38100" cmpd="sng">
                      <a:noFill/>
                    </a:lnT>
                    <a:lnB w="12700" cmpd="sng">
                      <a:noFill/>
                    </a:lnB>
                    <a:solidFill>
                      <a:schemeClr val="bg1">
                        <a:lumMod val="85000"/>
                      </a:schemeClr>
                    </a:solidFill>
                  </a:tcPr>
                </a:tc>
                <a:extLst>
                  <a:ext uri="{0D108BD9-81ED-4DB2-BD59-A6C34878D82A}">
                    <a16:rowId xmlns:a16="http://schemas.microsoft.com/office/drawing/2014/main" xmlns="" val="3802084437"/>
                  </a:ext>
                </a:extLst>
              </a:tr>
            </a:tbl>
          </a:graphicData>
        </a:graphic>
      </p:graphicFrame>
    </p:spTree>
    <p:extLst>
      <p:ext uri="{BB962C8B-B14F-4D97-AF65-F5344CB8AC3E}">
        <p14:creationId xmlns:p14="http://schemas.microsoft.com/office/powerpoint/2010/main" val="9735550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3407182638"/>
              </p:ext>
            </p:extLst>
          </p:nvPr>
        </p:nvGraphicFramePr>
        <p:xfrm>
          <a:off x="0" y="0"/>
          <a:ext cx="12192000" cy="6780351"/>
        </p:xfrm>
        <a:graphic>
          <a:graphicData uri="http://schemas.openxmlformats.org/drawingml/2006/table">
            <a:tbl>
              <a:tblPr firstRow="1" bandRow="1">
                <a:tableStyleId>{5C22544A-7EE6-4342-B048-85BDC9FD1C3A}</a:tableStyleId>
              </a:tblPr>
              <a:tblGrid>
                <a:gridCol w="4153546">
                  <a:extLst>
                    <a:ext uri="{9D8B030D-6E8A-4147-A177-3AD203B41FA5}">
                      <a16:colId xmlns:a16="http://schemas.microsoft.com/office/drawing/2014/main" xmlns="" val="20000"/>
                    </a:ext>
                  </a:extLst>
                </a:gridCol>
                <a:gridCol w="8038454">
                  <a:extLst>
                    <a:ext uri="{9D8B030D-6E8A-4147-A177-3AD203B41FA5}">
                      <a16:colId xmlns:a16="http://schemas.microsoft.com/office/drawing/2014/main" xmlns="" val="20001"/>
                    </a:ext>
                  </a:extLst>
                </a:gridCol>
              </a:tblGrid>
              <a:tr h="1179347">
                <a:tc gridSpan="2">
                  <a:txBody>
                    <a:bodyPr/>
                    <a:lstStyle/>
                    <a:p>
                      <a:pPr algn="just">
                        <a:spcAft>
                          <a:spcPts val="800"/>
                        </a:spcAft>
                      </a:pPr>
                      <a:r>
                        <a:rPr lang="en-ZA" sz="3100" b="1" dirty="0" smtClean="0">
                          <a:latin typeface="Arial" panose="020B0604020202020204" pitchFamily="34" charset="0"/>
                          <a:ea typeface="Calibri" panose="020F0502020204030204" pitchFamily="34" charset="0"/>
                          <a:cs typeface="Times New Roman" panose="02020603050405020304" pitchFamily="18" charset="0"/>
                        </a:rPr>
                        <a:t>Tips para</a:t>
                      </a:r>
                      <a:r>
                        <a:rPr lang="en-ZA" sz="3100" b="1" baseline="0" dirty="0" smtClean="0">
                          <a:latin typeface="Arial" panose="020B0604020202020204" pitchFamily="34" charset="0"/>
                          <a:ea typeface="Calibri" panose="020F0502020204030204" pitchFamily="34" charset="0"/>
                          <a:cs typeface="Times New Roman" panose="02020603050405020304" pitchFamily="18" charset="0"/>
                        </a:rPr>
                        <a:t> moderadores</a:t>
                      </a:r>
                      <a:endParaRPr lang="en-ZA" sz="3100" b="1" dirty="0" smtClean="0">
                        <a:latin typeface="Arial" panose="020B0604020202020204" pitchFamily="34" charset="0"/>
                        <a:ea typeface="Calibri" panose="020F0502020204030204" pitchFamily="34" charset="0"/>
                        <a:cs typeface="Times New Roman" panose="02020603050405020304" pitchFamily="18" charset="0"/>
                      </a:endParaRPr>
                    </a:p>
                    <a:p>
                      <a:pPr algn="just">
                        <a:spcAft>
                          <a:spcPts val="800"/>
                        </a:spcAft>
                      </a:pPr>
                      <a:r>
                        <a:rPr lang="en-ZA" sz="3100" b="1" dirty="0" smtClean="0">
                          <a:latin typeface="Arial" panose="020B0604020202020204" pitchFamily="34" charset="0"/>
                          <a:ea typeface="Calibri" panose="020F0502020204030204" pitchFamily="34" charset="0"/>
                          <a:cs typeface="Times New Roman" panose="02020603050405020304" pitchFamily="18" charset="0"/>
                        </a:rPr>
                        <a:t>Ser</a:t>
                      </a:r>
                      <a:r>
                        <a:rPr lang="en-ZA" sz="3100" b="1" baseline="0" dirty="0" smtClean="0">
                          <a:latin typeface="Arial" panose="020B0604020202020204" pitchFamily="34" charset="0"/>
                          <a:ea typeface="Calibri" panose="020F0502020204030204" pitchFamily="34" charset="0"/>
                          <a:cs typeface="Times New Roman" panose="02020603050405020304" pitchFamily="18" charset="0"/>
                        </a:rPr>
                        <a:t> consciente y estar presente (individual o colectivamente</a:t>
                      </a:r>
                      <a:r>
                        <a:rPr lang="en-ZA" sz="3100" b="1" baseline="0" dirty="0" smtClean="0">
                          <a:latin typeface="Arial" panose="020B0604020202020204" pitchFamily="34" charset="0"/>
                          <a:ea typeface="Calibri" panose="020F0502020204030204" pitchFamily="34" charset="0"/>
                          <a:cs typeface="Times New Roman" panose="02020603050405020304" pitchFamily="18" charset="0"/>
                        </a:rPr>
                        <a:t>)</a:t>
                      </a:r>
                      <a:endParaRPr lang="en-ZA" sz="3100" dirty="0" smtClean="0">
                        <a:latin typeface="Calibri" panose="020F0502020204030204" pitchFamily="34" charset="0"/>
                        <a:ea typeface="Calibri" panose="020F0502020204030204" pitchFamily="34" charset="0"/>
                        <a:cs typeface="Times New Roman" panose="02020603050405020304" pitchFamily="18" charset="0"/>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4"/>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xmlns="" val="10001"/>
                  </a:ext>
                </a:extLst>
              </a:tr>
              <a:tr h="3176085">
                <a:tc>
                  <a:txBody>
                    <a:bodyPr/>
                    <a:lstStyle/>
                    <a:p>
                      <a:pPr algn="just">
                        <a:spcAft>
                          <a:spcPts val="800"/>
                        </a:spcAft>
                      </a:pPr>
                      <a:endParaRPr lang="en-ZA" sz="1900" dirty="0" smtClean="0">
                        <a:latin typeface="Arial" panose="020B0604020202020204" pitchFamily="34" charset="0"/>
                        <a:ea typeface="Calibri" panose="020F0502020204030204" pitchFamily="34" charset="0"/>
                        <a:cs typeface="Times New Roman" panose="02020603050405020304" pitchFamily="18" charset="0"/>
                      </a:endParaRPr>
                    </a:p>
                    <a:p>
                      <a:pPr algn="just">
                        <a:spcAft>
                          <a:spcPts val="800"/>
                        </a:spcAft>
                      </a:pPr>
                      <a:endParaRPr lang="en-ZA" sz="1900" dirty="0" smtClean="0">
                        <a:latin typeface="Arial" panose="020B0604020202020204" pitchFamily="34" charset="0"/>
                        <a:ea typeface="Calibri" panose="020F0502020204030204" pitchFamily="34" charset="0"/>
                        <a:cs typeface="Times New Roman" panose="02020603050405020304" pitchFamily="18" charset="0"/>
                      </a:endParaRPr>
                    </a:p>
                    <a:p>
                      <a:pPr algn="just">
                        <a:spcAft>
                          <a:spcPts val="800"/>
                        </a:spcAft>
                      </a:pPr>
                      <a:endParaRPr lang="en-ZA" sz="1900" dirty="0" smtClean="0">
                        <a:latin typeface="Arial" panose="020B0604020202020204" pitchFamily="34" charset="0"/>
                        <a:ea typeface="Calibri" panose="020F0502020204030204" pitchFamily="34" charset="0"/>
                        <a:cs typeface="Times New Roman" panose="02020603050405020304" pitchFamily="18" charset="0"/>
                      </a:endParaRPr>
                    </a:p>
                    <a:p>
                      <a:pPr algn="just">
                        <a:spcAft>
                          <a:spcPts val="800"/>
                        </a:spcAft>
                      </a:pPr>
                      <a:r>
                        <a:rPr lang="en-ZA" sz="1900" dirty="0" smtClean="0">
                          <a:latin typeface="Arial" panose="020B0604020202020204" pitchFamily="34" charset="0"/>
                          <a:ea typeface="Calibri" panose="020F0502020204030204" pitchFamily="34" charset="0"/>
                          <a:cs typeface="Times New Roman" panose="02020603050405020304" pitchFamily="18" charset="0"/>
                        </a:rPr>
                        <a:t>Reflexión</a:t>
                      </a:r>
                      <a:r>
                        <a:rPr lang="en-ZA" sz="1900" baseline="0" dirty="0" smtClean="0">
                          <a:latin typeface="Arial" panose="020B0604020202020204" pitchFamily="34" charset="0"/>
                          <a:ea typeface="Calibri" panose="020F0502020204030204" pitchFamily="34" charset="0"/>
                          <a:cs typeface="Times New Roman" panose="02020603050405020304" pitchFamily="18" charset="0"/>
                        </a:rPr>
                        <a:t> </a:t>
                      </a:r>
                      <a:r>
                        <a:rPr lang="en-ZA" sz="1900" baseline="0" dirty="0" smtClean="0">
                          <a:latin typeface="Arial" panose="020B0604020202020204" pitchFamily="34" charset="0"/>
                          <a:ea typeface="Calibri" panose="020F0502020204030204" pitchFamily="34" charset="0"/>
                          <a:cs typeface="Times New Roman" panose="02020603050405020304" pitchFamily="18" charset="0"/>
                        </a:rPr>
                        <a:t>en acción</a:t>
                      </a:r>
                      <a:endParaRPr lang="en-ZA" sz="1900" dirty="0">
                        <a:latin typeface="Calibri" panose="020F0502020204030204" pitchFamily="34" charset="0"/>
                        <a:ea typeface="Calibri" panose="020F0502020204030204" pitchFamily="34" charset="0"/>
                        <a:cs typeface="Times New Roman" panose="02020603050405020304" pitchFamily="18" charset="0"/>
                      </a:endParaRPr>
                    </a:p>
                    <a:p>
                      <a:pPr algn="just">
                        <a:spcAft>
                          <a:spcPts val="800"/>
                        </a:spcAft>
                      </a:pPr>
                      <a:endParaRPr lang="en-ZA" sz="1900" dirty="0">
                        <a:latin typeface="Calibri" panose="020F0502020204030204" pitchFamily="34" charset="0"/>
                        <a:ea typeface="Calibri" panose="020F0502020204030204" pitchFamily="34" charset="0"/>
                        <a:cs typeface="Times New Roman" panose="02020603050405020304" pitchFamily="18" charset="0"/>
                      </a:endParaRPr>
                    </a:p>
                  </a:txBody>
                  <a:tcPr>
                    <a:lnT w="38100" cmpd="sng">
                      <a:noFill/>
                    </a:lnT>
                    <a:lnB w="12700" cmpd="sng">
                      <a:noFill/>
                    </a:lnB>
                    <a:solidFill>
                      <a:schemeClr val="bg1"/>
                    </a:solidFill>
                  </a:tcPr>
                </a:tc>
                <a:tc>
                  <a:txBody>
                    <a:bodyPr/>
                    <a:lstStyle/>
                    <a:p>
                      <a:pPr marL="285750" indent="-285750">
                        <a:buFont typeface="Arial" panose="020B0604020202020204" pitchFamily="34" charset="0"/>
                        <a:buChar char="•"/>
                      </a:pPr>
                      <a:r>
                        <a:rPr lang="es-VE" sz="1900" kern="1200" dirty="0" smtClean="0">
                          <a:solidFill>
                            <a:schemeClr val="dk1"/>
                          </a:solidFill>
                          <a:effectLst/>
                          <a:latin typeface="+mj-lt"/>
                          <a:ea typeface="+mn-ea"/>
                          <a:cs typeface="+mn-cs"/>
                        </a:rPr>
                        <a:t>Ayudar al grupo a ver los conocimientos que crearon.</a:t>
                      </a:r>
                    </a:p>
                    <a:p>
                      <a:pPr marL="285750" indent="-285750">
                        <a:buFont typeface="Arial" panose="020B0604020202020204" pitchFamily="34" charset="0"/>
                        <a:buChar char="•"/>
                      </a:pPr>
                      <a:r>
                        <a:rPr lang="es-VE" sz="1900" kern="1200" dirty="0" smtClean="0">
                          <a:solidFill>
                            <a:schemeClr val="dk1"/>
                          </a:solidFill>
                          <a:effectLst/>
                          <a:latin typeface="+mj-lt"/>
                          <a:ea typeface="+mn-ea"/>
                          <a:cs typeface="+mn-cs"/>
                        </a:rPr>
                        <a:t>Notar y señalar los momentos "Eureka!" (por </a:t>
                      </a:r>
                      <a:r>
                        <a:rPr lang="es-VE" sz="1900" kern="1200" dirty="0" smtClean="0">
                          <a:solidFill>
                            <a:schemeClr val="dk1"/>
                          </a:solidFill>
                          <a:effectLst/>
                          <a:latin typeface="+mj-lt"/>
                          <a:ea typeface="+mn-ea"/>
                          <a:cs typeface="+mn-cs"/>
                        </a:rPr>
                        <a:t>ejemplo: </a:t>
                      </a:r>
                      <a:r>
                        <a:rPr lang="es-VE" sz="1900" kern="1200" dirty="0" smtClean="0">
                          <a:solidFill>
                            <a:schemeClr val="dk1"/>
                          </a:solidFill>
                          <a:effectLst/>
                          <a:latin typeface="+mj-lt"/>
                          <a:ea typeface="+mn-ea"/>
                          <a:cs typeface="+mn-cs"/>
                        </a:rPr>
                        <a:t>"Creo que acabas de identificar una de las causas principales de este problema“.</a:t>
                      </a:r>
                    </a:p>
                    <a:p>
                      <a:pPr marL="285750" indent="-285750">
                        <a:buFont typeface="Arial" panose="020B0604020202020204" pitchFamily="34" charset="0"/>
                        <a:buChar char="•"/>
                      </a:pPr>
                      <a:r>
                        <a:rPr lang="es-VE" sz="1900" kern="1200" dirty="0" smtClean="0">
                          <a:solidFill>
                            <a:schemeClr val="dk1"/>
                          </a:solidFill>
                          <a:effectLst/>
                          <a:latin typeface="+mj-lt"/>
                          <a:ea typeface="+mn-ea"/>
                          <a:cs typeface="+mn-cs"/>
                        </a:rPr>
                        <a:t>Dejar ir lo viejo para poder ver lo nuevo (a veces debemos dejar ir lo que esperamos o suponemos para poder ver lo que somos capaces de crear. Esto puede ser muy emocionante para algunos participantes y abrumador para otros).</a:t>
                      </a:r>
                    </a:p>
                    <a:p>
                      <a:pPr marL="285750" indent="-285750">
                        <a:buFont typeface="Arial" panose="020B0604020202020204" pitchFamily="34" charset="0"/>
                        <a:buChar char="•"/>
                      </a:pPr>
                      <a:r>
                        <a:rPr lang="es-VE" sz="1900" kern="1200" dirty="0" smtClean="0">
                          <a:solidFill>
                            <a:schemeClr val="dk1"/>
                          </a:solidFill>
                          <a:effectLst/>
                          <a:latin typeface="+mj-lt"/>
                          <a:ea typeface="+mn-ea"/>
                          <a:cs typeface="+mn-cs"/>
                        </a:rPr>
                        <a:t>Ayudar al grupo a comunicarse entre sí y hablar de acciones, conclusiones, aliados y próximos pasos.</a:t>
                      </a:r>
                      <a:endParaRPr lang="en-ZA" sz="1900" kern="1200" dirty="0">
                        <a:solidFill>
                          <a:schemeClr val="dk1"/>
                        </a:solidFill>
                        <a:effectLst/>
                        <a:latin typeface="+mj-lt"/>
                        <a:ea typeface="+mn-ea"/>
                        <a:cs typeface="+mn-cs"/>
                      </a:endParaRPr>
                    </a:p>
                  </a:txBody>
                  <a:tcPr>
                    <a:lnT w="38100" cmpd="sng">
                      <a:noFill/>
                    </a:lnT>
                    <a:lnB w="12700" cmpd="sng">
                      <a:noFill/>
                    </a:lnB>
                    <a:solidFill>
                      <a:schemeClr val="bg1"/>
                    </a:solidFill>
                  </a:tcPr>
                </a:tc>
                <a:extLst>
                  <a:ext uri="{0D108BD9-81ED-4DB2-BD59-A6C34878D82A}">
                    <a16:rowId xmlns:a16="http://schemas.microsoft.com/office/drawing/2014/main" xmlns="" val="10005"/>
                  </a:ext>
                </a:extLst>
              </a:tr>
              <a:tr h="2424919">
                <a:tc>
                  <a:txBody>
                    <a:bodyPr/>
                    <a:lstStyle/>
                    <a:p>
                      <a:pPr algn="just">
                        <a:spcAft>
                          <a:spcPts val="800"/>
                        </a:spcAft>
                      </a:pPr>
                      <a:endParaRPr lang="en-ZA" sz="1900" dirty="0" smtClean="0">
                        <a:latin typeface="Arial" panose="020B0604020202020204" pitchFamily="34" charset="0"/>
                        <a:ea typeface="Calibri" panose="020F0502020204030204" pitchFamily="34" charset="0"/>
                        <a:cs typeface="Times New Roman" panose="02020603050405020304" pitchFamily="18" charset="0"/>
                      </a:endParaRPr>
                    </a:p>
                    <a:p>
                      <a:pPr algn="just">
                        <a:spcAft>
                          <a:spcPts val="800"/>
                        </a:spcAft>
                      </a:pPr>
                      <a:endParaRPr lang="en-ZA" sz="1900" dirty="0" smtClean="0">
                        <a:latin typeface="Arial" panose="020B0604020202020204" pitchFamily="34" charset="0"/>
                        <a:ea typeface="Calibri" panose="020F0502020204030204" pitchFamily="34" charset="0"/>
                        <a:cs typeface="Times New Roman" panose="02020603050405020304" pitchFamily="18" charset="0"/>
                      </a:endParaRPr>
                    </a:p>
                    <a:p>
                      <a:pPr algn="just">
                        <a:spcAft>
                          <a:spcPts val="800"/>
                        </a:spcAft>
                      </a:pPr>
                      <a:endParaRPr lang="en-ZA" sz="1900" dirty="0" smtClean="0">
                        <a:latin typeface="Arial" panose="020B0604020202020204" pitchFamily="34" charset="0"/>
                        <a:ea typeface="Calibri" panose="020F0502020204030204" pitchFamily="34" charset="0"/>
                        <a:cs typeface="Times New Roman" panose="02020603050405020304" pitchFamily="18" charset="0"/>
                      </a:endParaRPr>
                    </a:p>
                    <a:p>
                      <a:pPr algn="just">
                        <a:spcAft>
                          <a:spcPts val="800"/>
                        </a:spcAft>
                      </a:pPr>
                      <a:r>
                        <a:rPr lang="en-ZA" sz="1900" dirty="0" smtClean="0">
                          <a:latin typeface="Arial" panose="020B0604020202020204" pitchFamily="34" charset="0"/>
                          <a:ea typeface="Calibri" panose="020F0502020204030204" pitchFamily="34" charset="0"/>
                          <a:cs typeface="Times New Roman" panose="02020603050405020304" pitchFamily="18" charset="0"/>
                        </a:rPr>
                        <a:t>Ser</a:t>
                      </a:r>
                      <a:r>
                        <a:rPr lang="en-ZA" sz="1900" baseline="0" dirty="0" smtClean="0">
                          <a:latin typeface="Arial" panose="020B0604020202020204" pitchFamily="34" charset="0"/>
                          <a:ea typeface="Calibri" panose="020F0502020204030204" pitchFamily="34" charset="0"/>
                          <a:cs typeface="Times New Roman" panose="02020603050405020304" pitchFamily="18" charset="0"/>
                        </a:rPr>
                        <a:t> </a:t>
                      </a:r>
                      <a:r>
                        <a:rPr lang="en-ZA" sz="1900" baseline="0" dirty="0" smtClean="0">
                          <a:latin typeface="Arial" panose="020B0604020202020204" pitchFamily="34" charset="0"/>
                          <a:ea typeface="Calibri" panose="020F0502020204030204" pitchFamily="34" charset="0"/>
                          <a:cs typeface="Times New Roman" panose="02020603050405020304" pitchFamily="18" charset="0"/>
                        </a:rPr>
                        <a:t>experimental y creativo</a:t>
                      </a:r>
                      <a:endParaRPr lang="en-ZA" sz="1900" dirty="0">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T w="38100" cmpd="sng">
                      <a:noFill/>
                    </a:lnT>
                    <a:lnB w="12700" cmpd="sng">
                      <a:noFill/>
                    </a:lnB>
                    <a:solidFill>
                      <a:schemeClr val="bg1">
                        <a:lumMod val="85000"/>
                      </a:schemeClr>
                    </a:solidFill>
                  </a:tcPr>
                </a:tc>
                <a:tc>
                  <a:txBody>
                    <a:bodyPr/>
                    <a:lstStyle/>
                    <a:p>
                      <a:pPr marL="342900" lvl="0" indent="-342900" algn="just">
                        <a:spcAft>
                          <a:spcPts val="0"/>
                        </a:spcAft>
                        <a:buFont typeface="Wingdings" pitchFamily="2" charset="2"/>
                        <a:buChar char=""/>
                      </a:pPr>
                      <a:r>
                        <a:rPr lang="es-VE" sz="1900" kern="1000" dirty="0" smtClean="0">
                          <a:solidFill>
                            <a:srgbClr val="000000"/>
                          </a:solidFill>
                          <a:effectLst/>
                          <a:latin typeface="+mj-lt"/>
                          <a:ea typeface="Calibri" panose="020F0502020204030204" pitchFamily="34" charset="0"/>
                          <a:cs typeface="Times New Roman" panose="02020603050405020304" pitchFamily="18" charset="0"/>
                        </a:rPr>
                        <a:t>Ser extremadamente curioso y experimentar para poder responder preguntas con conocimiento empírico.</a:t>
                      </a:r>
                    </a:p>
                    <a:p>
                      <a:pPr marL="342900" lvl="0" indent="-342900" algn="just">
                        <a:spcAft>
                          <a:spcPts val="0"/>
                        </a:spcAft>
                        <a:buFont typeface="Wingdings" pitchFamily="2" charset="2"/>
                        <a:buChar char=""/>
                      </a:pPr>
                      <a:r>
                        <a:rPr lang="es-VE" sz="1900" kern="1000" dirty="0" smtClean="0">
                          <a:solidFill>
                            <a:srgbClr val="000000"/>
                          </a:solidFill>
                          <a:effectLst/>
                          <a:latin typeface="+mj-lt"/>
                          <a:ea typeface="Calibri" panose="020F0502020204030204" pitchFamily="34" charset="0"/>
                          <a:cs typeface="Times New Roman" panose="02020603050405020304" pitchFamily="18" charset="0"/>
                        </a:rPr>
                        <a:t>Tratar las ideas como suposiciones hasta que se prueben.</a:t>
                      </a:r>
                    </a:p>
                    <a:p>
                      <a:pPr marL="342900" lvl="0" indent="-342900" algn="just">
                        <a:spcAft>
                          <a:spcPts val="0"/>
                        </a:spcAft>
                        <a:buFont typeface="Wingdings" pitchFamily="2" charset="2"/>
                        <a:buChar char=""/>
                      </a:pPr>
                      <a:r>
                        <a:rPr lang="es-VE" sz="1900" kern="1000" dirty="0" smtClean="0">
                          <a:solidFill>
                            <a:srgbClr val="000000"/>
                          </a:solidFill>
                          <a:effectLst/>
                          <a:latin typeface="+mj-lt"/>
                          <a:ea typeface="Calibri" panose="020F0502020204030204" pitchFamily="34" charset="0"/>
                          <a:cs typeface="Times New Roman" panose="02020603050405020304" pitchFamily="18" charset="0"/>
                        </a:rPr>
                        <a:t>Saber dejar ir las ideas.</a:t>
                      </a:r>
                    </a:p>
                    <a:p>
                      <a:pPr marL="342900" lvl="0" indent="-342900" algn="just">
                        <a:spcAft>
                          <a:spcPts val="0"/>
                        </a:spcAft>
                        <a:buFont typeface="Wingdings" pitchFamily="2" charset="2"/>
                        <a:buChar char=""/>
                      </a:pPr>
                      <a:r>
                        <a:rPr lang="es-VE" sz="1900" kern="1000" dirty="0" smtClean="0">
                          <a:solidFill>
                            <a:srgbClr val="000000"/>
                          </a:solidFill>
                          <a:effectLst/>
                          <a:latin typeface="+mj-lt"/>
                          <a:ea typeface="Calibri" panose="020F0502020204030204" pitchFamily="34" charset="0"/>
                          <a:cs typeface="Times New Roman" panose="02020603050405020304" pitchFamily="18" charset="0"/>
                        </a:rPr>
                        <a:t>Aprender </a:t>
                      </a:r>
                      <a:r>
                        <a:rPr lang="es-VE" sz="1900" kern="1000" dirty="0" smtClean="0">
                          <a:solidFill>
                            <a:srgbClr val="000000"/>
                          </a:solidFill>
                          <a:effectLst/>
                          <a:latin typeface="+mj-lt"/>
                          <a:ea typeface="Calibri" panose="020F0502020204030204" pitchFamily="34" charset="0"/>
                          <a:cs typeface="Times New Roman" panose="02020603050405020304" pitchFamily="18" charset="0"/>
                        </a:rPr>
                        <a:t>intentando. </a:t>
                      </a:r>
                      <a:endParaRPr lang="es-VE" sz="1900" kern="1000" dirty="0" smtClean="0">
                        <a:solidFill>
                          <a:srgbClr val="000000"/>
                        </a:solidFill>
                        <a:effectLst/>
                        <a:latin typeface="+mj-lt"/>
                        <a:ea typeface="Calibri" panose="020F0502020204030204" pitchFamily="34" charset="0"/>
                        <a:cs typeface="Times New Roman" panose="02020603050405020304" pitchFamily="18" charset="0"/>
                      </a:endParaRPr>
                    </a:p>
                    <a:p>
                      <a:pPr marL="342900" lvl="0" indent="-342900" algn="just">
                        <a:spcAft>
                          <a:spcPts val="0"/>
                        </a:spcAft>
                        <a:buFont typeface="Wingdings" pitchFamily="2" charset="2"/>
                        <a:buChar char=""/>
                      </a:pPr>
                      <a:r>
                        <a:rPr lang="es-VE" sz="1900" kern="1000" dirty="0" smtClean="0">
                          <a:solidFill>
                            <a:srgbClr val="000000"/>
                          </a:solidFill>
                          <a:effectLst/>
                          <a:latin typeface="+mj-lt"/>
                          <a:ea typeface="Calibri" panose="020F0502020204030204" pitchFamily="34" charset="0"/>
                          <a:cs typeface="Times New Roman" panose="02020603050405020304" pitchFamily="18" charset="0"/>
                        </a:rPr>
                        <a:t>Estar decidido a no intentar buscar una respuesta inmediata sino a atraer la participación de otros.</a:t>
                      </a:r>
                      <a:endParaRPr lang="en-ZA" sz="1900" kern="1000" dirty="0">
                        <a:solidFill>
                          <a:srgbClr val="000000"/>
                        </a:solidFill>
                        <a:effectLst/>
                        <a:latin typeface="+mj-lt"/>
                        <a:ea typeface="Calibri" panose="020F0502020204030204" pitchFamily="34" charset="0"/>
                        <a:cs typeface="Times New Roman" panose="02020603050405020304" pitchFamily="18" charset="0"/>
                      </a:endParaRPr>
                    </a:p>
                  </a:txBody>
                  <a:tcPr>
                    <a:lnT w="38100" cmpd="sng">
                      <a:noFill/>
                    </a:lnT>
                    <a:lnB w="12700" cmpd="sng">
                      <a:noFill/>
                    </a:lnB>
                    <a:solidFill>
                      <a:schemeClr val="bg1">
                        <a:lumMod val="85000"/>
                      </a:schemeClr>
                    </a:solidFill>
                  </a:tcPr>
                </a:tc>
                <a:extLst>
                  <a:ext uri="{0D108BD9-81ED-4DB2-BD59-A6C34878D82A}">
                    <a16:rowId xmlns:a16="http://schemas.microsoft.com/office/drawing/2014/main" xmlns="" val="3802084437"/>
                  </a:ext>
                </a:extLst>
              </a:tr>
            </a:tbl>
          </a:graphicData>
        </a:graphic>
      </p:graphicFrame>
    </p:spTree>
    <p:extLst>
      <p:ext uri="{BB962C8B-B14F-4D97-AF65-F5344CB8AC3E}">
        <p14:creationId xmlns:p14="http://schemas.microsoft.com/office/powerpoint/2010/main" val="5283930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roup 6"/>
          <p:cNvGrpSpPr/>
          <p:nvPr/>
        </p:nvGrpSpPr>
        <p:grpSpPr>
          <a:xfrm>
            <a:off x="3497940" y="994954"/>
            <a:ext cx="4885509" cy="4868092"/>
            <a:chOff x="3497940" y="1425302"/>
            <a:chExt cx="4885509" cy="4868092"/>
          </a:xfrm>
        </p:grpSpPr>
        <p:sp>
          <p:nvSpPr>
            <p:cNvPr id="2" name="Pie 1"/>
            <p:cNvSpPr/>
            <p:nvPr/>
          </p:nvSpPr>
          <p:spPr>
            <a:xfrm>
              <a:off x="3628569" y="1538514"/>
              <a:ext cx="4754880" cy="4754880"/>
            </a:xfrm>
            <a:prstGeom prst="pie">
              <a:avLst>
                <a:gd name="adj1" fmla="val 0"/>
                <a:gd name="adj2" fmla="val 5416976"/>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3" name="Pie 2"/>
            <p:cNvSpPr/>
            <p:nvPr/>
          </p:nvSpPr>
          <p:spPr>
            <a:xfrm flipH="1">
              <a:off x="3497940" y="1538514"/>
              <a:ext cx="4754880" cy="4754880"/>
            </a:xfrm>
            <a:prstGeom prst="pie">
              <a:avLst>
                <a:gd name="adj1" fmla="val 0"/>
                <a:gd name="adj2" fmla="val 5416976"/>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4" name="Pie 3"/>
            <p:cNvSpPr/>
            <p:nvPr/>
          </p:nvSpPr>
          <p:spPr>
            <a:xfrm flipH="1" flipV="1">
              <a:off x="3497940" y="1425302"/>
              <a:ext cx="4754880" cy="4754880"/>
            </a:xfrm>
            <a:prstGeom prst="pie">
              <a:avLst>
                <a:gd name="adj1" fmla="val 0"/>
                <a:gd name="adj2" fmla="val 5416976"/>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5" name="Pie 4"/>
            <p:cNvSpPr/>
            <p:nvPr/>
          </p:nvSpPr>
          <p:spPr>
            <a:xfrm flipV="1">
              <a:off x="3628569" y="1425302"/>
              <a:ext cx="4754880" cy="4754880"/>
            </a:xfrm>
            <a:prstGeom prst="pie">
              <a:avLst>
                <a:gd name="adj1" fmla="val 0"/>
                <a:gd name="adj2" fmla="val 5416976"/>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13" name="TextBox 12"/>
          <p:cNvSpPr txBox="1"/>
          <p:nvPr/>
        </p:nvSpPr>
        <p:spPr>
          <a:xfrm>
            <a:off x="798286" y="3841634"/>
            <a:ext cx="2393214" cy="1323439"/>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8000" b="1" i="0" u="none" strike="noStrike" kern="1200" cap="none" spc="0" normalizeH="0" baseline="0" noProof="0" dirty="0">
                <a:ln>
                  <a:noFill/>
                </a:ln>
                <a:solidFill>
                  <a:schemeClr val="accent2"/>
                </a:solidFill>
                <a:effectLst/>
                <a:uLnTx/>
                <a:uFillTx/>
                <a:latin typeface="Arial" panose="020B0604020202020204" pitchFamily="34" charset="0"/>
                <a:ea typeface="+mn-ea"/>
                <a:cs typeface="Arial" panose="020B0604020202020204" pitchFamily="34" charset="0"/>
              </a:rPr>
              <a:t>03</a:t>
            </a:r>
          </a:p>
        </p:txBody>
      </p:sp>
      <p:grpSp>
        <p:nvGrpSpPr>
          <p:cNvPr id="17" name="Group 4"/>
          <p:cNvGrpSpPr>
            <a:grpSpLocks noChangeAspect="1"/>
          </p:cNvGrpSpPr>
          <p:nvPr/>
        </p:nvGrpSpPr>
        <p:grpSpPr bwMode="auto">
          <a:xfrm>
            <a:off x="4230742" y="2190416"/>
            <a:ext cx="1400347" cy="766468"/>
            <a:chOff x="1807" y="350"/>
            <a:chExt cx="771" cy="422"/>
          </a:xfrm>
          <a:solidFill>
            <a:schemeClr val="bg1"/>
          </a:solidFill>
        </p:grpSpPr>
        <p:sp>
          <p:nvSpPr>
            <p:cNvPr id="20" name="Freeform 6"/>
            <p:cNvSpPr>
              <a:spLocks noEditPoints="1"/>
            </p:cNvSpPr>
            <p:nvPr/>
          </p:nvSpPr>
          <p:spPr bwMode="auto">
            <a:xfrm>
              <a:off x="1807" y="353"/>
              <a:ext cx="477" cy="416"/>
            </a:xfrm>
            <a:custGeom>
              <a:avLst/>
              <a:gdLst>
                <a:gd name="T0" fmla="*/ 352 w 2385"/>
                <a:gd name="T1" fmla="*/ 246 h 2077"/>
                <a:gd name="T2" fmla="*/ 297 w 2385"/>
                <a:gd name="T3" fmla="*/ 270 h 2077"/>
                <a:gd name="T4" fmla="*/ 255 w 2385"/>
                <a:gd name="T5" fmla="*/ 312 h 2077"/>
                <a:gd name="T6" fmla="*/ 232 w 2385"/>
                <a:gd name="T7" fmla="*/ 365 h 2077"/>
                <a:gd name="T8" fmla="*/ 228 w 2385"/>
                <a:gd name="T9" fmla="*/ 1290 h 2077"/>
                <a:gd name="T10" fmla="*/ 240 w 2385"/>
                <a:gd name="T11" fmla="*/ 1351 h 2077"/>
                <a:gd name="T12" fmla="*/ 274 w 2385"/>
                <a:gd name="T13" fmla="*/ 1399 h 2077"/>
                <a:gd name="T14" fmla="*/ 323 w 2385"/>
                <a:gd name="T15" fmla="*/ 1432 h 2077"/>
                <a:gd name="T16" fmla="*/ 383 w 2385"/>
                <a:gd name="T17" fmla="*/ 1444 h 2077"/>
                <a:gd name="T18" fmla="*/ 2017 w 2385"/>
                <a:gd name="T19" fmla="*/ 1441 h 2077"/>
                <a:gd name="T20" fmla="*/ 2073 w 2385"/>
                <a:gd name="T21" fmla="*/ 1417 h 2077"/>
                <a:gd name="T22" fmla="*/ 2113 w 2385"/>
                <a:gd name="T23" fmla="*/ 1376 h 2077"/>
                <a:gd name="T24" fmla="*/ 2137 w 2385"/>
                <a:gd name="T25" fmla="*/ 1321 h 2077"/>
                <a:gd name="T26" fmla="*/ 2140 w 2385"/>
                <a:gd name="T27" fmla="*/ 396 h 2077"/>
                <a:gd name="T28" fmla="*/ 2128 w 2385"/>
                <a:gd name="T29" fmla="*/ 337 h 2077"/>
                <a:gd name="T30" fmla="*/ 2095 w 2385"/>
                <a:gd name="T31" fmla="*/ 289 h 2077"/>
                <a:gd name="T32" fmla="*/ 2046 w 2385"/>
                <a:gd name="T33" fmla="*/ 256 h 2077"/>
                <a:gd name="T34" fmla="*/ 1986 w 2385"/>
                <a:gd name="T35" fmla="*/ 244 h 2077"/>
                <a:gd name="T36" fmla="*/ 107 w 2385"/>
                <a:gd name="T37" fmla="*/ 0 h 2077"/>
                <a:gd name="T38" fmla="*/ 2298 w 2385"/>
                <a:gd name="T39" fmla="*/ 3 h 2077"/>
                <a:gd name="T40" fmla="*/ 2344 w 2385"/>
                <a:gd name="T41" fmla="*/ 24 h 2077"/>
                <a:gd name="T42" fmla="*/ 2374 w 2385"/>
                <a:gd name="T43" fmla="*/ 63 h 2077"/>
                <a:gd name="T44" fmla="*/ 2385 w 2385"/>
                <a:gd name="T45" fmla="*/ 116 h 2077"/>
                <a:gd name="T46" fmla="*/ 2383 w 2385"/>
                <a:gd name="T47" fmla="*/ 1576 h 2077"/>
                <a:gd name="T48" fmla="*/ 2361 w 2385"/>
                <a:gd name="T49" fmla="*/ 1625 h 2077"/>
                <a:gd name="T50" fmla="*/ 2323 w 2385"/>
                <a:gd name="T51" fmla="*/ 1658 h 2077"/>
                <a:gd name="T52" fmla="*/ 2272 w 2385"/>
                <a:gd name="T53" fmla="*/ 1671 h 2077"/>
                <a:gd name="T54" fmla="*/ 1290 w 2385"/>
                <a:gd name="T55" fmla="*/ 1849 h 2077"/>
                <a:gd name="T56" fmla="*/ 1657 w 2385"/>
                <a:gd name="T57" fmla="*/ 1853 h 2077"/>
                <a:gd name="T58" fmla="*/ 1719 w 2385"/>
                <a:gd name="T59" fmla="*/ 1875 h 2077"/>
                <a:gd name="T60" fmla="*/ 1769 w 2385"/>
                <a:gd name="T61" fmla="*/ 1917 h 2077"/>
                <a:gd name="T62" fmla="*/ 1802 w 2385"/>
                <a:gd name="T63" fmla="*/ 1973 h 2077"/>
                <a:gd name="T64" fmla="*/ 1814 w 2385"/>
                <a:gd name="T65" fmla="*/ 2039 h 2077"/>
                <a:gd name="T66" fmla="*/ 523 w 2385"/>
                <a:gd name="T67" fmla="*/ 2077 h 2077"/>
                <a:gd name="T68" fmla="*/ 526 w 2385"/>
                <a:gd name="T69" fmla="*/ 2005 h 2077"/>
                <a:gd name="T70" fmla="*/ 549 w 2385"/>
                <a:gd name="T71" fmla="*/ 1943 h 2077"/>
                <a:gd name="T72" fmla="*/ 591 w 2385"/>
                <a:gd name="T73" fmla="*/ 1894 h 2077"/>
                <a:gd name="T74" fmla="*/ 648 w 2385"/>
                <a:gd name="T75" fmla="*/ 1861 h 2077"/>
                <a:gd name="T76" fmla="*/ 714 w 2385"/>
                <a:gd name="T77" fmla="*/ 1849 h 2077"/>
                <a:gd name="T78" fmla="*/ 1045 w 2385"/>
                <a:gd name="T79" fmla="*/ 1671 h 2077"/>
                <a:gd name="T80" fmla="*/ 83 w 2385"/>
                <a:gd name="T81" fmla="*/ 1669 h 2077"/>
                <a:gd name="T82" fmla="*/ 43 w 2385"/>
                <a:gd name="T83" fmla="*/ 1650 h 2077"/>
                <a:gd name="T84" fmla="*/ 17 w 2385"/>
                <a:gd name="T85" fmla="*/ 1617 h 2077"/>
                <a:gd name="T86" fmla="*/ 2 w 2385"/>
                <a:gd name="T87" fmla="*/ 1572 h 2077"/>
                <a:gd name="T88" fmla="*/ 0 w 2385"/>
                <a:gd name="T89" fmla="*/ 116 h 2077"/>
                <a:gd name="T90" fmla="*/ 10 w 2385"/>
                <a:gd name="T91" fmla="*/ 63 h 2077"/>
                <a:gd name="T92" fmla="*/ 37 w 2385"/>
                <a:gd name="T93" fmla="*/ 24 h 2077"/>
                <a:gd name="T94" fmla="*/ 81 w 2385"/>
                <a:gd name="T95" fmla="*/ 3 h 20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385" h="2077">
                  <a:moveTo>
                    <a:pt x="383" y="244"/>
                  </a:moveTo>
                  <a:lnTo>
                    <a:pt x="352" y="246"/>
                  </a:lnTo>
                  <a:lnTo>
                    <a:pt x="323" y="256"/>
                  </a:lnTo>
                  <a:lnTo>
                    <a:pt x="297" y="270"/>
                  </a:lnTo>
                  <a:lnTo>
                    <a:pt x="274" y="289"/>
                  </a:lnTo>
                  <a:lnTo>
                    <a:pt x="255" y="312"/>
                  </a:lnTo>
                  <a:lnTo>
                    <a:pt x="240" y="337"/>
                  </a:lnTo>
                  <a:lnTo>
                    <a:pt x="232" y="365"/>
                  </a:lnTo>
                  <a:lnTo>
                    <a:pt x="228" y="396"/>
                  </a:lnTo>
                  <a:lnTo>
                    <a:pt x="228" y="1290"/>
                  </a:lnTo>
                  <a:lnTo>
                    <a:pt x="232" y="1321"/>
                  </a:lnTo>
                  <a:lnTo>
                    <a:pt x="240" y="1351"/>
                  </a:lnTo>
                  <a:lnTo>
                    <a:pt x="255" y="1377"/>
                  </a:lnTo>
                  <a:lnTo>
                    <a:pt x="274" y="1399"/>
                  </a:lnTo>
                  <a:lnTo>
                    <a:pt x="297" y="1417"/>
                  </a:lnTo>
                  <a:lnTo>
                    <a:pt x="323" y="1432"/>
                  </a:lnTo>
                  <a:lnTo>
                    <a:pt x="352" y="1441"/>
                  </a:lnTo>
                  <a:lnTo>
                    <a:pt x="383" y="1444"/>
                  </a:lnTo>
                  <a:lnTo>
                    <a:pt x="1986" y="1444"/>
                  </a:lnTo>
                  <a:lnTo>
                    <a:pt x="2017" y="1441"/>
                  </a:lnTo>
                  <a:lnTo>
                    <a:pt x="2046" y="1432"/>
                  </a:lnTo>
                  <a:lnTo>
                    <a:pt x="2073" y="1417"/>
                  </a:lnTo>
                  <a:lnTo>
                    <a:pt x="2095" y="1398"/>
                  </a:lnTo>
                  <a:lnTo>
                    <a:pt x="2113" y="1376"/>
                  </a:lnTo>
                  <a:lnTo>
                    <a:pt x="2128" y="1349"/>
                  </a:lnTo>
                  <a:lnTo>
                    <a:pt x="2137" y="1321"/>
                  </a:lnTo>
                  <a:lnTo>
                    <a:pt x="2140" y="1290"/>
                  </a:lnTo>
                  <a:lnTo>
                    <a:pt x="2140" y="396"/>
                  </a:lnTo>
                  <a:lnTo>
                    <a:pt x="2137" y="365"/>
                  </a:lnTo>
                  <a:lnTo>
                    <a:pt x="2128" y="337"/>
                  </a:lnTo>
                  <a:lnTo>
                    <a:pt x="2113" y="312"/>
                  </a:lnTo>
                  <a:lnTo>
                    <a:pt x="2095" y="289"/>
                  </a:lnTo>
                  <a:lnTo>
                    <a:pt x="2073" y="270"/>
                  </a:lnTo>
                  <a:lnTo>
                    <a:pt x="2046" y="256"/>
                  </a:lnTo>
                  <a:lnTo>
                    <a:pt x="2017" y="246"/>
                  </a:lnTo>
                  <a:lnTo>
                    <a:pt x="1986" y="244"/>
                  </a:lnTo>
                  <a:lnTo>
                    <a:pt x="383" y="244"/>
                  </a:lnTo>
                  <a:close/>
                  <a:moveTo>
                    <a:pt x="107" y="0"/>
                  </a:moveTo>
                  <a:lnTo>
                    <a:pt x="2272" y="0"/>
                  </a:lnTo>
                  <a:lnTo>
                    <a:pt x="2298" y="3"/>
                  </a:lnTo>
                  <a:lnTo>
                    <a:pt x="2323" y="11"/>
                  </a:lnTo>
                  <a:lnTo>
                    <a:pt x="2344" y="24"/>
                  </a:lnTo>
                  <a:lnTo>
                    <a:pt x="2361" y="42"/>
                  </a:lnTo>
                  <a:lnTo>
                    <a:pt x="2374" y="63"/>
                  </a:lnTo>
                  <a:lnTo>
                    <a:pt x="2383" y="89"/>
                  </a:lnTo>
                  <a:lnTo>
                    <a:pt x="2385" y="116"/>
                  </a:lnTo>
                  <a:lnTo>
                    <a:pt x="2385" y="1549"/>
                  </a:lnTo>
                  <a:lnTo>
                    <a:pt x="2383" y="1576"/>
                  </a:lnTo>
                  <a:lnTo>
                    <a:pt x="2374" y="1601"/>
                  </a:lnTo>
                  <a:lnTo>
                    <a:pt x="2361" y="1625"/>
                  </a:lnTo>
                  <a:lnTo>
                    <a:pt x="2344" y="1644"/>
                  </a:lnTo>
                  <a:lnTo>
                    <a:pt x="2323" y="1658"/>
                  </a:lnTo>
                  <a:lnTo>
                    <a:pt x="2298" y="1668"/>
                  </a:lnTo>
                  <a:lnTo>
                    <a:pt x="2272" y="1671"/>
                  </a:lnTo>
                  <a:lnTo>
                    <a:pt x="1290" y="1671"/>
                  </a:lnTo>
                  <a:lnTo>
                    <a:pt x="1290" y="1849"/>
                  </a:lnTo>
                  <a:lnTo>
                    <a:pt x="1623" y="1849"/>
                  </a:lnTo>
                  <a:lnTo>
                    <a:pt x="1657" y="1853"/>
                  </a:lnTo>
                  <a:lnTo>
                    <a:pt x="1689" y="1861"/>
                  </a:lnTo>
                  <a:lnTo>
                    <a:pt x="1719" y="1875"/>
                  </a:lnTo>
                  <a:lnTo>
                    <a:pt x="1746" y="1894"/>
                  </a:lnTo>
                  <a:lnTo>
                    <a:pt x="1769" y="1917"/>
                  </a:lnTo>
                  <a:lnTo>
                    <a:pt x="1788" y="1943"/>
                  </a:lnTo>
                  <a:lnTo>
                    <a:pt x="1802" y="1973"/>
                  </a:lnTo>
                  <a:lnTo>
                    <a:pt x="1811" y="2005"/>
                  </a:lnTo>
                  <a:lnTo>
                    <a:pt x="1814" y="2039"/>
                  </a:lnTo>
                  <a:lnTo>
                    <a:pt x="1814" y="2077"/>
                  </a:lnTo>
                  <a:lnTo>
                    <a:pt x="523" y="2077"/>
                  </a:lnTo>
                  <a:lnTo>
                    <a:pt x="523" y="2039"/>
                  </a:lnTo>
                  <a:lnTo>
                    <a:pt x="526" y="2005"/>
                  </a:lnTo>
                  <a:lnTo>
                    <a:pt x="535" y="1973"/>
                  </a:lnTo>
                  <a:lnTo>
                    <a:pt x="549" y="1943"/>
                  </a:lnTo>
                  <a:lnTo>
                    <a:pt x="568" y="1917"/>
                  </a:lnTo>
                  <a:lnTo>
                    <a:pt x="591" y="1894"/>
                  </a:lnTo>
                  <a:lnTo>
                    <a:pt x="618" y="1875"/>
                  </a:lnTo>
                  <a:lnTo>
                    <a:pt x="648" y="1861"/>
                  </a:lnTo>
                  <a:lnTo>
                    <a:pt x="679" y="1853"/>
                  </a:lnTo>
                  <a:lnTo>
                    <a:pt x="714" y="1849"/>
                  </a:lnTo>
                  <a:lnTo>
                    <a:pt x="1045" y="1849"/>
                  </a:lnTo>
                  <a:lnTo>
                    <a:pt x="1045" y="1671"/>
                  </a:lnTo>
                  <a:lnTo>
                    <a:pt x="107" y="1671"/>
                  </a:lnTo>
                  <a:lnTo>
                    <a:pt x="83" y="1669"/>
                  </a:lnTo>
                  <a:lnTo>
                    <a:pt x="62" y="1661"/>
                  </a:lnTo>
                  <a:lnTo>
                    <a:pt x="43" y="1650"/>
                  </a:lnTo>
                  <a:lnTo>
                    <a:pt x="29" y="1634"/>
                  </a:lnTo>
                  <a:lnTo>
                    <a:pt x="17" y="1617"/>
                  </a:lnTo>
                  <a:lnTo>
                    <a:pt x="7" y="1595"/>
                  </a:lnTo>
                  <a:lnTo>
                    <a:pt x="2" y="1572"/>
                  </a:lnTo>
                  <a:lnTo>
                    <a:pt x="0" y="1549"/>
                  </a:lnTo>
                  <a:lnTo>
                    <a:pt x="0" y="116"/>
                  </a:lnTo>
                  <a:lnTo>
                    <a:pt x="2" y="89"/>
                  </a:lnTo>
                  <a:lnTo>
                    <a:pt x="10" y="63"/>
                  </a:lnTo>
                  <a:lnTo>
                    <a:pt x="22" y="42"/>
                  </a:lnTo>
                  <a:lnTo>
                    <a:pt x="37" y="24"/>
                  </a:lnTo>
                  <a:lnTo>
                    <a:pt x="56" y="11"/>
                  </a:lnTo>
                  <a:lnTo>
                    <a:pt x="81" y="3"/>
                  </a:lnTo>
                  <a:lnTo>
                    <a:pt x="107"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21" name="Freeform 7"/>
            <p:cNvSpPr>
              <a:spLocks noEditPoints="1"/>
            </p:cNvSpPr>
            <p:nvPr/>
          </p:nvSpPr>
          <p:spPr bwMode="auto">
            <a:xfrm>
              <a:off x="2323" y="350"/>
              <a:ext cx="255" cy="422"/>
            </a:xfrm>
            <a:custGeom>
              <a:avLst/>
              <a:gdLst>
                <a:gd name="T0" fmla="*/ 641 w 1275"/>
                <a:gd name="T1" fmla="*/ 1676 h 2109"/>
                <a:gd name="T2" fmla="*/ 614 w 1275"/>
                <a:gd name="T3" fmla="*/ 1679 h 2109"/>
                <a:gd name="T4" fmla="*/ 589 w 1275"/>
                <a:gd name="T5" fmla="*/ 1689 h 2109"/>
                <a:gd name="T6" fmla="*/ 567 w 1275"/>
                <a:gd name="T7" fmla="*/ 1705 h 2109"/>
                <a:gd name="T8" fmla="*/ 550 w 1275"/>
                <a:gd name="T9" fmla="*/ 1726 h 2109"/>
                <a:gd name="T10" fmla="*/ 541 w 1275"/>
                <a:gd name="T11" fmla="*/ 1749 h 2109"/>
                <a:gd name="T12" fmla="*/ 536 w 1275"/>
                <a:gd name="T13" fmla="*/ 1777 h 2109"/>
                <a:gd name="T14" fmla="*/ 539 w 1275"/>
                <a:gd name="T15" fmla="*/ 1800 h 2109"/>
                <a:gd name="T16" fmla="*/ 547 w 1275"/>
                <a:gd name="T17" fmla="*/ 1821 h 2109"/>
                <a:gd name="T18" fmla="*/ 559 w 1275"/>
                <a:gd name="T19" fmla="*/ 1840 h 2109"/>
                <a:gd name="T20" fmla="*/ 575 w 1275"/>
                <a:gd name="T21" fmla="*/ 1856 h 2109"/>
                <a:gd name="T22" fmla="*/ 595 w 1275"/>
                <a:gd name="T23" fmla="*/ 1868 h 2109"/>
                <a:gd name="T24" fmla="*/ 617 w 1275"/>
                <a:gd name="T25" fmla="*/ 1876 h 2109"/>
                <a:gd name="T26" fmla="*/ 641 w 1275"/>
                <a:gd name="T27" fmla="*/ 1878 h 2109"/>
                <a:gd name="T28" fmla="*/ 669 w 1275"/>
                <a:gd name="T29" fmla="*/ 1875 h 2109"/>
                <a:gd name="T30" fmla="*/ 693 w 1275"/>
                <a:gd name="T31" fmla="*/ 1864 h 2109"/>
                <a:gd name="T32" fmla="*/ 715 w 1275"/>
                <a:gd name="T33" fmla="*/ 1848 h 2109"/>
                <a:gd name="T34" fmla="*/ 732 w 1275"/>
                <a:gd name="T35" fmla="*/ 1828 h 2109"/>
                <a:gd name="T36" fmla="*/ 741 w 1275"/>
                <a:gd name="T37" fmla="*/ 1803 h 2109"/>
                <a:gd name="T38" fmla="*/ 745 w 1275"/>
                <a:gd name="T39" fmla="*/ 1777 h 2109"/>
                <a:gd name="T40" fmla="*/ 741 w 1275"/>
                <a:gd name="T41" fmla="*/ 1749 h 2109"/>
                <a:gd name="T42" fmla="*/ 732 w 1275"/>
                <a:gd name="T43" fmla="*/ 1726 h 2109"/>
                <a:gd name="T44" fmla="*/ 715 w 1275"/>
                <a:gd name="T45" fmla="*/ 1705 h 2109"/>
                <a:gd name="T46" fmla="*/ 694 w 1275"/>
                <a:gd name="T47" fmla="*/ 1689 h 2109"/>
                <a:gd name="T48" fmla="*/ 669 w 1275"/>
                <a:gd name="T49" fmla="*/ 1679 h 2109"/>
                <a:gd name="T50" fmla="*/ 641 w 1275"/>
                <a:gd name="T51" fmla="*/ 1676 h 2109"/>
                <a:gd name="T52" fmla="*/ 279 w 1275"/>
                <a:gd name="T53" fmla="*/ 616 h 2109"/>
                <a:gd name="T54" fmla="*/ 279 w 1275"/>
                <a:gd name="T55" fmla="*/ 730 h 2109"/>
                <a:gd name="T56" fmla="*/ 997 w 1275"/>
                <a:gd name="T57" fmla="*/ 730 h 2109"/>
                <a:gd name="T58" fmla="*/ 997 w 1275"/>
                <a:gd name="T59" fmla="*/ 616 h 2109"/>
                <a:gd name="T60" fmla="*/ 279 w 1275"/>
                <a:gd name="T61" fmla="*/ 616 h 2109"/>
                <a:gd name="T62" fmla="*/ 279 w 1275"/>
                <a:gd name="T63" fmla="*/ 373 h 2109"/>
                <a:gd name="T64" fmla="*/ 279 w 1275"/>
                <a:gd name="T65" fmla="*/ 486 h 2109"/>
                <a:gd name="T66" fmla="*/ 997 w 1275"/>
                <a:gd name="T67" fmla="*/ 486 h 2109"/>
                <a:gd name="T68" fmla="*/ 997 w 1275"/>
                <a:gd name="T69" fmla="*/ 373 h 2109"/>
                <a:gd name="T70" fmla="*/ 279 w 1275"/>
                <a:gd name="T71" fmla="*/ 373 h 2109"/>
                <a:gd name="T72" fmla="*/ 246 w 1275"/>
                <a:gd name="T73" fmla="*/ 0 h 2109"/>
                <a:gd name="T74" fmla="*/ 1084 w 1275"/>
                <a:gd name="T75" fmla="*/ 0 h 2109"/>
                <a:gd name="T76" fmla="*/ 1118 w 1275"/>
                <a:gd name="T77" fmla="*/ 3 h 2109"/>
                <a:gd name="T78" fmla="*/ 1151 w 1275"/>
                <a:gd name="T79" fmla="*/ 11 h 2109"/>
                <a:gd name="T80" fmla="*/ 1180 w 1275"/>
                <a:gd name="T81" fmla="*/ 26 h 2109"/>
                <a:gd name="T82" fmla="*/ 1206 w 1275"/>
                <a:gd name="T83" fmla="*/ 45 h 2109"/>
                <a:gd name="T84" fmla="*/ 1229 w 1275"/>
                <a:gd name="T85" fmla="*/ 68 h 2109"/>
                <a:gd name="T86" fmla="*/ 1248 w 1275"/>
                <a:gd name="T87" fmla="*/ 94 h 2109"/>
                <a:gd name="T88" fmla="*/ 1263 w 1275"/>
                <a:gd name="T89" fmla="*/ 124 h 2109"/>
                <a:gd name="T90" fmla="*/ 1271 w 1275"/>
                <a:gd name="T91" fmla="*/ 156 h 2109"/>
                <a:gd name="T92" fmla="*/ 1275 w 1275"/>
                <a:gd name="T93" fmla="*/ 189 h 2109"/>
                <a:gd name="T94" fmla="*/ 1275 w 1275"/>
                <a:gd name="T95" fmla="*/ 2109 h 2109"/>
                <a:gd name="T96" fmla="*/ 0 w 1275"/>
                <a:gd name="T97" fmla="*/ 2109 h 2109"/>
                <a:gd name="T98" fmla="*/ 0 w 1275"/>
                <a:gd name="T99" fmla="*/ 243 h 2109"/>
                <a:gd name="T100" fmla="*/ 3 w 1275"/>
                <a:gd name="T101" fmla="*/ 204 h 2109"/>
                <a:gd name="T102" fmla="*/ 13 w 1275"/>
                <a:gd name="T103" fmla="*/ 167 h 2109"/>
                <a:gd name="T104" fmla="*/ 27 w 1275"/>
                <a:gd name="T105" fmla="*/ 132 h 2109"/>
                <a:gd name="T106" fmla="*/ 48 w 1275"/>
                <a:gd name="T107" fmla="*/ 100 h 2109"/>
                <a:gd name="T108" fmla="*/ 72 w 1275"/>
                <a:gd name="T109" fmla="*/ 71 h 2109"/>
                <a:gd name="T110" fmla="*/ 101 w 1275"/>
                <a:gd name="T111" fmla="*/ 47 h 2109"/>
                <a:gd name="T112" fmla="*/ 133 w 1275"/>
                <a:gd name="T113" fmla="*/ 27 h 2109"/>
                <a:gd name="T114" fmla="*/ 168 w 1275"/>
                <a:gd name="T115" fmla="*/ 13 h 2109"/>
                <a:gd name="T116" fmla="*/ 205 w 1275"/>
                <a:gd name="T117" fmla="*/ 3 h 2109"/>
                <a:gd name="T118" fmla="*/ 246 w 1275"/>
                <a:gd name="T119" fmla="*/ 0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75" h="2109">
                  <a:moveTo>
                    <a:pt x="641" y="1676"/>
                  </a:moveTo>
                  <a:lnTo>
                    <a:pt x="614" y="1679"/>
                  </a:lnTo>
                  <a:lnTo>
                    <a:pt x="589" y="1689"/>
                  </a:lnTo>
                  <a:lnTo>
                    <a:pt x="567" y="1705"/>
                  </a:lnTo>
                  <a:lnTo>
                    <a:pt x="550" y="1726"/>
                  </a:lnTo>
                  <a:lnTo>
                    <a:pt x="541" y="1749"/>
                  </a:lnTo>
                  <a:lnTo>
                    <a:pt x="536" y="1777"/>
                  </a:lnTo>
                  <a:lnTo>
                    <a:pt x="539" y="1800"/>
                  </a:lnTo>
                  <a:lnTo>
                    <a:pt x="547" y="1821"/>
                  </a:lnTo>
                  <a:lnTo>
                    <a:pt x="559" y="1840"/>
                  </a:lnTo>
                  <a:lnTo>
                    <a:pt x="575" y="1856"/>
                  </a:lnTo>
                  <a:lnTo>
                    <a:pt x="595" y="1868"/>
                  </a:lnTo>
                  <a:lnTo>
                    <a:pt x="617" y="1876"/>
                  </a:lnTo>
                  <a:lnTo>
                    <a:pt x="641" y="1878"/>
                  </a:lnTo>
                  <a:lnTo>
                    <a:pt x="669" y="1875"/>
                  </a:lnTo>
                  <a:lnTo>
                    <a:pt x="693" y="1864"/>
                  </a:lnTo>
                  <a:lnTo>
                    <a:pt x="715" y="1848"/>
                  </a:lnTo>
                  <a:lnTo>
                    <a:pt x="732" y="1828"/>
                  </a:lnTo>
                  <a:lnTo>
                    <a:pt x="741" y="1803"/>
                  </a:lnTo>
                  <a:lnTo>
                    <a:pt x="745" y="1777"/>
                  </a:lnTo>
                  <a:lnTo>
                    <a:pt x="741" y="1749"/>
                  </a:lnTo>
                  <a:lnTo>
                    <a:pt x="732" y="1726"/>
                  </a:lnTo>
                  <a:lnTo>
                    <a:pt x="715" y="1705"/>
                  </a:lnTo>
                  <a:lnTo>
                    <a:pt x="694" y="1689"/>
                  </a:lnTo>
                  <a:lnTo>
                    <a:pt x="669" y="1679"/>
                  </a:lnTo>
                  <a:lnTo>
                    <a:pt x="641" y="1676"/>
                  </a:lnTo>
                  <a:close/>
                  <a:moveTo>
                    <a:pt x="279" y="616"/>
                  </a:moveTo>
                  <a:lnTo>
                    <a:pt x="279" y="730"/>
                  </a:lnTo>
                  <a:lnTo>
                    <a:pt x="997" y="730"/>
                  </a:lnTo>
                  <a:lnTo>
                    <a:pt x="997" y="616"/>
                  </a:lnTo>
                  <a:lnTo>
                    <a:pt x="279" y="616"/>
                  </a:lnTo>
                  <a:close/>
                  <a:moveTo>
                    <a:pt x="279" y="373"/>
                  </a:moveTo>
                  <a:lnTo>
                    <a:pt x="279" y="486"/>
                  </a:lnTo>
                  <a:lnTo>
                    <a:pt x="997" y="486"/>
                  </a:lnTo>
                  <a:lnTo>
                    <a:pt x="997" y="373"/>
                  </a:lnTo>
                  <a:lnTo>
                    <a:pt x="279" y="373"/>
                  </a:lnTo>
                  <a:close/>
                  <a:moveTo>
                    <a:pt x="246" y="0"/>
                  </a:moveTo>
                  <a:lnTo>
                    <a:pt x="1084" y="0"/>
                  </a:lnTo>
                  <a:lnTo>
                    <a:pt x="1118" y="3"/>
                  </a:lnTo>
                  <a:lnTo>
                    <a:pt x="1151" y="11"/>
                  </a:lnTo>
                  <a:lnTo>
                    <a:pt x="1180" y="26"/>
                  </a:lnTo>
                  <a:lnTo>
                    <a:pt x="1206" y="45"/>
                  </a:lnTo>
                  <a:lnTo>
                    <a:pt x="1229" y="68"/>
                  </a:lnTo>
                  <a:lnTo>
                    <a:pt x="1248" y="94"/>
                  </a:lnTo>
                  <a:lnTo>
                    <a:pt x="1263" y="124"/>
                  </a:lnTo>
                  <a:lnTo>
                    <a:pt x="1271" y="156"/>
                  </a:lnTo>
                  <a:lnTo>
                    <a:pt x="1275" y="189"/>
                  </a:lnTo>
                  <a:lnTo>
                    <a:pt x="1275" y="2109"/>
                  </a:lnTo>
                  <a:lnTo>
                    <a:pt x="0" y="2109"/>
                  </a:lnTo>
                  <a:lnTo>
                    <a:pt x="0" y="243"/>
                  </a:lnTo>
                  <a:lnTo>
                    <a:pt x="3" y="204"/>
                  </a:lnTo>
                  <a:lnTo>
                    <a:pt x="13" y="167"/>
                  </a:lnTo>
                  <a:lnTo>
                    <a:pt x="27" y="132"/>
                  </a:lnTo>
                  <a:lnTo>
                    <a:pt x="48" y="100"/>
                  </a:lnTo>
                  <a:lnTo>
                    <a:pt x="72" y="71"/>
                  </a:lnTo>
                  <a:lnTo>
                    <a:pt x="101" y="47"/>
                  </a:lnTo>
                  <a:lnTo>
                    <a:pt x="133" y="27"/>
                  </a:lnTo>
                  <a:lnTo>
                    <a:pt x="168" y="13"/>
                  </a:lnTo>
                  <a:lnTo>
                    <a:pt x="205" y="3"/>
                  </a:lnTo>
                  <a:lnTo>
                    <a:pt x="24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26" name="Freeform 12"/>
          <p:cNvSpPr>
            <a:spLocks noEditPoints="1"/>
          </p:cNvSpPr>
          <p:nvPr/>
        </p:nvSpPr>
        <p:spPr bwMode="auto">
          <a:xfrm>
            <a:off x="6471786" y="1813884"/>
            <a:ext cx="1101725" cy="1143000"/>
          </a:xfrm>
          <a:custGeom>
            <a:avLst/>
            <a:gdLst>
              <a:gd name="T0" fmla="*/ 901 w 3472"/>
              <a:gd name="T1" fmla="*/ 2829 h 3599"/>
              <a:gd name="T2" fmla="*/ 1124 w 3472"/>
              <a:gd name="T3" fmla="*/ 846 h 3599"/>
              <a:gd name="T4" fmla="*/ 3116 w 3472"/>
              <a:gd name="T5" fmla="*/ 773 h 3599"/>
              <a:gd name="T6" fmla="*/ 2927 w 3472"/>
              <a:gd name="T7" fmla="*/ 873 h 3599"/>
              <a:gd name="T8" fmla="*/ 2619 w 3472"/>
              <a:gd name="T9" fmla="*/ 1122 h 3599"/>
              <a:gd name="T10" fmla="*/ 2345 w 3472"/>
              <a:gd name="T11" fmla="*/ 1424 h 3599"/>
              <a:gd name="T12" fmla="*/ 2239 w 3472"/>
              <a:gd name="T13" fmla="*/ 1601 h 3599"/>
              <a:gd name="T14" fmla="*/ 2285 w 3472"/>
              <a:gd name="T15" fmla="*/ 1663 h 3599"/>
              <a:gd name="T16" fmla="*/ 2434 w 3472"/>
              <a:gd name="T17" fmla="*/ 1603 h 3599"/>
              <a:gd name="T18" fmla="*/ 2735 w 3472"/>
              <a:gd name="T19" fmla="*/ 1376 h 3599"/>
              <a:gd name="T20" fmla="*/ 3030 w 3472"/>
              <a:gd name="T21" fmla="*/ 1071 h 3599"/>
              <a:gd name="T22" fmla="*/ 3176 w 3472"/>
              <a:gd name="T23" fmla="*/ 856 h 3599"/>
              <a:gd name="T24" fmla="*/ 3147 w 3472"/>
              <a:gd name="T25" fmla="*/ 784 h 3599"/>
              <a:gd name="T26" fmla="*/ 1988 w 3472"/>
              <a:gd name="T27" fmla="*/ 15 h 3599"/>
              <a:gd name="T28" fmla="*/ 2320 w 3472"/>
              <a:gd name="T29" fmla="*/ 249 h 3599"/>
              <a:gd name="T30" fmla="*/ 2665 w 3472"/>
              <a:gd name="T31" fmla="*/ 255 h 3599"/>
              <a:gd name="T32" fmla="*/ 3003 w 3472"/>
              <a:gd name="T33" fmla="*/ 405 h 3599"/>
              <a:gd name="T34" fmla="*/ 3171 w 3472"/>
              <a:gd name="T35" fmla="*/ 491 h 3599"/>
              <a:gd name="T36" fmla="*/ 3293 w 3472"/>
              <a:gd name="T37" fmla="*/ 482 h 3599"/>
              <a:gd name="T38" fmla="*/ 3418 w 3472"/>
              <a:gd name="T39" fmla="*/ 551 h 3599"/>
              <a:gd name="T40" fmla="*/ 3472 w 3472"/>
              <a:gd name="T41" fmla="*/ 716 h 3599"/>
              <a:gd name="T42" fmla="*/ 3402 w 3472"/>
              <a:gd name="T43" fmla="*/ 945 h 3599"/>
              <a:gd name="T44" fmla="*/ 3200 w 3472"/>
              <a:gd name="T45" fmla="*/ 1242 h 3599"/>
              <a:gd name="T46" fmla="*/ 2917 w 3472"/>
              <a:gd name="T47" fmla="*/ 1536 h 3599"/>
              <a:gd name="T48" fmla="*/ 2667 w 3472"/>
              <a:gd name="T49" fmla="*/ 1738 h 3599"/>
              <a:gd name="T50" fmla="*/ 2405 w 3472"/>
              <a:gd name="T51" fmla="*/ 1893 h 3599"/>
              <a:gd name="T52" fmla="*/ 2169 w 3472"/>
              <a:gd name="T53" fmla="*/ 1955 h 3599"/>
              <a:gd name="T54" fmla="*/ 2073 w 3472"/>
              <a:gd name="T55" fmla="*/ 1927 h 3599"/>
              <a:gd name="T56" fmla="*/ 1981 w 3472"/>
              <a:gd name="T57" fmla="*/ 1835 h 3599"/>
              <a:gd name="T58" fmla="*/ 1953 w 3472"/>
              <a:gd name="T59" fmla="*/ 1674 h 3599"/>
              <a:gd name="T60" fmla="*/ 1848 w 3472"/>
              <a:gd name="T61" fmla="*/ 1391 h 3599"/>
              <a:gd name="T62" fmla="*/ 1752 w 3472"/>
              <a:gd name="T63" fmla="*/ 1038 h 3599"/>
              <a:gd name="T64" fmla="*/ 1797 w 3472"/>
              <a:gd name="T65" fmla="*/ 695 h 3599"/>
              <a:gd name="T66" fmla="*/ 1580 w 3472"/>
              <a:gd name="T67" fmla="*/ 1199 h 3599"/>
              <a:gd name="T68" fmla="*/ 1486 w 3472"/>
              <a:gd name="T69" fmla="*/ 1217 h 3599"/>
              <a:gd name="T70" fmla="*/ 944 w 3472"/>
              <a:gd name="T71" fmla="*/ 1739 h 3599"/>
              <a:gd name="T72" fmla="*/ 952 w 3472"/>
              <a:gd name="T73" fmla="*/ 1830 h 3599"/>
              <a:gd name="T74" fmla="*/ 1367 w 3472"/>
              <a:gd name="T75" fmla="*/ 2840 h 3599"/>
              <a:gd name="T76" fmla="*/ 1630 w 3472"/>
              <a:gd name="T77" fmla="*/ 2998 h 3599"/>
              <a:gd name="T78" fmla="*/ 1828 w 3472"/>
              <a:gd name="T79" fmla="*/ 3105 h 3599"/>
              <a:gd name="T80" fmla="*/ 2035 w 3472"/>
              <a:gd name="T81" fmla="*/ 3246 h 3599"/>
              <a:gd name="T82" fmla="*/ 2117 w 3472"/>
              <a:gd name="T83" fmla="*/ 3489 h 3599"/>
              <a:gd name="T84" fmla="*/ 52 w 3472"/>
              <a:gd name="T85" fmla="*/ 3384 h 3599"/>
              <a:gd name="T86" fmla="*/ 192 w 3472"/>
              <a:gd name="T87" fmla="*/ 3174 h 3599"/>
              <a:gd name="T88" fmla="*/ 434 w 3472"/>
              <a:gd name="T89" fmla="*/ 3090 h 3599"/>
              <a:gd name="T90" fmla="*/ 141 w 3472"/>
              <a:gd name="T91" fmla="*/ 2210 h 3599"/>
              <a:gd name="T92" fmla="*/ 35 w 3472"/>
              <a:gd name="T93" fmla="*/ 2178 h 3599"/>
              <a:gd name="T94" fmla="*/ 0 w 3472"/>
              <a:gd name="T95" fmla="*/ 1506 h 3599"/>
              <a:gd name="T96" fmla="*/ 50 w 3472"/>
              <a:gd name="T97" fmla="*/ 1394 h 3599"/>
              <a:gd name="T98" fmla="*/ 186 w 3472"/>
              <a:gd name="T99" fmla="*/ 1361 h 3599"/>
              <a:gd name="T100" fmla="*/ 946 w 3472"/>
              <a:gd name="T101" fmla="*/ 647 h 3599"/>
              <a:gd name="T102" fmla="*/ 976 w 3472"/>
              <a:gd name="T103" fmla="*/ 591 h 3599"/>
              <a:gd name="T104" fmla="*/ 1582 w 3472"/>
              <a:gd name="T105" fmla="*/ 445 h 3599"/>
              <a:gd name="T106" fmla="*/ 1574 w 3472"/>
              <a:gd name="T107" fmla="*/ 260 h 3599"/>
              <a:gd name="T108" fmla="*/ 1772 w 3472"/>
              <a:gd name="T109" fmla="*/ 42 h 3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472" h="3599">
                <a:moveTo>
                  <a:pt x="640" y="1990"/>
                </a:moveTo>
                <a:lnTo>
                  <a:pt x="383" y="2105"/>
                </a:lnTo>
                <a:lnTo>
                  <a:pt x="795" y="2871"/>
                </a:lnTo>
                <a:lnTo>
                  <a:pt x="847" y="2849"/>
                </a:lnTo>
                <a:lnTo>
                  <a:pt x="901" y="2829"/>
                </a:lnTo>
                <a:lnTo>
                  <a:pt x="957" y="2814"/>
                </a:lnTo>
                <a:lnTo>
                  <a:pt x="1015" y="2804"/>
                </a:lnTo>
                <a:lnTo>
                  <a:pt x="1074" y="2798"/>
                </a:lnTo>
                <a:lnTo>
                  <a:pt x="640" y="1990"/>
                </a:lnTo>
                <a:close/>
                <a:moveTo>
                  <a:pt x="1124" y="846"/>
                </a:moveTo>
                <a:lnTo>
                  <a:pt x="457" y="1491"/>
                </a:lnTo>
                <a:lnTo>
                  <a:pt x="686" y="1602"/>
                </a:lnTo>
                <a:lnTo>
                  <a:pt x="1288" y="1019"/>
                </a:lnTo>
                <a:lnTo>
                  <a:pt x="1124" y="846"/>
                </a:lnTo>
                <a:close/>
                <a:moveTo>
                  <a:pt x="3116" y="773"/>
                </a:moveTo>
                <a:lnTo>
                  <a:pt x="3101" y="774"/>
                </a:lnTo>
                <a:lnTo>
                  <a:pt x="3085" y="780"/>
                </a:lnTo>
                <a:lnTo>
                  <a:pt x="3036" y="807"/>
                </a:lnTo>
                <a:lnTo>
                  <a:pt x="2983" y="836"/>
                </a:lnTo>
                <a:lnTo>
                  <a:pt x="2927" y="873"/>
                </a:lnTo>
                <a:lnTo>
                  <a:pt x="2869" y="913"/>
                </a:lnTo>
                <a:lnTo>
                  <a:pt x="2809" y="958"/>
                </a:lnTo>
                <a:lnTo>
                  <a:pt x="2747" y="1008"/>
                </a:lnTo>
                <a:lnTo>
                  <a:pt x="2684" y="1063"/>
                </a:lnTo>
                <a:lnTo>
                  <a:pt x="2619" y="1122"/>
                </a:lnTo>
                <a:lnTo>
                  <a:pt x="2551" y="1187"/>
                </a:lnTo>
                <a:lnTo>
                  <a:pt x="2491" y="1250"/>
                </a:lnTo>
                <a:lnTo>
                  <a:pt x="2436" y="1311"/>
                </a:lnTo>
                <a:lnTo>
                  <a:pt x="2387" y="1369"/>
                </a:lnTo>
                <a:lnTo>
                  <a:pt x="2345" y="1424"/>
                </a:lnTo>
                <a:lnTo>
                  <a:pt x="2308" y="1476"/>
                </a:lnTo>
                <a:lnTo>
                  <a:pt x="2276" y="1524"/>
                </a:lnTo>
                <a:lnTo>
                  <a:pt x="2248" y="1569"/>
                </a:lnTo>
                <a:lnTo>
                  <a:pt x="2242" y="1584"/>
                </a:lnTo>
                <a:lnTo>
                  <a:pt x="2239" y="1601"/>
                </a:lnTo>
                <a:lnTo>
                  <a:pt x="2242" y="1617"/>
                </a:lnTo>
                <a:lnTo>
                  <a:pt x="2247" y="1632"/>
                </a:lnTo>
                <a:lnTo>
                  <a:pt x="2258" y="1646"/>
                </a:lnTo>
                <a:lnTo>
                  <a:pt x="2270" y="1656"/>
                </a:lnTo>
                <a:lnTo>
                  <a:pt x="2285" y="1663"/>
                </a:lnTo>
                <a:lnTo>
                  <a:pt x="2301" y="1667"/>
                </a:lnTo>
                <a:lnTo>
                  <a:pt x="2317" y="1666"/>
                </a:lnTo>
                <a:lnTo>
                  <a:pt x="2333" y="1660"/>
                </a:lnTo>
                <a:lnTo>
                  <a:pt x="2382" y="1635"/>
                </a:lnTo>
                <a:lnTo>
                  <a:pt x="2434" y="1603"/>
                </a:lnTo>
                <a:lnTo>
                  <a:pt x="2490" y="1568"/>
                </a:lnTo>
                <a:lnTo>
                  <a:pt x="2548" y="1526"/>
                </a:lnTo>
                <a:lnTo>
                  <a:pt x="2608" y="1482"/>
                </a:lnTo>
                <a:lnTo>
                  <a:pt x="2671" y="1431"/>
                </a:lnTo>
                <a:lnTo>
                  <a:pt x="2735" y="1376"/>
                </a:lnTo>
                <a:lnTo>
                  <a:pt x="2800" y="1317"/>
                </a:lnTo>
                <a:lnTo>
                  <a:pt x="2867" y="1252"/>
                </a:lnTo>
                <a:lnTo>
                  <a:pt x="2927" y="1189"/>
                </a:lnTo>
                <a:lnTo>
                  <a:pt x="2981" y="1129"/>
                </a:lnTo>
                <a:lnTo>
                  <a:pt x="3030" y="1071"/>
                </a:lnTo>
                <a:lnTo>
                  <a:pt x="3073" y="1016"/>
                </a:lnTo>
                <a:lnTo>
                  <a:pt x="3110" y="964"/>
                </a:lnTo>
                <a:lnTo>
                  <a:pt x="3143" y="916"/>
                </a:lnTo>
                <a:lnTo>
                  <a:pt x="3169" y="872"/>
                </a:lnTo>
                <a:lnTo>
                  <a:pt x="3176" y="856"/>
                </a:lnTo>
                <a:lnTo>
                  <a:pt x="3178" y="840"/>
                </a:lnTo>
                <a:lnTo>
                  <a:pt x="3176" y="824"/>
                </a:lnTo>
                <a:lnTo>
                  <a:pt x="3170" y="808"/>
                </a:lnTo>
                <a:lnTo>
                  <a:pt x="3161" y="794"/>
                </a:lnTo>
                <a:lnTo>
                  <a:pt x="3147" y="784"/>
                </a:lnTo>
                <a:lnTo>
                  <a:pt x="3132" y="777"/>
                </a:lnTo>
                <a:lnTo>
                  <a:pt x="3116" y="773"/>
                </a:lnTo>
                <a:close/>
                <a:moveTo>
                  <a:pt x="1915" y="0"/>
                </a:moveTo>
                <a:lnTo>
                  <a:pt x="1952" y="5"/>
                </a:lnTo>
                <a:lnTo>
                  <a:pt x="1988" y="15"/>
                </a:lnTo>
                <a:lnTo>
                  <a:pt x="2022" y="30"/>
                </a:lnTo>
                <a:lnTo>
                  <a:pt x="2053" y="51"/>
                </a:lnTo>
                <a:lnTo>
                  <a:pt x="2081" y="77"/>
                </a:lnTo>
                <a:lnTo>
                  <a:pt x="2254" y="265"/>
                </a:lnTo>
                <a:lnTo>
                  <a:pt x="2320" y="249"/>
                </a:lnTo>
                <a:lnTo>
                  <a:pt x="2387" y="238"/>
                </a:lnTo>
                <a:lnTo>
                  <a:pt x="2456" y="234"/>
                </a:lnTo>
                <a:lnTo>
                  <a:pt x="2525" y="235"/>
                </a:lnTo>
                <a:lnTo>
                  <a:pt x="2595" y="242"/>
                </a:lnTo>
                <a:lnTo>
                  <a:pt x="2665" y="255"/>
                </a:lnTo>
                <a:lnTo>
                  <a:pt x="2735" y="274"/>
                </a:lnTo>
                <a:lnTo>
                  <a:pt x="2803" y="298"/>
                </a:lnTo>
                <a:lnTo>
                  <a:pt x="2872" y="328"/>
                </a:lnTo>
                <a:lnTo>
                  <a:pt x="2938" y="364"/>
                </a:lnTo>
                <a:lnTo>
                  <a:pt x="3003" y="405"/>
                </a:lnTo>
                <a:lnTo>
                  <a:pt x="3065" y="451"/>
                </a:lnTo>
                <a:lnTo>
                  <a:pt x="3126" y="504"/>
                </a:lnTo>
                <a:lnTo>
                  <a:pt x="3137" y="501"/>
                </a:lnTo>
                <a:lnTo>
                  <a:pt x="3153" y="496"/>
                </a:lnTo>
                <a:lnTo>
                  <a:pt x="3171" y="491"/>
                </a:lnTo>
                <a:lnTo>
                  <a:pt x="3193" y="487"/>
                </a:lnTo>
                <a:lnTo>
                  <a:pt x="3216" y="483"/>
                </a:lnTo>
                <a:lnTo>
                  <a:pt x="3241" y="481"/>
                </a:lnTo>
                <a:lnTo>
                  <a:pt x="3266" y="480"/>
                </a:lnTo>
                <a:lnTo>
                  <a:pt x="3293" y="482"/>
                </a:lnTo>
                <a:lnTo>
                  <a:pt x="3319" y="488"/>
                </a:lnTo>
                <a:lnTo>
                  <a:pt x="3345" y="497"/>
                </a:lnTo>
                <a:lnTo>
                  <a:pt x="3372" y="510"/>
                </a:lnTo>
                <a:lnTo>
                  <a:pt x="3396" y="528"/>
                </a:lnTo>
                <a:lnTo>
                  <a:pt x="3418" y="551"/>
                </a:lnTo>
                <a:lnTo>
                  <a:pt x="3439" y="579"/>
                </a:lnTo>
                <a:lnTo>
                  <a:pt x="3455" y="610"/>
                </a:lnTo>
                <a:lnTo>
                  <a:pt x="3465" y="643"/>
                </a:lnTo>
                <a:lnTo>
                  <a:pt x="3471" y="678"/>
                </a:lnTo>
                <a:lnTo>
                  <a:pt x="3472" y="716"/>
                </a:lnTo>
                <a:lnTo>
                  <a:pt x="3468" y="756"/>
                </a:lnTo>
                <a:lnTo>
                  <a:pt x="3459" y="800"/>
                </a:lnTo>
                <a:lnTo>
                  <a:pt x="3446" y="844"/>
                </a:lnTo>
                <a:lnTo>
                  <a:pt x="3427" y="893"/>
                </a:lnTo>
                <a:lnTo>
                  <a:pt x="3402" y="945"/>
                </a:lnTo>
                <a:lnTo>
                  <a:pt x="3374" y="997"/>
                </a:lnTo>
                <a:lnTo>
                  <a:pt x="3337" y="1057"/>
                </a:lnTo>
                <a:lnTo>
                  <a:pt x="3295" y="1118"/>
                </a:lnTo>
                <a:lnTo>
                  <a:pt x="3250" y="1179"/>
                </a:lnTo>
                <a:lnTo>
                  <a:pt x="3200" y="1242"/>
                </a:lnTo>
                <a:lnTo>
                  <a:pt x="3145" y="1306"/>
                </a:lnTo>
                <a:lnTo>
                  <a:pt x="3088" y="1369"/>
                </a:lnTo>
                <a:lnTo>
                  <a:pt x="3026" y="1432"/>
                </a:lnTo>
                <a:lnTo>
                  <a:pt x="2963" y="1493"/>
                </a:lnTo>
                <a:lnTo>
                  <a:pt x="2917" y="1536"/>
                </a:lnTo>
                <a:lnTo>
                  <a:pt x="2869" y="1578"/>
                </a:lnTo>
                <a:lnTo>
                  <a:pt x="2820" y="1620"/>
                </a:lnTo>
                <a:lnTo>
                  <a:pt x="2770" y="1660"/>
                </a:lnTo>
                <a:lnTo>
                  <a:pt x="2719" y="1700"/>
                </a:lnTo>
                <a:lnTo>
                  <a:pt x="2667" y="1738"/>
                </a:lnTo>
                <a:lnTo>
                  <a:pt x="2614" y="1775"/>
                </a:lnTo>
                <a:lnTo>
                  <a:pt x="2561" y="1808"/>
                </a:lnTo>
                <a:lnTo>
                  <a:pt x="2508" y="1839"/>
                </a:lnTo>
                <a:lnTo>
                  <a:pt x="2456" y="1868"/>
                </a:lnTo>
                <a:lnTo>
                  <a:pt x="2405" y="1893"/>
                </a:lnTo>
                <a:lnTo>
                  <a:pt x="2354" y="1915"/>
                </a:lnTo>
                <a:lnTo>
                  <a:pt x="2304" y="1932"/>
                </a:lnTo>
                <a:lnTo>
                  <a:pt x="2258" y="1945"/>
                </a:lnTo>
                <a:lnTo>
                  <a:pt x="2212" y="1953"/>
                </a:lnTo>
                <a:lnTo>
                  <a:pt x="2169" y="1955"/>
                </a:lnTo>
                <a:lnTo>
                  <a:pt x="2152" y="1954"/>
                </a:lnTo>
                <a:lnTo>
                  <a:pt x="2133" y="1951"/>
                </a:lnTo>
                <a:lnTo>
                  <a:pt x="2114" y="1945"/>
                </a:lnTo>
                <a:lnTo>
                  <a:pt x="2094" y="1937"/>
                </a:lnTo>
                <a:lnTo>
                  <a:pt x="2073" y="1927"/>
                </a:lnTo>
                <a:lnTo>
                  <a:pt x="2053" y="1913"/>
                </a:lnTo>
                <a:lnTo>
                  <a:pt x="2032" y="1898"/>
                </a:lnTo>
                <a:lnTo>
                  <a:pt x="2014" y="1879"/>
                </a:lnTo>
                <a:lnTo>
                  <a:pt x="1997" y="1858"/>
                </a:lnTo>
                <a:lnTo>
                  <a:pt x="1981" y="1835"/>
                </a:lnTo>
                <a:lnTo>
                  <a:pt x="1968" y="1808"/>
                </a:lnTo>
                <a:lnTo>
                  <a:pt x="1959" y="1778"/>
                </a:lnTo>
                <a:lnTo>
                  <a:pt x="1953" y="1747"/>
                </a:lnTo>
                <a:lnTo>
                  <a:pt x="1951" y="1712"/>
                </a:lnTo>
                <a:lnTo>
                  <a:pt x="1953" y="1674"/>
                </a:lnTo>
                <a:lnTo>
                  <a:pt x="1961" y="1633"/>
                </a:lnTo>
                <a:lnTo>
                  <a:pt x="1974" y="1590"/>
                </a:lnTo>
                <a:lnTo>
                  <a:pt x="1926" y="1525"/>
                </a:lnTo>
                <a:lnTo>
                  <a:pt x="1884" y="1459"/>
                </a:lnTo>
                <a:lnTo>
                  <a:pt x="1848" y="1391"/>
                </a:lnTo>
                <a:lnTo>
                  <a:pt x="1818" y="1322"/>
                </a:lnTo>
                <a:lnTo>
                  <a:pt x="1793" y="1252"/>
                </a:lnTo>
                <a:lnTo>
                  <a:pt x="1773" y="1180"/>
                </a:lnTo>
                <a:lnTo>
                  <a:pt x="1760" y="1109"/>
                </a:lnTo>
                <a:lnTo>
                  <a:pt x="1752" y="1038"/>
                </a:lnTo>
                <a:lnTo>
                  <a:pt x="1750" y="966"/>
                </a:lnTo>
                <a:lnTo>
                  <a:pt x="1753" y="896"/>
                </a:lnTo>
                <a:lnTo>
                  <a:pt x="1762" y="827"/>
                </a:lnTo>
                <a:lnTo>
                  <a:pt x="1777" y="761"/>
                </a:lnTo>
                <a:lnTo>
                  <a:pt x="1797" y="695"/>
                </a:lnTo>
                <a:lnTo>
                  <a:pt x="1701" y="591"/>
                </a:lnTo>
                <a:lnTo>
                  <a:pt x="1609" y="1147"/>
                </a:lnTo>
                <a:lnTo>
                  <a:pt x="1603" y="1166"/>
                </a:lnTo>
                <a:lnTo>
                  <a:pt x="1593" y="1184"/>
                </a:lnTo>
                <a:lnTo>
                  <a:pt x="1580" y="1199"/>
                </a:lnTo>
                <a:lnTo>
                  <a:pt x="1564" y="1211"/>
                </a:lnTo>
                <a:lnTo>
                  <a:pt x="1546" y="1219"/>
                </a:lnTo>
                <a:lnTo>
                  <a:pt x="1526" y="1223"/>
                </a:lnTo>
                <a:lnTo>
                  <a:pt x="1506" y="1222"/>
                </a:lnTo>
                <a:lnTo>
                  <a:pt x="1486" y="1217"/>
                </a:lnTo>
                <a:lnTo>
                  <a:pt x="1469" y="1208"/>
                </a:lnTo>
                <a:lnTo>
                  <a:pt x="1453" y="1194"/>
                </a:lnTo>
                <a:lnTo>
                  <a:pt x="915" y="1715"/>
                </a:lnTo>
                <a:lnTo>
                  <a:pt x="931" y="1725"/>
                </a:lnTo>
                <a:lnTo>
                  <a:pt x="944" y="1739"/>
                </a:lnTo>
                <a:lnTo>
                  <a:pt x="953" y="1756"/>
                </a:lnTo>
                <a:lnTo>
                  <a:pt x="960" y="1774"/>
                </a:lnTo>
                <a:lnTo>
                  <a:pt x="961" y="1793"/>
                </a:lnTo>
                <a:lnTo>
                  <a:pt x="959" y="1813"/>
                </a:lnTo>
                <a:lnTo>
                  <a:pt x="952" y="1830"/>
                </a:lnTo>
                <a:lnTo>
                  <a:pt x="942" y="1846"/>
                </a:lnTo>
                <a:lnTo>
                  <a:pt x="928" y="1860"/>
                </a:lnTo>
                <a:lnTo>
                  <a:pt x="911" y="1869"/>
                </a:lnTo>
                <a:lnTo>
                  <a:pt x="859" y="1893"/>
                </a:lnTo>
                <a:lnTo>
                  <a:pt x="1367" y="2840"/>
                </a:lnTo>
                <a:lnTo>
                  <a:pt x="1425" y="2863"/>
                </a:lnTo>
                <a:lnTo>
                  <a:pt x="1481" y="2890"/>
                </a:lnTo>
                <a:lnTo>
                  <a:pt x="1533" y="2921"/>
                </a:lnTo>
                <a:lnTo>
                  <a:pt x="1583" y="2958"/>
                </a:lnTo>
                <a:lnTo>
                  <a:pt x="1630" y="2998"/>
                </a:lnTo>
                <a:lnTo>
                  <a:pt x="1673" y="3042"/>
                </a:lnTo>
                <a:lnTo>
                  <a:pt x="1713" y="3090"/>
                </a:lnTo>
                <a:lnTo>
                  <a:pt x="1723" y="3090"/>
                </a:lnTo>
                <a:lnTo>
                  <a:pt x="1777" y="3094"/>
                </a:lnTo>
                <a:lnTo>
                  <a:pt x="1828" y="3105"/>
                </a:lnTo>
                <a:lnTo>
                  <a:pt x="1877" y="3123"/>
                </a:lnTo>
                <a:lnTo>
                  <a:pt x="1923" y="3146"/>
                </a:lnTo>
                <a:lnTo>
                  <a:pt x="1965" y="3174"/>
                </a:lnTo>
                <a:lnTo>
                  <a:pt x="2002" y="3208"/>
                </a:lnTo>
                <a:lnTo>
                  <a:pt x="2035" y="3246"/>
                </a:lnTo>
                <a:lnTo>
                  <a:pt x="2064" y="3288"/>
                </a:lnTo>
                <a:lnTo>
                  <a:pt x="2087" y="3334"/>
                </a:lnTo>
                <a:lnTo>
                  <a:pt x="2104" y="3384"/>
                </a:lnTo>
                <a:lnTo>
                  <a:pt x="2114" y="3435"/>
                </a:lnTo>
                <a:lnTo>
                  <a:pt x="2117" y="3489"/>
                </a:lnTo>
                <a:lnTo>
                  <a:pt x="2117" y="3599"/>
                </a:lnTo>
                <a:lnTo>
                  <a:pt x="39" y="3599"/>
                </a:lnTo>
                <a:lnTo>
                  <a:pt x="39" y="3489"/>
                </a:lnTo>
                <a:lnTo>
                  <a:pt x="42" y="3435"/>
                </a:lnTo>
                <a:lnTo>
                  <a:pt x="52" y="3384"/>
                </a:lnTo>
                <a:lnTo>
                  <a:pt x="69" y="3334"/>
                </a:lnTo>
                <a:lnTo>
                  <a:pt x="92" y="3288"/>
                </a:lnTo>
                <a:lnTo>
                  <a:pt x="121" y="3246"/>
                </a:lnTo>
                <a:lnTo>
                  <a:pt x="155" y="3208"/>
                </a:lnTo>
                <a:lnTo>
                  <a:pt x="192" y="3174"/>
                </a:lnTo>
                <a:lnTo>
                  <a:pt x="235" y="3146"/>
                </a:lnTo>
                <a:lnTo>
                  <a:pt x="280" y="3123"/>
                </a:lnTo>
                <a:lnTo>
                  <a:pt x="329" y="3105"/>
                </a:lnTo>
                <a:lnTo>
                  <a:pt x="380" y="3094"/>
                </a:lnTo>
                <a:lnTo>
                  <a:pt x="434" y="3090"/>
                </a:lnTo>
                <a:lnTo>
                  <a:pt x="526" y="3090"/>
                </a:lnTo>
                <a:lnTo>
                  <a:pt x="560" y="3049"/>
                </a:lnTo>
                <a:lnTo>
                  <a:pt x="598" y="3010"/>
                </a:lnTo>
                <a:lnTo>
                  <a:pt x="164" y="2201"/>
                </a:lnTo>
                <a:lnTo>
                  <a:pt x="141" y="2210"/>
                </a:lnTo>
                <a:lnTo>
                  <a:pt x="118" y="2212"/>
                </a:lnTo>
                <a:lnTo>
                  <a:pt x="96" y="2211"/>
                </a:lnTo>
                <a:lnTo>
                  <a:pt x="74" y="2204"/>
                </a:lnTo>
                <a:lnTo>
                  <a:pt x="53" y="2193"/>
                </a:lnTo>
                <a:lnTo>
                  <a:pt x="35" y="2178"/>
                </a:lnTo>
                <a:lnTo>
                  <a:pt x="20" y="2160"/>
                </a:lnTo>
                <a:lnTo>
                  <a:pt x="9" y="2141"/>
                </a:lnTo>
                <a:lnTo>
                  <a:pt x="2" y="2118"/>
                </a:lnTo>
                <a:lnTo>
                  <a:pt x="0" y="2095"/>
                </a:lnTo>
                <a:lnTo>
                  <a:pt x="0" y="1506"/>
                </a:lnTo>
                <a:lnTo>
                  <a:pt x="2" y="1480"/>
                </a:lnTo>
                <a:lnTo>
                  <a:pt x="9" y="1456"/>
                </a:lnTo>
                <a:lnTo>
                  <a:pt x="18" y="1433"/>
                </a:lnTo>
                <a:lnTo>
                  <a:pt x="33" y="1413"/>
                </a:lnTo>
                <a:lnTo>
                  <a:pt x="50" y="1394"/>
                </a:lnTo>
                <a:lnTo>
                  <a:pt x="69" y="1378"/>
                </a:lnTo>
                <a:lnTo>
                  <a:pt x="97" y="1365"/>
                </a:lnTo>
                <a:lnTo>
                  <a:pt x="126" y="1357"/>
                </a:lnTo>
                <a:lnTo>
                  <a:pt x="156" y="1356"/>
                </a:lnTo>
                <a:lnTo>
                  <a:pt x="186" y="1361"/>
                </a:lnTo>
                <a:lnTo>
                  <a:pt x="213" y="1371"/>
                </a:lnTo>
                <a:lnTo>
                  <a:pt x="228" y="1378"/>
                </a:lnTo>
                <a:lnTo>
                  <a:pt x="959" y="671"/>
                </a:lnTo>
                <a:lnTo>
                  <a:pt x="951" y="659"/>
                </a:lnTo>
                <a:lnTo>
                  <a:pt x="946" y="647"/>
                </a:lnTo>
                <a:lnTo>
                  <a:pt x="945" y="633"/>
                </a:lnTo>
                <a:lnTo>
                  <a:pt x="948" y="619"/>
                </a:lnTo>
                <a:lnTo>
                  <a:pt x="954" y="608"/>
                </a:lnTo>
                <a:lnTo>
                  <a:pt x="965" y="597"/>
                </a:lnTo>
                <a:lnTo>
                  <a:pt x="976" y="591"/>
                </a:lnTo>
                <a:lnTo>
                  <a:pt x="990" y="588"/>
                </a:lnTo>
                <a:lnTo>
                  <a:pt x="1645" y="531"/>
                </a:lnTo>
                <a:lnTo>
                  <a:pt x="1624" y="508"/>
                </a:lnTo>
                <a:lnTo>
                  <a:pt x="1600" y="478"/>
                </a:lnTo>
                <a:lnTo>
                  <a:pt x="1582" y="445"/>
                </a:lnTo>
                <a:lnTo>
                  <a:pt x="1570" y="410"/>
                </a:lnTo>
                <a:lnTo>
                  <a:pt x="1562" y="373"/>
                </a:lnTo>
                <a:lnTo>
                  <a:pt x="1559" y="335"/>
                </a:lnTo>
                <a:lnTo>
                  <a:pt x="1564" y="297"/>
                </a:lnTo>
                <a:lnTo>
                  <a:pt x="1574" y="260"/>
                </a:lnTo>
                <a:lnTo>
                  <a:pt x="1590" y="227"/>
                </a:lnTo>
                <a:lnTo>
                  <a:pt x="1611" y="195"/>
                </a:lnTo>
                <a:lnTo>
                  <a:pt x="1636" y="167"/>
                </a:lnTo>
                <a:lnTo>
                  <a:pt x="1743" y="66"/>
                </a:lnTo>
                <a:lnTo>
                  <a:pt x="1772" y="42"/>
                </a:lnTo>
                <a:lnTo>
                  <a:pt x="1805" y="23"/>
                </a:lnTo>
                <a:lnTo>
                  <a:pt x="1841" y="10"/>
                </a:lnTo>
                <a:lnTo>
                  <a:pt x="1877" y="3"/>
                </a:lnTo>
                <a:lnTo>
                  <a:pt x="19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nvGrpSpPr>
          <p:cNvPr id="28" name="Group 15"/>
          <p:cNvGrpSpPr>
            <a:grpSpLocks noChangeAspect="1"/>
          </p:cNvGrpSpPr>
          <p:nvPr/>
        </p:nvGrpSpPr>
        <p:grpSpPr bwMode="auto">
          <a:xfrm>
            <a:off x="4362672" y="3841634"/>
            <a:ext cx="1136486" cy="1214554"/>
            <a:chOff x="2785" y="2376"/>
            <a:chExt cx="757" cy="809"/>
          </a:xfrm>
          <a:solidFill>
            <a:schemeClr val="bg1"/>
          </a:solidFill>
        </p:grpSpPr>
        <p:sp>
          <p:nvSpPr>
            <p:cNvPr id="31" name="Freeform 17"/>
            <p:cNvSpPr>
              <a:spLocks noEditPoints="1"/>
            </p:cNvSpPr>
            <p:nvPr/>
          </p:nvSpPr>
          <p:spPr bwMode="auto">
            <a:xfrm>
              <a:off x="2785" y="2376"/>
              <a:ext cx="757" cy="809"/>
            </a:xfrm>
            <a:custGeom>
              <a:avLst/>
              <a:gdLst>
                <a:gd name="T0" fmla="*/ 1295 w 3027"/>
                <a:gd name="T1" fmla="*/ 2679 h 3239"/>
                <a:gd name="T2" fmla="*/ 1466 w 3027"/>
                <a:gd name="T3" fmla="*/ 2998 h 3239"/>
                <a:gd name="T4" fmla="*/ 1600 w 3027"/>
                <a:gd name="T5" fmla="*/ 2952 h 3239"/>
                <a:gd name="T6" fmla="*/ 1776 w 3027"/>
                <a:gd name="T7" fmla="*/ 2539 h 3239"/>
                <a:gd name="T8" fmla="*/ 1176 w 3027"/>
                <a:gd name="T9" fmla="*/ 2171 h 3239"/>
                <a:gd name="T10" fmla="*/ 1853 w 3027"/>
                <a:gd name="T11" fmla="*/ 2163 h 3239"/>
                <a:gd name="T12" fmla="*/ 421 w 3027"/>
                <a:gd name="T13" fmla="*/ 2023 h 3239"/>
                <a:gd name="T14" fmla="*/ 229 w 3027"/>
                <a:gd name="T15" fmla="*/ 2312 h 3239"/>
                <a:gd name="T16" fmla="*/ 310 w 3027"/>
                <a:gd name="T17" fmla="*/ 2371 h 3239"/>
                <a:gd name="T18" fmla="*/ 749 w 3027"/>
                <a:gd name="T19" fmla="*/ 2317 h 3239"/>
                <a:gd name="T20" fmla="*/ 772 w 3027"/>
                <a:gd name="T21" fmla="*/ 1818 h 3239"/>
                <a:gd name="T22" fmla="*/ 2058 w 3027"/>
                <a:gd name="T23" fmla="*/ 2239 h 3239"/>
                <a:gd name="T24" fmla="*/ 2597 w 3027"/>
                <a:gd name="T25" fmla="*/ 2357 h 3239"/>
                <a:gd name="T26" fmla="*/ 2807 w 3027"/>
                <a:gd name="T27" fmla="*/ 2336 h 3239"/>
                <a:gd name="T28" fmla="*/ 2718 w 3027"/>
                <a:gd name="T29" fmla="*/ 2137 h 3239"/>
                <a:gd name="T30" fmla="*/ 2335 w 3027"/>
                <a:gd name="T31" fmla="*/ 1751 h 3239"/>
                <a:gd name="T32" fmla="*/ 2159 w 3027"/>
                <a:gd name="T33" fmla="*/ 1617 h 3239"/>
                <a:gd name="T34" fmla="*/ 1140 w 3027"/>
                <a:gd name="T35" fmla="*/ 1620 h 3239"/>
                <a:gd name="T36" fmla="*/ 1721 w 3027"/>
                <a:gd name="T37" fmla="*/ 1901 h 3239"/>
                <a:gd name="T38" fmla="*/ 1717 w 3027"/>
                <a:gd name="T39" fmla="*/ 1337 h 3239"/>
                <a:gd name="T40" fmla="*/ 1174 w 3027"/>
                <a:gd name="T41" fmla="*/ 1077 h 3239"/>
                <a:gd name="T42" fmla="*/ 375 w 3027"/>
                <a:gd name="T43" fmla="*/ 880 h 3239"/>
                <a:gd name="T44" fmla="*/ 214 w 3027"/>
                <a:gd name="T45" fmla="*/ 907 h 3239"/>
                <a:gd name="T46" fmla="*/ 340 w 3027"/>
                <a:gd name="T47" fmla="*/ 1143 h 3239"/>
                <a:gd name="T48" fmla="*/ 770 w 3027"/>
                <a:gd name="T49" fmla="*/ 1431 h 3239"/>
                <a:gd name="T50" fmla="*/ 748 w 3027"/>
                <a:gd name="T51" fmla="*/ 935 h 3239"/>
                <a:gd name="T52" fmla="*/ 2598 w 3027"/>
                <a:gd name="T53" fmla="*/ 873 h 3239"/>
                <a:gd name="T54" fmla="*/ 2057 w 3027"/>
                <a:gd name="T55" fmla="*/ 995 h 3239"/>
                <a:gd name="T56" fmla="*/ 2459 w 3027"/>
                <a:gd name="T57" fmla="*/ 1369 h 3239"/>
                <a:gd name="T58" fmla="*/ 2759 w 3027"/>
                <a:gd name="T59" fmla="*/ 1016 h 3239"/>
                <a:gd name="T60" fmla="*/ 2778 w 3027"/>
                <a:gd name="T61" fmla="*/ 884 h 3239"/>
                <a:gd name="T62" fmla="*/ 1484 w 3027"/>
                <a:gd name="T63" fmla="*/ 227 h 3239"/>
                <a:gd name="T64" fmla="*/ 1316 w 3027"/>
                <a:gd name="T65" fmla="*/ 504 h 3239"/>
                <a:gd name="T66" fmla="*/ 1510 w 3027"/>
                <a:gd name="T67" fmla="*/ 988 h 3239"/>
                <a:gd name="T68" fmla="*/ 1711 w 3027"/>
                <a:gd name="T69" fmla="*/ 501 h 3239"/>
                <a:gd name="T70" fmla="*/ 1543 w 3027"/>
                <a:gd name="T71" fmla="*/ 227 h 3239"/>
                <a:gd name="T72" fmla="*/ 1703 w 3027"/>
                <a:gd name="T73" fmla="*/ 88 h 3239"/>
                <a:gd name="T74" fmla="*/ 1950 w 3027"/>
                <a:gd name="T75" fmla="*/ 533 h 3239"/>
                <a:gd name="T76" fmla="*/ 2397 w 3027"/>
                <a:gd name="T77" fmla="*/ 677 h 3239"/>
                <a:gd name="T78" fmla="*/ 2839 w 3027"/>
                <a:gd name="T79" fmla="*/ 675 h 3239"/>
                <a:gd name="T80" fmla="*/ 3018 w 3027"/>
                <a:gd name="T81" fmla="*/ 866 h 3239"/>
                <a:gd name="T82" fmla="*/ 2893 w 3027"/>
                <a:gd name="T83" fmla="*/ 1202 h 3239"/>
                <a:gd name="T84" fmla="*/ 2506 w 3027"/>
                <a:gd name="T85" fmla="*/ 1614 h 3239"/>
                <a:gd name="T86" fmla="*/ 2898 w 3027"/>
                <a:gd name="T87" fmla="*/ 2021 h 3239"/>
                <a:gd name="T88" fmla="*/ 3027 w 3027"/>
                <a:gd name="T89" fmla="*/ 2355 h 3239"/>
                <a:gd name="T90" fmla="*/ 2845 w 3027"/>
                <a:gd name="T91" fmla="*/ 2550 h 3239"/>
                <a:gd name="T92" fmla="*/ 2397 w 3027"/>
                <a:gd name="T93" fmla="*/ 2550 h 3239"/>
                <a:gd name="T94" fmla="*/ 1952 w 3027"/>
                <a:gd name="T95" fmla="*/ 2700 h 3239"/>
                <a:gd name="T96" fmla="*/ 1705 w 3027"/>
                <a:gd name="T97" fmla="*/ 3151 h 3239"/>
                <a:gd name="T98" fmla="*/ 1397 w 3027"/>
                <a:gd name="T99" fmla="*/ 3207 h 3239"/>
                <a:gd name="T100" fmla="*/ 1130 w 3027"/>
                <a:gd name="T101" fmla="*/ 2849 h 3239"/>
                <a:gd name="T102" fmla="*/ 774 w 3027"/>
                <a:gd name="T103" fmla="*/ 2532 h 3239"/>
                <a:gd name="T104" fmla="*/ 274 w 3027"/>
                <a:gd name="T105" fmla="*/ 2583 h 3239"/>
                <a:gd name="T106" fmla="*/ 26 w 3027"/>
                <a:gd name="T107" fmla="*/ 2439 h 3239"/>
                <a:gd name="T108" fmla="*/ 76 w 3027"/>
                <a:gd name="T109" fmla="*/ 2132 h 3239"/>
                <a:gd name="T110" fmla="*/ 403 w 3027"/>
                <a:gd name="T111" fmla="*/ 1733 h 3239"/>
                <a:gd name="T112" fmla="*/ 205 w 3027"/>
                <a:gd name="T113" fmla="*/ 1316 h 3239"/>
                <a:gd name="T114" fmla="*/ 4 w 3027"/>
                <a:gd name="T115" fmla="*/ 958 h 3239"/>
                <a:gd name="T116" fmla="*/ 108 w 3027"/>
                <a:gd name="T117" fmla="*/ 720 h 3239"/>
                <a:gd name="T118" fmla="*/ 496 w 3027"/>
                <a:gd name="T119" fmla="*/ 672 h 3239"/>
                <a:gd name="T120" fmla="*/ 1029 w 3027"/>
                <a:gd name="T121" fmla="*/ 700 h 3239"/>
                <a:gd name="T122" fmla="*/ 1252 w 3027"/>
                <a:gd name="T123" fmla="*/ 169 h 3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27" h="3239">
                  <a:moveTo>
                    <a:pt x="1517" y="2251"/>
                  </a:moveTo>
                  <a:lnTo>
                    <a:pt x="1415" y="2300"/>
                  </a:lnTo>
                  <a:lnTo>
                    <a:pt x="1314" y="2345"/>
                  </a:lnTo>
                  <a:lnTo>
                    <a:pt x="1214" y="2386"/>
                  </a:lnTo>
                  <a:lnTo>
                    <a:pt x="1233" y="2468"/>
                  </a:lnTo>
                  <a:lnTo>
                    <a:pt x="1252" y="2544"/>
                  </a:lnTo>
                  <a:lnTo>
                    <a:pt x="1273" y="2614"/>
                  </a:lnTo>
                  <a:lnTo>
                    <a:pt x="1295" y="2679"/>
                  </a:lnTo>
                  <a:lnTo>
                    <a:pt x="1317" y="2739"/>
                  </a:lnTo>
                  <a:lnTo>
                    <a:pt x="1340" y="2793"/>
                  </a:lnTo>
                  <a:lnTo>
                    <a:pt x="1361" y="2840"/>
                  </a:lnTo>
                  <a:lnTo>
                    <a:pt x="1384" y="2884"/>
                  </a:lnTo>
                  <a:lnTo>
                    <a:pt x="1406" y="2920"/>
                  </a:lnTo>
                  <a:lnTo>
                    <a:pt x="1427" y="2953"/>
                  </a:lnTo>
                  <a:lnTo>
                    <a:pt x="1448" y="2979"/>
                  </a:lnTo>
                  <a:lnTo>
                    <a:pt x="1466" y="2998"/>
                  </a:lnTo>
                  <a:lnTo>
                    <a:pt x="1484" y="3013"/>
                  </a:lnTo>
                  <a:lnTo>
                    <a:pt x="1500" y="3021"/>
                  </a:lnTo>
                  <a:lnTo>
                    <a:pt x="1513" y="3024"/>
                  </a:lnTo>
                  <a:lnTo>
                    <a:pt x="1528" y="3021"/>
                  </a:lnTo>
                  <a:lnTo>
                    <a:pt x="1543" y="3013"/>
                  </a:lnTo>
                  <a:lnTo>
                    <a:pt x="1561" y="2998"/>
                  </a:lnTo>
                  <a:lnTo>
                    <a:pt x="1581" y="2977"/>
                  </a:lnTo>
                  <a:lnTo>
                    <a:pt x="1600" y="2952"/>
                  </a:lnTo>
                  <a:lnTo>
                    <a:pt x="1622" y="2919"/>
                  </a:lnTo>
                  <a:lnTo>
                    <a:pt x="1644" y="2882"/>
                  </a:lnTo>
                  <a:lnTo>
                    <a:pt x="1666" y="2839"/>
                  </a:lnTo>
                  <a:lnTo>
                    <a:pt x="1689" y="2791"/>
                  </a:lnTo>
                  <a:lnTo>
                    <a:pt x="1712" y="2735"/>
                  </a:lnTo>
                  <a:lnTo>
                    <a:pt x="1733" y="2675"/>
                  </a:lnTo>
                  <a:lnTo>
                    <a:pt x="1755" y="2610"/>
                  </a:lnTo>
                  <a:lnTo>
                    <a:pt x="1776" y="2539"/>
                  </a:lnTo>
                  <a:lnTo>
                    <a:pt x="1796" y="2462"/>
                  </a:lnTo>
                  <a:lnTo>
                    <a:pt x="1814" y="2380"/>
                  </a:lnTo>
                  <a:lnTo>
                    <a:pt x="1717" y="2341"/>
                  </a:lnTo>
                  <a:lnTo>
                    <a:pt x="1618" y="2298"/>
                  </a:lnTo>
                  <a:lnTo>
                    <a:pt x="1517" y="2251"/>
                  </a:lnTo>
                  <a:close/>
                  <a:moveTo>
                    <a:pt x="1163" y="2066"/>
                  </a:moveTo>
                  <a:lnTo>
                    <a:pt x="1169" y="2119"/>
                  </a:lnTo>
                  <a:lnTo>
                    <a:pt x="1176" y="2171"/>
                  </a:lnTo>
                  <a:lnTo>
                    <a:pt x="1225" y="2150"/>
                  </a:lnTo>
                  <a:lnTo>
                    <a:pt x="1275" y="2129"/>
                  </a:lnTo>
                  <a:lnTo>
                    <a:pt x="1205" y="2090"/>
                  </a:lnTo>
                  <a:lnTo>
                    <a:pt x="1163" y="2066"/>
                  </a:lnTo>
                  <a:close/>
                  <a:moveTo>
                    <a:pt x="1864" y="2065"/>
                  </a:moveTo>
                  <a:lnTo>
                    <a:pt x="1828" y="2086"/>
                  </a:lnTo>
                  <a:lnTo>
                    <a:pt x="1760" y="2125"/>
                  </a:lnTo>
                  <a:lnTo>
                    <a:pt x="1853" y="2163"/>
                  </a:lnTo>
                  <a:lnTo>
                    <a:pt x="1858" y="2115"/>
                  </a:lnTo>
                  <a:lnTo>
                    <a:pt x="1864" y="2065"/>
                  </a:lnTo>
                  <a:close/>
                  <a:moveTo>
                    <a:pt x="695" y="1762"/>
                  </a:moveTo>
                  <a:lnTo>
                    <a:pt x="630" y="1818"/>
                  </a:lnTo>
                  <a:lnTo>
                    <a:pt x="571" y="1872"/>
                  </a:lnTo>
                  <a:lnTo>
                    <a:pt x="515" y="1924"/>
                  </a:lnTo>
                  <a:lnTo>
                    <a:pt x="466" y="1975"/>
                  </a:lnTo>
                  <a:lnTo>
                    <a:pt x="421" y="2023"/>
                  </a:lnTo>
                  <a:lnTo>
                    <a:pt x="381" y="2069"/>
                  </a:lnTo>
                  <a:lnTo>
                    <a:pt x="346" y="2112"/>
                  </a:lnTo>
                  <a:lnTo>
                    <a:pt x="316" y="2153"/>
                  </a:lnTo>
                  <a:lnTo>
                    <a:pt x="290" y="2191"/>
                  </a:lnTo>
                  <a:lnTo>
                    <a:pt x="268" y="2226"/>
                  </a:lnTo>
                  <a:lnTo>
                    <a:pt x="250" y="2258"/>
                  </a:lnTo>
                  <a:lnTo>
                    <a:pt x="238" y="2287"/>
                  </a:lnTo>
                  <a:lnTo>
                    <a:pt x="229" y="2312"/>
                  </a:lnTo>
                  <a:lnTo>
                    <a:pt x="224" y="2332"/>
                  </a:lnTo>
                  <a:lnTo>
                    <a:pt x="223" y="2349"/>
                  </a:lnTo>
                  <a:lnTo>
                    <a:pt x="229" y="2352"/>
                  </a:lnTo>
                  <a:lnTo>
                    <a:pt x="237" y="2355"/>
                  </a:lnTo>
                  <a:lnTo>
                    <a:pt x="249" y="2359"/>
                  </a:lnTo>
                  <a:lnTo>
                    <a:pt x="265" y="2364"/>
                  </a:lnTo>
                  <a:lnTo>
                    <a:pt x="285" y="2368"/>
                  </a:lnTo>
                  <a:lnTo>
                    <a:pt x="310" y="2371"/>
                  </a:lnTo>
                  <a:lnTo>
                    <a:pt x="340" y="2374"/>
                  </a:lnTo>
                  <a:lnTo>
                    <a:pt x="375" y="2374"/>
                  </a:lnTo>
                  <a:lnTo>
                    <a:pt x="429" y="2373"/>
                  </a:lnTo>
                  <a:lnTo>
                    <a:pt x="487" y="2368"/>
                  </a:lnTo>
                  <a:lnTo>
                    <a:pt x="548" y="2359"/>
                  </a:lnTo>
                  <a:lnTo>
                    <a:pt x="612" y="2349"/>
                  </a:lnTo>
                  <a:lnTo>
                    <a:pt x="680" y="2334"/>
                  </a:lnTo>
                  <a:lnTo>
                    <a:pt x="749" y="2317"/>
                  </a:lnTo>
                  <a:lnTo>
                    <a:pt x="821" y="2297"/>
                  </a:lnTo>
                  <a:lnTo>
                    <a:pt x="895" y="2274"/>
                  </a:lnTo>
                  <a:lnTo>
                    <a:pt x="971" y="2249"/>
                  </a:lnTo>
                  <a:lnTo>
                    <a:pt x="956" y="2145"/>
                  </a:lnTo>
                  <a:lnTo>
                    <a:pt x="945" y="2038"/>
                  </a:lnTo>
                  <a:lnTo>
                    <a:pt x="935" y="1928"/>
                  </a:lnTo>
                  <a:lnTo>
                    <a:pt x="852" y="1873"/>
                  </a:lnTo>
                  <a:lnTo>
                    <a:pt x="772" y="1818"/>
                  </a:lnTo>
                  <a:lnTo>
                    <a:pt x="695" y="1762"/>
                  </a:lnTo>
                  <a:close/>
                  <a:moveTo>
                    <a:pt x="2335" y="1751"/>
                  </a:moveTo>
                  <a:lnTo>
                    <a:pt x="2257" y="1809"/>
                  </a:lnTo>
                  <a:lnTo>
                    <a:pt x="2176" y="1866"/>
                  </a:lnTo>
                  <a:lnTo>
                    <a:pt x="2092" y="1923"/>
                  </a:lnTo>
                  <a:lnTo>
                    <a:pt x="2084" y="2031"/>
                  </a:lnTo>
                  <a:lnTo>
                    <a:pt x="2071" y="2136"/>
                  </a:lnTo>
                  <a:lnTo>
                    <a:pt x="2058" y="2239"/>
                  </a:lnTo>
                  <a:lnTo>
                    <a:pt x="2133" y="2263"/>
                  </a:lnTo>
                  <a:lnTo>
                    <a:pt x="2207" y="2285"/>
                  </a:lnTo>
                  <a:lnTo>
                    <a:pt x="2279" y="2304"/>
                  </a:lnTo>
                  <a:lnTo>
                    <a:pt x="2348" y="2321"/>
                  </a:lnTo>
                  <a:lnTo>
                    <a:pt x="2415" y="2334"/>
                  </a:lnTo>
                  <a:lnTo>
                    <a:pt x="2479" y="2345"/>
                  </a:lnTo>
                  <a:lnTo>
                    <a:pt x="2540" y="2353"/>
                  </a:lnTo>
                  <a:lnTo>
                    <a:pt x="2597" y="2357"/>
                  </a:lnTo>
                  <a:lnTo>
                    <a:pt x="2652" y="2359"/>
                  </a:lnTo>
                  <a:lnTo>
                    <a:pt x="2688" y="2358"/>
                  </a:lnTo>
                  <a:lnTo>
                    <a:pt x="2720" y="2356"/>
                  </a:lnTo>
                  <a:lnTo>
                    <a:pt x="2746" y="2352"/>
                  </a:lnTo>
                  <a:lnTo>
                    <a:pt x="2766" y="2349"/>
                  </a:lnTo>
                  <a:lnTo>
                    <a:pt x="2784" y="2344"/>
                  </a:lnTo>
                  <a:lnTo>
                    <a:pt x="2798" y="2340"/>
                  </a:lnTo>
                  <a:lnTo>
                    <a:pt x="2807" y="2336"/>
                  </a:lnTo>
                  <a:lnTo>
                    <a:pt x="2813" y="2332"/>
                  </a:lnTo>
                  <a:lnTo>
                    <a:pt x="2812" y="2315"/>
                  </a:lnTo>
                  <a:lnTo>
                    <a:pt x="2807" y="2294"/>
                  </a:lnTo>
                  <a:lnTo>
                    <a:pt x="2798" y="2269"/>
                  </a:lnTo>
                  <a:lnTo>
                    <a:pt x="2784" y="2241"/>
                  </a:lnTo>
                  <a:lnTo>
                    <a:pt x="2766" y="2209"/>
                  </a:lnTo>
                  <a:lnTo>
                    <a:pt x="2745" y="2175"/>
                  </a:lnTo>
                  <a:lnTo>
                    <a:pt x="2718" y="2137"/>
                  </a:lnTo>
                  <a:lnTo>
                    <a:pt x="2686" y="2097"/>
                  </a:lnTo>
                  <a:lnTo>
                    <a:pt x="2651" y="2053"/>
                  </a:lnTo>
                  <a:lnTo>
                    <a:pt x="2610" y="2008"/>
                  </a:lnTo>
                  <a:lnTo>
                    <a:pt x="2566" y="1961"/>
                  </a:lnTo>
                  <a:lnTo>
                    <a:pt x="2516" y="1911"/>
                  </a:lnTo>
                  <a:lnTo>
                    <a:pt x="2461" y="1859"/>
                  </a:lnTo>
                  <a:lnTo>
                    <a:pt x="2401" y="1806"/>
                  </a:lnTo>
                  <a:lnTo>
                    <a:pt x="2335" y="1751"/>
                  </a:lnTo>
                  <a:close/>
                  <a:moveTo>
                    <a:pt x="925" y="1586"/>
                  </a:moveTo>
                  <a:lnTo>
                    <a:pt x="871" y="1625"/>
                  </a:lnTo>
                  <a:lnTo>
                    <a:pt x="925" y="1663"/>
                  </a:lnTo>
                  <a:lnTo>
                    <a:pt x="925" y="1620"/>
                  </a:lnTo>
                  <a:lnTo>
                    <a:pt x="925" y="1586"/>
                  </a:lnTo>
                  <a:close/>
                  <a:moveTo>
                    <a:pt x="2102" y="1576"/>
                  </a:moveTo>
                  <a:lnTo>
                    <a:pt x="2102" y="1658"/>
                  </a:lnTo>
                  <a:lnTo>
                    <a:pt x="2159" y="1617"/>
                  </a:lnTo>
                  <a:lnTo>
                    <a:pt x="2102" y="1576"/>
                  </a:lnTo>
                  <a:close/>
                  <a:moveTo>
                    <a:pt x="1514" y="1229"/>
                  </a:moveTo>
                  <a:lnTo>
                    <a:pt x="1410" y="1284"/>
                  </a:lnTo>
                  <a:lnTo>
                    <a:pt x="1306" y="1342"/>
                  </a:lnTo>
                  <a:lnTo>
                    <a:pt x="1223" y="1391"/>
                  </a:lnTo>
                  <a:lnTo>
                    <a:pt x="1143" y="1440"/>
                  </a:lnTo>
                  <a:lnTo>
                    <a:pt x="1141" y="1528"/>
                  </a:lnTo>
                  <a:lnTo>
                    <a:pt x="1140" y="1620"/>
                  </a:lnTo>
                  <a:lnTo>
                    <a:pt x="1141" y="1714"/>
                  </a:lnTo>
                  <a:lnTo>
                    <a:pt x="1143" y="1806"/>
                  </a:lnTo>
                  <a:lnTo>
                    <a:pt x="1225" y="1855"/>
                  </a:lnTo>
                  <a:lnTo>
                    <a:pt x="1310" y="1903"/>
                  </a:lnTo>
                  <a:lnTo>
                    <a:pt x="1413" y="1959"/>
                  </a:lnTo>
                  <a:lnTo>
                    <a:pt x="1517" y="2012"/>
                  </a:lnTo>
                  <a:lnTo>
                    <a:pt x="1619" y="1958"/>
                  </a:lnTo>
                  <a:lnTo>
                    <a:pt x="1721" y="1901"/>
                  </a:lnTo>
                  <a:lnTo>
                    <a:pt x="1804" y="1852"/>
                  </a:lnTo>
                  <a:lnTo>
                    <a:pt x="1884" y="1804"/>
                  </a:lnTo>
                  <a:lnTo>
                    <a:pt x="1886" y="1713"/>
                  </a:lnTo>
                  <a:lnTo>
                    <a:pt x="1887" y="1620"/>
                  </a:lnTo>
                  <a:lnTo>
                    <a:pt x="1886" y="1525"/>
                  </a:lnTo>
                  <a:lnTo>
                    <a:pt x="1884" y="1435"/>
                  </a:lnTo>
                  <a:lnTo>
                    <a:pt x="1802" y="1386"/>
                  </a:lnTo>
                  <a:lnTo>
                    <a:pt x="1717" y="1337"/>
                  </a:lnTo>
                  <a:lnTo>
                    <a:pt x="1616" y="1282"/>
                  </a:lnTo>
                  <a:lnTo>
                    <a:pt x="1514" y="1229"/>
                  </a:lnTo>
                  <a:close/>
                  <a:moveTo>
                    <a:pt x="1174" y="1077"/>
                  </a:moveTo>
                  <a:lnTo>
                    <a:pt x="1163" y="1174"/>
                  </a:lnTo>
                  <a:lnTo>
                    <a:pt x="1199" y="1153"/>
                  </a:lnTo>
                  <a:lnTo>
                    <a:pt x="1234" y="1134"/>
                  </a:lnTo>
                  <a:lnTo>
                    <a:pt x="1267" y="1115"/>
                  </a:lnTo>
                  <a:lnTo>
                    <a:pt x="1174" y="1077"/>
                  </a:lnTo>
                  <a:close/>
                  <a:moveTo>
                    <a:pt x="1852" y="1073"/>
                  </a:moveTo>
                  <a:lnTo>
                    <a:pt x="1757" y="1114"/>
                  </a:lnTo>
                  <a:lnTo>
                    <a:pt x="1822" y="1149"/>
                  </a:lnTo>
                  <a:lnTo>
                    <a:pt x="1844" y="1161"/>
                  </a:lnTo>
                  <a:lnTo>
                    <a:pt x="1864" y="1173"/>
                  </a:lnTo>
                  <a:lnTo>
                    <a:pt x="1858" y="1122"/>
                  </a:lnTo>
                  <a:lnTo>
                    <a:pt x="1852" y="1073"/>
                  </a:lnTo>
                  <a:close/>
                  <a:moveTo>
                    <a:pt x="375" y="880"/>
                  </a:moveTo>
                  <a:lnTo>
                    <a:pt x="339" y="881"/>
                  </a:lnTo>
                  <a:lnTo>
                    <a:pt x="308" y="883"/>
                  </a:lnTo>
                  <a:lnTo>
                    <a:pt x="282" y="887"/>
                  </a:lnTo>
                  <a:lnTo>
                    <a:pt x="260" y="892"/>
                  </a:lnTo>
                  <a:lnTo>
                    <a:pt x="243" y="896"/>
                  </a:lnTo>
                  <a:lnTo>
                    <a:pt x="230" y="900"/>
                  </a:lnTo>
                  <a:lnTo>
                    <a:pt x="220" y="904"/>
                  </a:lnTo>
                  <a:lnTo>
                    <a:pt x="214" y="907"/>
                  </a:lnTo>
                  <a:lnTo>
                    <a:pt x="215" y="925"/>
                  </a:lnTo>
                  <a:lnTo>
                    <a:pt x="220" y="946"/>
                  </a:lnTo>
                  <a:lnTo>
                    <a:pt x="230" y="971"/>
                  </a:lnTo>
                  <a:lnTo>
                    <a:pt x="243" y="999"/>
                  </a:lnTo>
                  <a:lnTo>
                    <a:pt x="261" y="1031"/>
                  </a:lnTo>
                  <a:lnTo>
                    <a:pt x="283" y="1065"/>
                  </a:lnTo>
                  <a:lnTo>
                    <a:pt x="310" y="1104"/>
                  </a:lnTo>
                  <a:lnTo>
                    <a:pt x="340" y="1143"/>
                  </a:lnTo>
                  <a:lnTo>
                    <a:pt x="376" y="1187"/>
                  </a:lnTo>
                  <a:lnTo>
                    <a:pt x="416" y="1232"/>
                  </a:lnTo>
                  <a:lnTo>
                    <a:pt x="461" y="1280"/>
                  </a:lnTo>
                  <a:lnTo>
                    <a:pt x="511" y="1329"/>
                  </a:lnTo>
                  <a:lnTo>
                    <a:pt x="566" y="1381"/>
                  </a:lnTo>
                  <a:lnTo>
                    <a:pt x="627" y="1434"/>
                  </a:lnTo>
                  <a:lnTo>
                    <a:pt x="692" y="1489"/>
                  </a:lnTo>
                  <a:lnTo>
                    <a:pt x="770" y="1431"/>
                  </a:lnTo>
                  <a:lnTo>
                    <a:pt x="851" y="1374"/>
                  </a:lnTo>
                  <a:lnTo>
                    <a:pt x="935" y="1316"/>
                  </a:lnTo>
                  <a:lnTo>
                    <a:pt x="944" y="1208"/>
                  </a:lnTo>
                  <a:lnTo>
                    <a:pt x="955" y="1104"/>
                  </a:lnTo>
                  <a:lnTo>
                    <a:pt x="970" y="1001"/>
                  </a:lnTo>
                  <a:lnTo>
                    <a:pt x="894" y="977"/>
                  </a:lnTo>
                  <a:lnTo>
                    <a:pt x="820" y="955"/>
                  </a:lnTo>
                  <a:lnTo>
                    <a:pt x="748" y="935"/>
                  </a:lnTo>
                  <a:lnTo>
                    <a:pt x="680" y="919"/>
                  </a:lnTo>
                  <a:lnTo>
                    <a:pt x="612" y="905"/>
                  </a:lnTo>
                  <a:lnTo>
                    <a:pt x="549" y="895"/>
                  </a:lnTo>
                  <a:lnTo>
                    <a:pt x="487" y="886"/>
                  </a:lnTo>
                  <a:lnTo>
                    <a:pt x="429" y="882"/>
                  </a:lnTo>
                  <a:lnTo>
                    <a:pt x="375" y="880"/>
                  </a:lnTo>
                  <a:close/>
                  <a:moveTo>
                    <a:pt x="2653" y="872"/>
                  </a:moveTo>
                  <a:lnTo>
                    <a:pt x="2598" y="873"/>
                  </a:lnTo>
                  <a:lnTo>
                    <a:pt x="2541" y="878"/>
                  </a:lnTo>
                  <a:lnTo>
                    <a:pt x="2480" y="886"/>
                  </a:lnTo>
                  <a:lnTo>
                    <a:pt x="2415" y="897"/>
                  </a:lnTo>
                  <a:lnTo>
                    <a:pt x="2349" y="911"/>
                  </a:lnTo>
                  <a:lnTo>
                    <a:pt x="2279" y="928"/>
                  </a:lnTo>
                  <a:lnTo>
                    <a:pt x="2206" y="948"/>
                  </a:lnTo>
                  <a:lnTo>
                    <a:pt x="2132" y="971"/>
                  </a:lnTo>
                  <a:lnTo>
                    <a:pt x="2057" y="995"/>
                  </a:lnTo>
                  <a:lnTo>
                    <a:pt x="2071" y="1098"/>
                  </a:lnTo>
                  <a:lnTo>
                    <a:pt x="2083" y="1203"/>
                  </a:lnTo>
                  <a:lnTo>
                    <a:pt x="2092" y="1311"/>
                  </a:lnTo>
                  <a:lnTo>
                    <a:pt x="2175" y="1367"/>
                  </a:lnTo>
                  <a:lnTo>
                    <a:pt x="2256" y="1422"/>
                  </a:lnTo>
                  <a:lnTo>
                    <a:pt x="2334" y="1480"/>
                  </a:lnTo>
                  <a:lnTo>
                    <a:pt x="2400" y="1423"/>
                  </a:lnTo>
                  <a:lnTo>
                    <a:pt x="2459" y="1369"/>
                  </a:lnTo>
                  <a:lnTo>
                    <a:pt x="2513" y="1318"/>
                  </a:lnTo>
                  <a:lnTo>
                    <a:pt x="2563" y="1267"/>
                  </a:lnTo>
                  <a:lnTo>
                    <a:pt x="2607" y="1219"/>
                  </a:lnTo>
                  <a:lnTo>
                    <a:pt x="2647" y="1173"/>
                  </a:lnTo>
                  <a:lnTo>
                    <a:pt x="2681" y="1129"/>
                  </a:lnTo>
                  <a:lnTo>
                    <a:pt x="2712" y="1089"/>
                  </a:lnTo>
                  <a:lnTo>
                    <a:pt x="2737" y="1052"/>
                  </a:lnTo>
                  <a:lnTo>
                    <a:pt x="2759" y="1016"/>
                  </a:lnTo>
                  <a:lnTo>
                    <a:pt x="2777" y="985"/>
                  </a:lnTo>
                  <a:lnTo>
                    <a:pt x="2789" y="956"/>
                  </a:lnTo>
                  <a:lnTo>
                    <a:pt x="2799" y="931"/>
                  </a:lnTo>
                  <a:lnTo>
                    <a:pt x="2803" y="910"/>
                  </a:lnTo>
                  <a:lnTo>
                    <a:pt x="2804" y="893"/>
                  </a:lnTo>
                  <a:lnTo>
                    <a:pt x="2799" y="891"/>
                  </a:lnTo>
                  <a:lnTo>
                    <a:pt x="2790" y="887"/>
                  </a:lnTo>
                  <a:lnTo>
                    <a:pt x="2778" y="884"/>
                  </a:lnTo>
                  <a:lnTo>
                    <a:pt x="2762" y="880"/>
                  </a:lnTo>
                  <a:lnTo>
                    <a:pt x="2742" y="877"/>
                  </a:lnTo>
                  <a:lnTo>
                    <a:pt x="2718" y="874"/>
                  </a:lnTo>
                  <a:lnTo>
                    <a:pt x="2687" y="872"/>
                  </a:lnTo>
                  <a:lnTo>
                    <a:pt x="2653" y="872"/>
                  </a:lnTo>
                  <a:close/>
                  <a:moveTo>
                    <a:pt x="1513" y="215"/>
                  </a:moveTo>
                  <a:lnTo>
                    <a:pt x="1500" y="218"/>
                  </a:lnTo>
                  <a:lnTo>
                    <a:pt x="1484" y="227"/>
                  </a:lnTo>
                  <a:lnTo>
                    <a:pt x="1466" y="241"/>
                  </a:lnTo>
                  <a:lnTo>
                    <a:pt x="1447" y="262"/>
                  </a:lnTo>
                  <a:lnTo>
                    <a:pt x="1427" y="288"/>
                  </a:lnTo>
                  <a:lnTo>
                    <a:pt x="1405" y="320"/>
                  </a:lnTo>
                  <a:lnTo>
                    <a:pt x="1383" y="358"/>
                  </a:lnTo>
                  <a:lnTo>
                    <a:pt x="1361" y="401"/>
                  </a:lnTo>
                  <a:lnTo>
                    <a:pt x="1339" y="450"/>
                  </a:lnTo>
                  <a:lnTo>
                    <a:pt x="1316" y="504"/>
                  </a:lnTo>
                  <a:lnTo>
                    <a:pt x="1294" y="564"/>
                  </a:lnTo>
                  <a:lnTo>
                    <a:pt x="1272" y="630"/>
                  </a:lnTo>
                  <a:lnTo>
                    <a:pt x="1251" y="702"/>
                  </a:lnTo>
                  <a:lnTo>
                    <a:pt x="1231" y="778"/>
                  </a:lnTo>
                  <a:lnTo>
                    <a:pt x="1213" y="860"/>
                  </a:lnTo>
                  <a:lnTo>
                    <a:pt x="1310" y="899"/>
                  </a:lnTo>
                  <a:lnTo>
                    <a:pt x="1409" y="943"/>
                  </a:lnTo>
                  <a:lnTo>
                    <a:pt x="1510" y="988"/>
                  </a:lnTo>
                  <a:lnTo>
                    <a:pt x="1612" y="939"/>
                  </a:lnTo>
                  <a:lnTo>
                    <a:pt x="1714" y="895"/>
                  </a:lnTo>
                  <a:lnTo>
                    <a:pt x="1813" y="853"/>
                  </a:lnTo>
                  <a:lnTo>
                    <a:pt x="1795" y="771"/>
                  </a:lnTo>
                  <a:lnTo>
                    <a:pt x="1775" y="695"/>
                  </a:lnTo>
                  <a:lnTo>
                    <a:pt x="1754" y="626"/>
                  </a:lnTo>
                  <a:lnTo>
                    <a:pt x="1732" y="560"/>
                  </a:lnTo>
                  <a:lnTo>
                    <a:pt x="1711" y="501"/>
                  </a:lnTo>
                  <a:lnTo>
                    <a:pt x="1688" y="447"/>
                  </a:lnTo>
                  <a:lnTo>
                    <a:pt x="1665" y="399"/>
                  </a:lnTo>
                  <a:lnTo>
                    <a:pt x="1643" y="356"/>
                  </a:lnTo>
                  <a:lnTo>
                    <a:pt x="1621" y="319"/>
                  </a:lnTo>
                  <a:lnTo>
                    <a:pt x="1600" y="287"/>
                  </a:lnTo>
                  <a:lnTo>
                    <a:pt x="1580" y="262"/>
                  </a:lnTo>
                  <a:lnTo>
                    <a:pt x="1561" y="241"/>
                  </a:lnTo>
                  <a:lnTo>
                    <a:pt x="1543" y="227"/>
                  </a:lnTo>
                  <a:lnTo>
                    <a:pt x="1528" y="218"/>
                  </a:lnTo>
                  <a:lnTo>
                    <a:pt x="1513" y="215"/>
                  </a:lnTo>
                  <a:close/>
                  <a:moveTo>
                    <a:pt x="1513" y="0"/>
                  </a:moveTo>
                  <a:lnTo>
                    <a:pt x="1554" y="4"/>
                  </a:lnTo>
                  <a:lnTo>
                    <a:pt x="1592" y="15"/>
                  </a:lnTo>
                  <a:lnTo>
                    <a:pt x="1631" y="33"/>
                  </a:lnTo>
                  <a:lnTo>
                    <a:pt x="1667" y="56"/>
                  </a:lnTo>
                  <a:lnTo>
                    <a:pt x="1703" y="88"/>
                  </a:lnTo>
                  <a:lnTo>
                    <a:pt x="1739" y="124"/>
                  </a:lnTo>
                  <a:lnTo>
                    <a:pt x="1773" y="167"/>
                  </a:lnTo>
                  <a:lnTo>
                    <a:pt x="1806" y="214"/>
                  </a:lnTo>
                  <a:lnTo>
                    <a:pt x="1837" y="268"/>
                  </a:lnTo>
                  <a:lnTo>
                    <a:pt x="1867" y="328"/>
                  </a:lnTo>
                  <a:lnTo>
                    <a:pt x="1897" y="391"/>
                  </a:lnTo>
                  <a:lnTo>
                    <a:pt x="1924" y="461"/>
                  </a:lnTo>
                  <a:lnTo>
                    <a:pt x="1950" y="533"/>
                  </a:lnTo>
                  <a:lnTo>
                    <a:pt x="1973" y="611"/>
                  </a:lnTo>
                  <a:lnTo>
                    <a:pt x="1996" y="692"/>
                  </a:lnTo>
                  <a:lnTo>
                    <a:pt x="2016" y="777"/>
                  </a:lnTo>
                  <a:lnTo>
                    <a:pt x="2097" y="751"/>
                  </a:lnTo>
                  <a:lnTo>
                    <a:pt x="2176" y="729"/>
                  </a:lnTo>
                  <a:lnTo>
                    <a:pt x="2252" y="709"/>
                  </a:lnTo>
                  <a:lnTo>
                    <a:pt x="2327" y="691"/>
                  </a:lnTo>
                  <a:lnTo>
                    <a:pt x="2397" y="677"/>
                  </a:lnTo>
                  <a:lnTo>
                    <a:pt x="2466" y="666"/>
                  </a:lnTo>
                  <a:lnTo>
                    <a:pt x="2532" y="658"/>
                  </a:lnTo>
                  <a:lnTo>
                    <a:pt x="2594" y="653"/>
                  </a:lnTo>
                  <a:lnTo>
                    <a:pt x="2653" y="652"/>
                  </a:lnTo>
                  <a:lnTo>
                    <a:pt x="2704" y="653"/>
                  </a:lnTo>
                  <a:lnTo>
                    <a:pt x="2753" y="657"/>
                  </a:lnTo>
                  <a:lnTo>
                    <a:pt x="2798" y="664"/>
                  </a:lnTo>
                  <a:lnTo>
                    <a:pt x="2839" y="675"/>
                  </a:lnTo>
                  <a:lnTo>
                    <a:pt x="2877" y="688"/>
                  </a:lnTo>
                  <a:lnTo>
                    <a:pt x="2910" y="705"/>
                  </a:lnTo>
                  <a:lnTo>
                    <a:pt x="2940" y="723"/>
                  </a:lnTo>
                  <a:lnTo>
                    <a:pt x="2965" y="746"/>
                  </a:lnTo>
                  <a:lnTo>
                    <a:pt x="2986" y="771"/>
                  </a:lnTo>
                  <a:lnTo>
                    <a:pt x="3001" y="800"/>
                  </a:lnTo>
                  <a:lnTo>
                    <a:pt x="3012" y="831"/>
                  </a:lnTo>
                  <a:lnTo>
                    <a:pt x="3018" y="866"/>
                  </a:lnTo>
                  <a:lnTo>
                    <a:pt x="3018" y="901"/>
                  </a:lnTo>
                  <a:lnTo>
                    <a:pt x="3014" y="939"/>
                  </a:lnTo>
                  <a:lnTo>
                    <a:pt x="3005" y="979"/>
                  </a:lnTo>
                  <a:lnTo>
                    <a:pt x="2992" y="1020"/>
                  </a:lnTo>
                  <a:lnTo>
                    <a:pt x="2973" y="1063"/>
                  </a:lnTo>
                  <a:lnTo>
                    <a:pt x="2950" y="1108"/>
                  </a:lnTo>
                  <a:lnTo>
                    <a:pt x="2924" y="1154"/>
                  </a:lnTo>
                  <a:lnTo>
                    <a:pt x="2893" y="1202"/>
                  </a:lnTo>
                  <a:lnTo>
                    <a:pt x="2858" y="1250"/>
                  </a:lnTo>
                  <a:lnTo>
                    <a:pt x="2818" y="1300"/>
                  </a:lnTo>
                  <a:lnTo>
                    <a:pt x="2776" y="1351"/>
                  </a:lnTo>
                  <a:lnTo>
                    <a:pt x="2728" y="1403"/>
                  </a:lnTo>
                  <a:lnTo>
                    <a:pt x="2678" y="1455"/>
                  </a:lnTo>
                  <a:lnTo>
                    <a:pt x="2624" y="1507"/>
                  </a:lnTo>
                  <a:lnTo>
                    <a:pt x="2566" y="1561"/>
                  </a:lnTo>
                  <a:lnTo>
                    <a:pt x="2506" y="1614"/>
                  </a:lnTo>
                  <a:lnTo>
                    <a:pt x="2567" y="1667"/>
                  </a:lnTo>
                  <a:lnTo>
                    <a:pt x="2625" y="1718"/>
                  </a:lnTo>
                  <a:lnTo>
                    <a:pt x="2680" y="1770"/>
                  </a:lnTo>
                  <a:lnTo>
                    <a:pt x="2731" y="1822"/>
                  </a:lnTo>
                  <a:lnTo>
                    <a:pt x="2779" y="1873"/>
                  </a:lnTo>
                  <a:lnTo>
                    <a:pt x="2822" y="1923"/>
                  </a:lnTo>
                  <a:lnTo>
                    <a:pt x="2862" y="1972"/>
                  </a:lnTo>
                  <a:lnTo>
                    <a:pt x="2898" y="2021"/>
                  </a:lnTo>
                  <a:lnTo>
                    <a:pt x="2930" y="2068"/>
                  </a:lnTo>
                  <a:lnTo>
                    <a:pt x="2958" y="2113"/>
                  </a:lnTo>
                  <a:lnTo>
                    <a:pt x="2980" y="2158"/>
                  </a:lnTo>
                  <a:lnTo>
                    <a:pt x="2999" y="2200"/>
                  </a:lnTo>
                  <a:lnTo>
                    <a:pt x="3013" y="2242"/>
                  </a:lnTo>
                  <a:lnTo>
                    <a:pt x="3022" y="2282"/>
                  </a:lnTo>
                  <a:lnTo>
                    <a:pt x="3027" y="2320"/>
                  </a:lnTo>
                  <a:lnTo>
                    <a:pt x="3027" y="2355"/>
                  </a:lnTo>
                  <a:lnTo>
                    <a:pt x="3022" y="2390"/>
                  </a:lnTo>
                  <a:lnTo>
                    <a:pt x="3012" y="2421"/>
                  </a:lnTo>
                  <a:lnTo>
                    <a:pt x="2996" y="2450"/>
                  </a:lnTo>
                  <a:lnTo>
                    <a:pt x="2974" y="2476"/>
                  </a:lnTo>
                  <a:lnTo>
                    <a:pt x="2949" y="2500"/>
                  </a:lnTo>
                  <a:lnTo>
                    <a:pt x="2919" y="2519"/>
                  </a:lnTo>
                  <a:lnTo>
                    <a:pt x="2884" y="2536"/>
                  </a:lnTo>
                  <a:lnTo>
                    <a:pt x="2845" y="2550"/>
                  </a:lnTo>
                  <a:lnTo>
                    <a:pt x="2803" y="2560"/>
                  </a:lnTo>
                  <a:lnTo>
                    <a:pt x="2756" y="2568"/>
                  </a:lnTo>
                  <a:lnTo>
                    <a:pt x="2705" y="2572"/>
                  </a:lnTo>
                  <a:lnTo>
                    <a:pt x="2651" y="2573"/>
                  </a:lnTo>
                  <a:lnTo>
                    <a:pt x="2593" y="2572"/>
                  </a:lnTo>
                  <a:lnTo>
                    <a:pt x="2530" y="2567"/>
                  </a:lnTo>
                  <a:lnTo>
                    <a:pt x="2465" y="2560"/>
                  </a:lnTo>
                  <a:lnTo>
                    <a:pt x="2397" y="2550"/>
                  </a:lnTo>
                  <a:lnTo>
                    <a:pt x="2326" y="2536"/>
                  </a:lnTo>
                  <a:lnTo>
                    <a:pt x="2253" y="2519"/>
                  </a:lnTo>
                  <a:lnTo>
                    <a:pt x="2177" y="2500"/>
                  </a:lnTo>
                  <a:lnTo>
                    <a:pt x="2099" y="2478"/>
                  </a:lnTo>
                  <a:lnTo>
                    <a:pt x="2018" y="2453"/>
                  </a:lnTo>
                  <a:lnTo>
                    <a:pt x="1998" y="2539"/>
                  </a:lnTo>
                  <a:lnTo>
                    <a:pt x="1977" y="2622"/>
                  </a:lnTo>
                  <a:lnTo>
                    <a:pt x="1952" y="2700"/>
                  </a:lnTo>
                  <a:lnTo>
                    <a:pt x="1927" y="2774"/>
                  </a:lnTo>
                  <a:lnTo>
                    <a:pt x="1899" y="2843"/>
                  </a:lnTo>
                  <a:lnTo>
                    <a:pt x="1870" y="2909"/>
                  </a:lnTo>
                  <a:lnTo>
                    <a:pt x="1839" y="2968"/>
                  </a:lnTo>
                  <a:lnTo>
                    <a:pt x="1808" y="3022"/>
                  </a:lnTo>
                  <a:lnTo>
                    <a:pt x="1775" y="3071"/>
                  </a:lnTo>
                  <a:lnTo>
                    <a:pt x="1741" y="3115"/>
                  </a:lnTo>
                  <a:lnTo>
                    <a:pt x="1705" y="3151"/>
                  </a:lnTo>
                  <a:lnTo>
                    <a:pt x="1668" y="3182"/>
                  </a:lnTo>
                  <a:lnTo>
                    <a:pt x="1631" y="3207"/>
                  </a:lnTo>
                  <a:lnTo>
                    <a:pt x="1592" y="3225"/>
                  </a:lnTo>
                  <a:lnTo>
                    <a:pt x="1554" y="3235"/>
                  </a:lnTo>
                  <a:lnTo>
                    <a:pt x="1513" y="3239"/>
                  </a:lnTo>
                  <a:lnTo>
                    <a:pt x="1474" y="3235"/>
                  </a:lnTo>
                  <a:lnTo>
                    <a:pt x="1435" y="3225"/>
                  </a:lnTo>
                  <a:lnTo>
                    <a:pt x="1397" y="3207"/>
                  </a:lnTo>
                  <a:lnTo>
                    <a:pt x="1359" y="3183"/>
                  </a:lnTo>
                  <a:lnTo>
                    <a:pt x="1323" y="3152"/>
                  </a:lnTo>
                  <a:lnTo>
                    <a:pt x="1288" y="3116"/>
                  </a:lnTo>
                  <a:lnTo>
                    <a:pt x="1253" y="3073"/>
                  </a:lnTo>
                  <a:lnTo>
                    <a:pt x="1221" y="3025"/>
                  </a:lnTo>
                  <a:lnTo>
                    <a:pt x="1189" y="2971"/>
                  </a:lnTo>
                  <a:lnTo>
                    <a:pt x="1159" y="2912"/>
                  </a:lnTo>
                  <a:lnTo>
                    <a:pt x="1130" y="2849"/>
                  </a:lnTo>
                  <a:lnTo>
                    <a:pt x="1103" y="2780"/>
                  </a:lnTo>
                  <a:lnTo>
                    <a:pt x="1077" y="2706"/>
                  </a:lnTo>
                  <a:lnTo>
                    <a:pt x="1053" y="2629"/>
                  </a:lnTo>
                  <a:lnTo>
                    <a:pt x="1031" y="2547"/>
                  </a:lnTo>
                  <a:lnTo>
                    <a:pt x="1010" y="2462"/>
                  </a:lnTo>
                  <a:lnTo>
                    <a:pt x="930" y="2488"/>
                  </a:lnTo>
                  <a:lnTo>
                    <a:pt x="851" y="2511"/>
                  </a:lnTo>
                  <a:lnTo>
                    <a:pt x="774" y="2532"/>
                  </a:lnTo>
                  <a:lnTo>
                    <a:pt x="700" y="2548"/>
                  </a:lnTo>
                  <a:lnTo>
                    <a:pt x="629" y="2563"/>
                  </a:lnTo>
                  <a:lnTo>
                    <a:pt x="560" y="2573"/>
                  </a:lnTo>
                  <a:lnTo>
                    <a:pt x="496" y="2582"/>
                  </a:lnTo>
                  <a:lnTo>
                    <a:pt x="433" y="2587"/>
                  </a:lnTo>
                  <a:lnTo>
                    <a:pt x="374" y="2588"/>
                  </a:lnTo>
                  <a:lnTo>
                    <a:pt x="322" y="2587"/>
                  </a:lnTo>
                  <a:lnTo>
                    <a:pt x="274" y="2583"/>
                  </a:lnTo>
                  <a:lnTo>
                    <a:pt x="229" y="2575"/>
                  </a:lnTo>
                  <a:lnTo>
                    <a:pt x="188" y="2565"/>
                  </a:lnTo>
                  <a:lnTo>
                    <a:pt x="151" y="2552"/>
                  </a:lnTo>
                  <a:lnTo>
                    <a:pt x="116" y="2536"/>
                  </a:lnTo>
                  <a:lnTo>
                    <a:pt x="87" y="2516"/>
                  </a:lnTo>
                  <a:lnTo>
                    <a:pt x="62" y="2493"/>
                  </a:lnTo>
                  <a:lnTo>
                    <a:pt x="42" y="2468"/>
                  </a:lnTo>
                  <a:lnTo>
                    <a:pt x="26" y="2439"/>
                  </a:lnTo>
                  <a:lnTo>
                    <a:pt x="16" y="2408"/>
                  </a:lnTo>
                  <a:lnTo>
                    <a:pt x="9" y="2374"/>
                  </a:lnTo>
                  <a:lnTo>
                    <a:pt x="8" y="2339"/>
                  </a:lnTo>
                  <a:lnTo>
                    <a:pt x="12" y="2301"/>
                  </a:lnTo>
                  <a:lnTo>
                    <a:pt x="22" y="2261"/>
                  </a:lnTo>
                  <a:lnTo>
                    <a:pt x="35" y="2219"/>
                  </a:lnTo>
                  <a:lnTo>
                    <a:pt x="53" y="2177"/>
                  </a:lnTo>
                  <a:lnTo>
                    <a:pt x="76" y="2132"/>
                  </a:lnTo>
                  <a:lnTo>
                    <a:pt x="103" y="2085"/>
                  </a:lnTo>
                  <a:lnTo>
                    <a:pt x="134" y="2037"/>
                  </a:lnTo>
                  <a:lnTo>
                    <a:pt x="169" y="1990"/>
                  </a:lnTo>
                  <a:lnTo>
                    <a:pt x="208" y="1940"/>
                  </a:lnTo>
                  <a:lnTo>
                    <a:pt x="251" y="1889"/>
                  </a:lnTo>
                  <a:lnTo>
                    <a:pt x="298" y="1837"/>
                  </a:lnTo>
                  <a:lnTo>
                    <a:pt x="349" y="1785"/>
                  </a:lnTo>
                  <a:lnTo>
                    <a:pt x="403" y="1733"/>
                  </a:lnTo>
                  <a:lnTo>
                    <a:pt x="460" y="1679"/>
                  </a:lnTo>
                  <a:lnTo>
                    <a:pt x="522" y="1626"/>
                  </a:lnTo>
                  <a:lnTo>
                    <a:pt x="459" y="1573"/>
                  </a:lnTo>
                  <a:lnTo>
                    <a:pt x="401" y="1521"/>
                  </a:lnTo>
                  <a:lnTo>
                    <a:pt x="347" y="1469"/>
                  </a:lnTo>
                  <a:lnTo>
                    <a:pt x="296" y="1417"/>
                  </a:lnTo>
                  <a:lnTo>
                    <a:pt x="248" y="1366"/>
                  </a:lnTo>
                  <a:lnTo>
                    <a:pt x="205" y="1316"/>
                  </a:lnTo>
                  <a:lnTo>
                    <a:pt x="164" y="1268"/>
                  </a:lnTo>
                  <a:lnTo>
                    <a:pt x="129" y="1219"/>
                  </a:lnTo>
                  <a:lnTo>
                    <a:pt x="98" y="1172"/>
                  </a:lnTo>
                  <a:lnTo>
                    <a:pt x="70" y="1126"/>
                  </a:lnTo>
                  <a:lnTo>
                    <a:pt x="47" y="1082"/>
                  </a:lnTo>
                  <a:lnTo>
                    <a:pt x="28" y="1039"/>
                  </a:lnTo>
                  <a:lnTo>
                    <a:pt x="14" y="998"/>
                  </a:lnTo>
                  <a:lnTo>
                    <a:pt x="4" y="958"/>
                  </a:lnTo>
                  <a:lnTo>
                    <a:pt x="0" y="921"/>
                  </a:lnTo>
                  <a:lnTo>
                    <a:pt x="0" y="884"/>
                  </a:lnTo>
                  <a:lnTo>
                    <a:pt x="5" y="851"/>
                  </a:lnTo>
                  <a:lnTo>
                    <a:pt x="16" y="819"/>
                  </a:lnTo>
                  <a:lnTo>
                    <a:pt x="31" y="790"/>
                  </a:lnTo>
                  <a:lnTo>
                    <a:pt x="52" y="764"/>
                  </a:lnTo>
                  <a:lnTo>
                    <a:pt x="78" y="741"/>
                  </a:lnTo>
                  <a:lnTo>
                    <a:pt x="108" y="720"/>
                  </a:lnTo>
                  <a:lnTo>
                    <a:pt x="142" y="704"/>
                  </a:lnTo>
                  <a:lnTo>
                    <a:pt x="182" y="690"/>
                  </a:lnTo>
                  <a:lnTo>
                    <a:pt x="224" y="680"/>
                  </a:lnTo>
                  <a:lnTo>
                    <a:pt x="271" y="671"/>
                  </a:lnTo>
                  <a:lnTo>
                    <a:pt x="321" y="667"/>
                  </a:lnTo>
                  <a:lnTo>
                    <a:pt x="375" y="666"/>
                  </a:lnTo>
                  <a:lnTo>
                    <a:pt x="434" y="667"/>
                  </a:lnTo>
                  <a:lnTo>
                    <a:pt x="496" y="672"/>
                  </a:lnTo>
                  <a:lnTo>
                    <a:pt x="561" y="680"/>
                  </a:lnTo>
                  <a:lnTo>
                    <a:pt x="630" y="690"/>
                  </a:lnTo>
                  <a:lnTo>
                    <a:pt x="700" y="704"/>
                  </a:lnTo>
                  <a:lnTo>
                    <a:pt x="774" y="720"/>
                  </a:lnTo>
                  <a:lnTo>
                    <a:pt x="850" y="740"/>
                  </a:lnTo>
                  <a:lnTo>
                    <a:pt x="928" y="763"/>
                  </a:lnTo>
                  <a:lnTo>
                    <a:pt x="1008" y="788"/>
                  </a:lnTo>
                  <a:lnTo>
                    <a:pt x="1029" y="700"/>
                  </a:lnTo>
                  <a:lnTo>
                    <a:pt x="1051" y="618"/>
                  </a:lnTo>
                  <a:lnTo>
                    <a:pt x="1075" y="539"/>
                  </a:lnTo>
                  <a:lnTo>
                    <a:pt x="1101" y="466"/>
                  </a:lnTo>
                  <a:lnTo>
                    <a:pt x="1128" y="396"/>
                  </a:lnTo>
                  <a:lnTo>
                    <a:pt x="1157" y="332"/>
                  </a:lnTo>
                  <a:lnTo>
                    <a:pt x="1187" y="271"/>
                  </a:lnTo>
                  <a:lnTo>
                    <a:pt x="1219" y="217"/>
                  </a:lnTo>
                  <a:lnTo>
                    <a:pt x="1252" y="169"/>
                  </a:lnTo>
                  <a:lnTo>
                    <a:pt x="1287" y="125"/>
                  </a:lnTo>
                  <a:lnTo>
                    <a:pt x="1322" y="89"/>
                  </a:lnTo>
                  <a:lnTo>
                    <a:pt x="1358" y="57"/>
                  </a:lnTo>
                  <a:lnTo>
                    <a:pt x="1396" y="33"/>
                  </a:lnTo>
                  <a:lnTo>
                    <a:pt x="1434" y="15"/>
                  </a:lnTo>
                  <a:lnTo>
                    <a:pt x="1474" y="4"/>
                  </a:lnTo>
                  <a:lnTo>
                    <a:pt x="151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32" name="Freeform 18"/>
            <p:cNvSpPr>
              <a:spLocks/>
            </p:cNvSpPr>
            <p:nvPr/>
          </p:nvSpPr>
          <p:spPr bwMode="auto">
            <a:xfrm>
              <a:off x="3111" y="2725"/>
              <a:ext cx="105" cy="105"/>
            </a:xfrm>
            <a:custGeom>
              <a:avLst/>
              <a:gdLst>
                <a:gd name="T0" fmla="*/ 210 w 421"/>
                <a:gd name="T1" fmla="*/ 0 h 420"/>
                <a:gd name="T2" fmla="*/ 244 w 421"/>
                <a:gd name="T3" fmla="*/ 4 h 420"/>
                <a:gd name="T4" fmla="*/ 277 w 421"/>
                <a:gd name="T5" fmla="*/ 11 h 420"/>
                <a:gd name="T6" fmla="*/ 307 w 421"/>
                <a:gd name="T7" fmla="*/ 23 h 420"/>
                <a:gd name="T8" fmla="*/ 335 w 421"/>
                <a:gd name="T9" fmla="*/ 41 h 420"/>
                <a:gd name="T10" fmla="*/ 360 w 421"/>
                <a:gd name="T11" fmla="*/ 62 h 420"/>
                <a:gd name="T12" fmla="*/ 381 w 421"/>
                <a:gd name="T13" fmla="*/ 87 h 420"/>
                <a:gd name="T14" fmla="*/ 397 w 421"/>
                <a:gd name="T15" fmla="*/ 114 h 420"/>
                <a:gd name="T16" fmla="*/ 411 w 421"/>
                <a:gd name="T17" fmla="*/ 144 h 420"/>
                <a:gd name="T18" fmla="*/ 418 w 421"/>
                <a:gd name="T19" fmla="*/ 176 h 420"/>
                <a:gd name="T20" fmla="*/ 421 w 421"/>
                <a:gd name="T21" fmla="*/ 210 h 420"/>
                <a:gd name="T22" fmla="*/ 418 w 421"/>
                <a:gd name="T23" fmla="*/ 245 h 420"/>
                <a:gd name="T24" fmla="*/ 411 w 421"/>
                <a:gd name="T25" fmla="*/ 277 h 420"/>
                <a:gd name="T26" fmla="*/ 397 w 421"/>
                <a:gd name="T27" fmla="*/ 307 h 420"/>
                <a:gd name="T28" fmla="*/ 381 w 421"/>
                <a:gd name="T29" fmla="*/ 334 h 420"/>
                <a:gd name="T30" fmla="*/ 360 w 421"/>
                <a:gd name="T31" fmla="*/ 359 h 420"/>
                <a:gd name="T32" fmla="*/ 335 w 421"/>
                <a:gd name="T33" fmla="*/ 380 h 420"/>
                <a:gd name="T34" fmla="*/ 307 w 421"/>
                <a:gd name="T35" fmla="*/ 397 h 420"/>
                <a:gd name="T36" fmla="*/ 277 w 421"/>
                <a:gd name="T37" fmla="*/ 410 h 420"/>
                <a:gd name="T38" fmla="*/ 244 w 421"/>
                <a:gd name="T39" fmla="*/ 418 h 420"/>
                <a:gd name="T40" fmla="*/ 210 w 421"/>
                <a:gd name="T41" fmla="*/ 420 h 420"/>
                <a:gd name="T42" fmla="*/ 177 w 421"/>
                <a:gd name="T43" fmla="*/ 418 h 420"/>
                <a:gd name="T44" fmla="*/ 145 w 421"/>
                <a:gd name="T45" fmla="*/ 410 h 420"/>
                <a:gd name="T46" fmla="*/ 113 w 421"/>
                <a:gd name="T47" fmla="*/ 397 h 420"/>
                <a:gd name="T48" fmla="*/ 86 w 421"/>
                <a:gd name="T49" fmla="*/ 380 h 420"/>
                <a:gd name="T50" fmla="*/ 61 w 421"/>
                <a:gd name="T51" fmla="*/ 359 h 420"/>
                <a:gd name="T52" fmla="*/ 41 w 421"/>
                <a:gd name="T53" fmla="*/ 334 h 420"/>
                <a:gd name="T54" fmla="*/ 24 w 421"/>
                <a:gd name="T55" fmla="*/ 307 h 420"/>
                <a:gd name="T56" fmla="*/ 11 w 421"/>
                <a:gd name="T57" fmla="*/ 277 h 420"/>
                <a:gd name="T58" fmla="*/ 3 w 421"/>
                <a:gd name="T59" fmla="*/ 245 h 420"/>
                <a:gd name="T60" fmla="*/ 0 w 421"/>
                <a:gd name="T61" fmla="*/ 210 h 420"/>
                <a:gd name="T62" fmla="*/ 3 w 421"/>
                <a:gd name="T63" fmla="*/ 176 h 420"/>
                <a:gd name="T64" fmla="*/ 11 w 421"/>
                <a:gd name="T65" fmla="*/ 144 h 420"/>
                <a:gd name="T66" fmla="*/ 24 w 421"/>
                <a:gd name="T67" fmla="*/ 114 h 420"/>
                <a:gd name="T68" fmla="*/ 41 w 421"/>
                <a:gd name="T69" fmla="*/ 87 h 420"/>
                <a:gd name="T70" fmla="*/ 61 w 421"/>
                <a:gd name="T71" fmla="*/ 62 h 420"/>
                <a:gd name="T72" fmla="*/ 86 w 421"/>
                <a:gd name="T73" fmla="*/ 41 h 420"/>
                <a:gd name="T74" fmla="*/ 113 w 421"/>
                <a:gd name="T75" fmla="*/ 23 h 420"/>
                <a:gd name="T76" fmla="*/ 145 w 421"/>
                <a:gd name="T77" fmla="*/ 11 h 420"/>
                <a:gd name="T78" fmla="*/ 177 w 421"/>
                <a:gd name="T79" fmla="*/ 4 h 420"/>
                <a:gd name="T80" fmla="*/ 210 w 421"/>
                <a:gd name="T81" fmla="*/ 0 h 4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21" h="420">
                  <a:moveTo>
                    <a:pt x="210" y="0"/>
                  </a:moveTo>
                  <a:lnTo>
                    <a:pt x="244" y="4"/>
                  </a:lnTo>
                  <a:lnTo>
                    <a:pt x="277" y="11"/>
                  </a:lnTo>
                  <a:lnTo>
                    <a:pt x="307" y="23"/>
                  </a:lnTo>
                  <a:lnTo>
                    <a:pt x="335" y="41"/>
                  </a:lnTo>
                  <a:lnTo>
                    <a:pt x="360" y="62"/>
                  </a:lnTo>
                  <a:lnTo>
                    <a:pt x="381" y="87"/>
                  </a:lnTo>
                  <a:lnTo>
                    <a:pt x="397" y="114"/>
                  </a:lnTo>
                  <a:lnTo>
                    <a:pt x="411" y="144"/>
                  </a:lnTo>
                  <a:lnTo>
                    <a:pt x="418" y="176"/>
                  </a:lnTo>
                  <a:lnTo>
                    <a:pt x="421" y="210"/>
                  </a:lnTo>
                  <a:lnTo>
                    <a:pt x="418" y="245"/>
                  </a:lnTo>
                  <a:lnTo>
                    <a:pt x="411" y="277"/>
                  </a:lnTo>
                  <a:lnTo>
                    <a:pt x="397" y="307"/>
                  </a:lnTo>
                  <a:lnTo>
                    <a:pt x="381" y="334"/>
                  </a:lnTo>
                  <a:lnTo>
                    <a:pt x="360" y="359"/>
                  </a:lnTo>
                  <a:lnTo>
                    <a:pt x="335" y="380"/>
                  </a:lnTo>
                  <a:lnTo>
                    <a:pt x="307" y="397"/>
                  </a:lnTo>
                  <a:lnTo>
                    <a:pt x="277" y="410"/>
                  </a:lnTo>
                  <a:lnTo>
                    <a:pt x="244" y="418"/>
                  </a:lnTo>
                  <a:lnTo>
                    <a:pt x="210" y="420"/>
                  </a:lnTo>
                  <a:lnTo>
                    <a:pt x="177" y="418"/>
                  </a:lnTo>
                  <a:lnTo>
                    <a:pt x="145" y="410"/>
                  </a:lnTo>
                  <a:lnTo>
                    <a:pt x="113" y="397"/>
                  </a:lnTo>
                  <a:lnTo>
                    <a:pt x="86" y="380"/>
                  </a:lnTo>
                  <a:lnTo>
                    <a:pt x="61" y="359"/>
                  </a:lnTo>
                  <a:lnTo>
                    <a:pt x="41" y="334"/>
                  </a:lnTo>
                  <a:lnTo>
                    <a:pt x="24" y="307"/>
                  </a:lnTo>
                  <a:lnTo>
                    <a:pt x="11" y="277"/>
                  </a:lnTo>
                  <a:lnTo>
                    <a:pt x="3" y="245"/>
                  </a:lnTo>
                  <a:lnTo>
                    <a:pt x="0" y="210"/>
                  </a:lnTo>
                  <a:lnTo>
                    <a:pt x="3" y="176"/>
                  </a:lnTo>
                  <a:lnTo>
                    <a:pt x="11" y="144"/>
                  </a:lnTo>
                  <a:lnTo>
                    <a:pt x="24" y="114"/>
                  </a:lnTo>
                  <a:lnTo>
                    <a:pt x="41" y="87"/>
                  </a:lnTo>
                  <a:lnTo>
                    <a:pt x="61" y="62"/>
                  </a:lnTo>
                  <a:lnTo>
                    <a:pt x="86" y="41"/>
                  </a:lnTo>
                  <a:lnTo>
                    <a:pt x="113" y="23"/>
                  </a:lnTo>
                  <a:lnTo>
                    <a:pt x="145" y="11"/>
                  </a:lnTo>
                  <a:lnTo>
                    <a:pt x="177" y="4"/>
                  </a:lnTo>
                  <a:lnTo>
                    <a:pt x="21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grpSp>
        <p:nvGrpSpPr>
          <p:cNvPr id="34" name="Group 21"/>
          <p:cNvGrpSpPr>
            <a:grpSpLocks noChangeAspect="1"/>
          </p:cNvGrpSpPr>
          <p:nvPr/>
        </p:nvGrpSpPr>
        <p:grpSpPr bwMode="auto">
          <a:xfrm>
            <a:off x="6564654" y="3990917"/>
            <a:ext cx="915988" cy="915988"/>
            <a:chOff x="4082" y="2554"/>
            <a:chExt cx="577" cy="577"/>
          </a:xfrm>
          <a:solidFill>
            <a:schemeClr val="bg1"/>
          </a:solidFill>
        </p:grpSpPr>
        <p:sp>
          <p:nvSpPr>
            <p:cNvPr id="37" name="Freeform 23"/>
            <p:cNvSpPr>
              <a:spLocks noEditPoints="1"/>
            </p:cNvSpPr>
            <p:nvPr/>
          </p:nvSpPr>
          <p:spPr bwMode="auto">
            <a:xfrm>
              <a:off x="4310" y="2591"/>
              <a:ext cx="284" cy="289"/>
            </a:xfrm>
            <a:custGeom>
              <a:avLst/>
              <a:gdLst>
                <a:gd name="T0" fmla="*/ 936 w 1705"/>
                <a:gd name="T1" fmla="*/ 308 h 1731"/>
                <a:gd name="T2" fmla="*/ 922 w 1705"/>
                <a:gd name="T3" fmla="*/ 311 h 1731"/>
                <a:gd name="T4" fmla="*/ 907 w 1705"/>
                <a:gd name="T5" fmla="*/ 318 h 1731"/>
                <a:gd name="T6" fmla="*/ 896 w 1705"/>
                <a:gd name="T7" fmla="*/ 328 h 1731"/>
                <a:gd name="T8" fmla="*/ 375 w 1705"/>
                <a:gd name="T9" fmla="*/ 912 h 1731"/>
                <a:gd name="T10" fmla="*/ 366 w 1705"/>
                <a:gd name="T11" fmla="*/ 926 h 1731"/>
                <a:gd name="T12" fmla="*/ 361 w 1705"/>
                <a:gd name="T13" fmla="*/ 940 h 1731"/>
                <a:gd name="T14" fmla="*/ 360 w 1705"/>
                <a:gd name="T15" fmla="*/ 956 h 1731"/>
                <a:gd name="T16" fmla="*/ 363 w 1705"/>
                <a:gd name="T17" fmla="*/ 970 h 1731"/>
                <a:gd name="T18" fmla="*/ 370 w 1705"/>
                <a:gd name="T19" fmla="*/ 985 h 1731"/>
                <a:gd name="T20" fmla="*/ 380 w 1705"/>
                <a:gd name="T21" fmla="*/ 997 h 1731"/>
                <a:gd name="T22" fmla="*/ 419 w 1705"/>
                <a:gd name="T23" fmla="*/ 1030 h 1731"/>
                <a:gd name="T24" fmla="*/ 432 w 1705"/>
                <a:gd name="T25" fmla="*/ 1039 h 1731"/>
                <a:gd name="T26" fmla="*/ 447 w 1705"/>
                <a:gd name="T27" fmla="*/ 1044 h 1731"/>
                <a:gd name="T28" fmla="*/ 463 w 1705"/>
                <a:gd name="T29" fmla="*/ 1046 h 1731"/>
                <a:gd name="T30" fmla="*/ 478 w 1705"/>
                <a:gd name="T31" fmla="*/ 1042 h 1731"/>
                <a:gd name="T32" fmla="*/ 492 w 1705"/>
                <a:gd name="T33" fmla="*/ 1036 h 1731"/>
                <a:gd name="T34" fmla="*/ 504 w 1705"/>
                <a:gd name="T35" fmla="*/ 1026 h 1731"/>
                <a:gd name="T36" fmla="*/ 1025 w 1705"/>
                <a:gd name="T37" fmla="*/ 441 h 1731"/>
                <a:gd name="T38" fmla="*/ 1034 w 1705"/>
                <a:gd name="T39" fmla="*/ 428 h 1731"/>
                <a:gd name="T40" fmla="*/ 1038 w 1705"/>
                <a:gd name="T41" fmla="*/ 413 h 1731"/>
                <a:gd name="T42" fmla="*/ 1039 w 1705"/>
                <a:gd name="T43" fmla="*/ 398 h 1731"/>
                <a:gd name="T44" fmla="*/ 1036 w 1705"/>
                <a:gd name="T45" fmla="*/ 382 h 1731"/>
                <a:gd name="T46" fmla="*/ 1029 w 1705"/>
                <a:gd name="T47" fmla="*/ 369 h 1731"/>
                <a:gd name="T48" fmla="*/ 1019 w 1705"/>
                <a:gd name="T49" fmla="*/ 357 h 1731"/>
                <a:gd name="T50" fmla="*/ 980 w 1705"/>
                <a:gd name="T51" fmla="*/ 322 h 1731"/>
                <a:gd name="T52" fmla="*/ 968 w 1705"/>
                <a:gd name="T53" fmla="*/ 315 h 1731"/>
                <a:gd name="T54" fmla="*/ 953 w 1705"/>
                <a:gd name="T55" fmla="*/ 309 h 1731"/>
                <a:gd name="T56" fmla="*/ 936 w 1705"/>
                <a:gd name="T57" fmla="*/ 308 h 1731"/>
                <a:gd name="T58" fmla="*/ 981 w 1705"/>
                <a:gd name="T59" fmla="*/ 0 h 1731"/>
                <a:gd name="T60" fmla="*/ 1705 w 1705"/>
                <a:gd name="T61" fmla="*/ 632 h 1731"/>
                <a:gd name="T62" fmla="*/ 724 w 1705"/>
                <a:gd name="T63" fmla="*/ 1731 h 1731"/>
                <a:gd name="T64" fmla="*/ 0 w 1705"/>
                <a:gd name="T65" fmla="*/ 1100 h 1731"/>
                <a:gd name="T66" fmla="*/ 981 w 1705"/>
                <a:gd name="T67" fmla="*/ 0 h 17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705" h="1731">
                  <a:moveTo>
                    <a:pt x="936" y="308"/>
                  </a:moveTo>
                  <a:lnTo>
                    <a:pt x="922" y="311"/>
                  </a:lnTo>
                  <a:lnTo>
                    <a:pt x="907" y="318"/>
                  </a:lnTo>
                  <a:lnTo>
                    <a:pt x="896" y="328"/>
                  </a:lnTo>
                  <a:lnTo>
                    <a:pt x="375" y="912"/>
                  </a:lnTo>
                  <a:lnTo>
                    <a:pt x="366" y="926"/>
                  </a:lnTo>
                  <a:lnTo>
                    <a:pt x="361" y="940"/>
                  </a:lnTo>
                  <a:lnTo>
                    <a:pt x="360" y="956"/>
                  </a:lnTo>
                  <a:lnTo>
                    <a:pt x="363" y="970"/>
                  </a:lnTo>
                  <a:lnTo>
                    <a:pt x="370" y="985"/>
                  </a:lnTo>
                  <a:lnTo>
                    <a:pt x="380" y="997"/>
                  </a:lnTo>
                  <a:lnTo>
                    <a:pt x="419" y="1030"/>
                  </a:lnTo>
                  <a:lnTo>
                    <a:pt x="432" y="1039"/>
                  </a:lnTo>
                  <a:lnTo>
                    <a:pt x="447" y="1044"/>
                  </a:lnTo>
                  <a:lnTo>
                    <a:pt x="463" y="1046"/>
                  </a:lnTo>
                  <a:lnTo>
                    <a:pt x="478" y="1042"/>
                  </a:lnTo>
                  <a:lnTo>
                    <a:pt x="492" y="1036"/>
                  </a:lnTo>
                  <a:lnTo>
                    <a:pt x="504" y="1026"/>
                  </a:lnTo>
                  <a:lnTo>
                    <a:pt x="1025" y="441"/>
                  </a:lnTo>
                  <a:lnTo>
                    <a:pt x="1034" y="428"/>
                  </a:lnTo>
                  <a:lnTo>
                    <a:pt x="1038" y="413"/>
                  </a:lnTo>
                  <a:lnTo>
                    <a:pt x="1039" y="398"/>
                  </a:lnTo>
                  <a:lnTo>
                    <a:pt x="1036" y="382"/>
                  </a:lnTo>
                  <a:lnTo>
                    <a:pt x="1029" y="369"/>
                  </a:lnTo>
                  <a:lnTo>
                    <a:pt x="1019" y="357"/>
                  </a:lnTo>
                  <a:lnTo>
                    <a:pt x="980" y="322"/>
                  </a:lnTo>
                  <a:lnTo>
                    <a:pt x="968" y="315"/>
                  </a:lnTo>
                  <a:lnTo>
                    <a:pt x="953" y="309"/>
                  </a:lnTo>
                  <a:lnTo>
                    <a:pt x="936" y="308"/>
                  </a:lnTo>
                  <a:close/>
                  <a:moveTo>
                    <a:pt x="981" y="0"/>
                  </a:moveTo>
                  <a:lnTo>
                    <a:pt x="1705" y="632"/>
                  </a:lnTo>
                  <a:lnTo>
                    <a:pt x="724" y="1731"/>
                  </a:lnTo>
                  <a:lnTo>
                    <a:pt x="0" y="1100"/>
                  </a:lnTo>
                  <a:lnTo>
                    <a:pt x="98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38" name="Freeform 24"/>
            <p:cNvSpPr>
              <a:spLocks noEditPoints="1"/>
            </p:cNvSpPr>
            <p:nvPr/>
          </p:nvSpPr>
          <p:spPr bwMode="auto">
            <a:xfrm>
              <a:off x="4082" y="2994"/>
              <a:ext cx="136" cy="137"/>
            </a:xfrm>
            <a:custGeom>
              <a:avLst/>
              <a:gdLst>
                <a:gd name="T0" fmla="*/ 268 w 816"/>
                <a:gd name="T1" fmla="*/ 241 h 825"/>
                <a:gd name="T2" fmla="*/ 180 w 816"/>
                <a:gd name="T3" fmla="*/ 562 h 825"/>
                <a:gd name="T4" fmla="*/ 179 w 816"/>
                <a:gd name="T5" fmla="*/ 577 h 825"/>
                <a:gd name="T6" fmla="*/ 181 w 816"/>
                <a:gd name="T7" fmla="*/ 592 h 825"/>
                <a:gd name="T8" fmla="*/ 187 w 816"/>
                <a:gd name="T9" fmla="*/ 605 h 825"/>
                <a:gd name="T10" fmla="*/ 197 w 816"/>
                <a:gd name="T11" fmla="*/ 616 h 825"/>
                <a:gd name="T12" fmla="*/ 210 w 816"/>
                <a:gd name="T13" fmla="*/ 624 h 825"/>
                <a:gd name="T14" fmla="*/ 224 w 816"/>
                <a:gd name="T15" fmla="*/ 629 h 825"/>
                <a:gd name="T16" fmla="*/ 238 w 816"/>
                <a:gd name="T17" fmla="*/ 629 h 825"/>
                <a:gd name="T18" fmla="*/ 253 w 816"/>
                <a:gd name="T19" fmla="*/ 625 h 825"/>
                <a:gd name="T20" fmla="*/ 564 w 816"/>
                <a:gd name="T21" fmla="*/ 501 h 825"/>
                <a:gd name="T22" fmla="*/ 268 w 816"/>
                <a:gd name="T23" fmla="*/ 241 h 825"/>
                <a:gd name="T24" fmla="*/ 193 w 816"/>
                <a:gd name="T25" fmla="*/ 0 h 825"/>
                <a:gd name="T26" fmla="*/ 816 w 816"/>
                <a:gd name="T27" fmla="*/ 543 h 825"/>
                <a:gd name="T28" fmla="*/ 134 w 816"/>
                <a:gd name="T29" fmla="*/ 817 h 825"/>
                <a:gd name="T30" fmla="*/ 113 w 816"/>
                <a:gd name="T31" fmla="*/ 824 h 825"/>
                <a:gd name="T32" fmla="*/ 92 w 816"/>
                <a:gd name="T33" fmla="*/ 825 h 825"/>
                <a:gd name="T34" fmla="*/ 70 w 816"/>
                <a:gd name="T35" fmla="*/ 820 h 825"/>
                <a:gd name="T36" fmla="*/ 51 w 816"/>
                <a:gd name="T37" fmla="*/ 812 h 825"/>
                <a:gd name="T38" fmla="*/ 33 w 816"/>
                <a:gd name="T39" fmla="*/ 800 h 825"/>
                <a:gd name="T40" fmla="*/ 19 w 816"/>
                <a:gd name="T41" fmla="*/ 785 h 825"/>
                <a:gd name="T42" fmla="*/ 8 w 816"/>
                <a:gd name="T43" fmla="*/ 766 h 825"/>
                <a:gd name="T44" fmla="*/ 2 w 816"/>
                <a:gd name="T45" fmla="*/ 746 h 825"/>
                <a:gd name="T46" fmla="*/ 0 w 816"/>
                <a:gd name="T47" fmla="*/ 725 h 825"/>
                <a:gd name="T48" fmla="*/ 0 w 816"/>
                <a:gd name="T49" fmla="*/ 724 h 825"/>
                <a:gd name="T50" fmla="*/ 3 w 816"/>
                <a:gd name="T51" fmla="*/ 703 h 825"/>
                <a:gd name="T52" fmla="*/ 193 w 816"/>
                <a:gd name="T53" fmla="*/ 0 h 8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16" h="825">
                  <a:moveTo>
                    <a:pt x="268" y="241"/>
                  </a:moveTo>
                  <a:lnTo>
                    <a:pt x="180" y="562"/>
                  </a:lnTo>
                  <a:lnTo>
                    <a:pt x="179" y="577"/>
                  </a:lnTo>
                  <a:lnTo>
                    <a:pt x="181" y="592"/>
                  </a:lnTo>
                  <a:lnTo>
                    <a:pt x="187" y="605"/>
                  </a:lnTo>
                  <a:lnTo>
                    <a:pt x="197" y="616"/>
                  </a:lnTo>
                  <a:lnTo>
                    <a:pt x="210" y="624"/>
                  </a:lnTo>
                  <a:lnTo>
                    <a:pt x="224" y="629"/>
                  </a:lnTo>
                  <a:lnTo>
                    <a:pt x="238" y="629"/>
                  </a:lnTo>
                  <a:lnTo>
                    <a:pt x="253" y="625"/>
                  </a:lnTo>
                  <a:lnTo>
                    <a:pt x="564" y="501"/>
                  </a:lnTo>
                  <a:lnTo>
                    <a:pt x="268" y="241"/>
                  </a:lnTo>
                  <a:close/>
                  <a:moveTo>
                    <a:pt x="193" y="0"/>
                  </a:moveTo>
                  <a:lnTo>
                    <a:pt x="816" y="543"/>
                  </a:lnTo>
                  <a:lnTo>
                    <a:pt x="134" y="817"/>
                  </a:lnTo>
                  <a:lnTo>
                    <a:pt x="113" y="824"/>
                  </a:lnTo>
                  <a:lnTo>
                    <a:pt x="92" y="825"/>
                  </a:lnTo>
                  <a:lnTo>
                    <a:pt x="70" y="820"/>
                  </a:lnTo>
                  <a:lnTo>
                    <a:pt x="51" y="812"/>
                  </a:lnTo>
                  <a:lnTo>
                    <a:pt x="33" y="800"/>
                  </a:lnTo>
                  <a:lnTo>
                    <a:pt x="19" y="785"/>
                  </a:lnTo>
                  <a:lnTo>
                    <a:pt x="8" y="766"/>
                  </a:lnTo>
                  <a:lnTo>
                    <a:pt x="2" y="746"/>
                  </a:lnTo>
                  <a:lnTo>
                    <a:pt x="0" y="725"/>
                  </a:lnTo>
                  <a:lnTo>
                    <a:pt x="0" y="724"/>
                  </a:lnTo>
                  <a:lnTo>
                    <a:pt x="3" y="703"/>
                  </a:lnTo>
                  <a:lnTo>
                    <a:pt x="19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39" name="Freeform 25"/>
            <p:cNvSpPr>
              <a:spLocks noEditPoints="1"/>
            </p:cNvSpPr>
            <p:nvPr/>
          </p:nvSpPr>
          <p:spPr bwMode="auto">
            <a:xfrm>
              <a:off x="4132" y="2791"/>
              <a:ext cx="263" cy="271"/>
            </a:xfrm>
            <a:custGeom>
              <a:avLst/>
              <a:gdLst>
                <a:gd name="T0" fmla="*/ 968 w 1581"/>
                <a:gd name="T1" fmla="*/ 294 h 1626"/>
                <a:gd name="T2" fmla="*/ 952 w 1581"/>
                <a:gd name="T3" fmla="*/ 297 h 1626"/>
                <a:gd name="T4" fmla="*/ 938 w 1581"/>
                <a:gd name="T5" fmla="*/ 304 h 1626"/>
                <a:gd name="T6" fmla="*/ 926 w 1581"/>
                <a:gd name="T7" fmla="*/ 314 h 1626"/>
                <a:gd name="T8" fmla="*/ 316 w 1581"/>
                <a:gd name="T9" fmla="*/ 999 h 1626"/>
                <a:gd name="T10" fmla="*/ 307 w 1581"/>
                <a:gd name="T11" fmla="*/ 1011 h 1626"/>
                <a:gd name="T12" fmla="*/ 302 w 1581"/>
                <a:gd name="T13" fmla="*/ 1027 h 1626"/>
                <a:gd name="T14" fmla="*/ 301 w 1581"/>
                <a:gd name="T15" fmla="*/ 1042 h 1626"/>
                <a:gd name="T16" fmla="*/ 305 w 1581"/>
                <a:gd name="T17" fmla="*/ 1057 h 1626"/>
                <a:gd name="T18" fmla="*/ 311 w 1581"/>
                <a:gd name="T19" fmla="*/ 1071 h 1626"/>
                <a:gd name="T20" fmla="*/ 321 w 1581"/>
                <a:gd name="T21" fmla="*/ 1082 h 1626"/>
                <a:gd name="T22" fmla="*/ 361 w 1581"/>
                <a:gd name="T23" fmla="*/ 1117 h 1626"/>
                <a:gd name="T24" fmla="*/ 374 w 1581"/>
                <a:gd name="T25" fmla="*/ 1125 h 1626"/>
                <a:gd name="T26" fmla="*/ 389 w 1581"/>
                <a:gd name="T27" fmla="*/ 1130 h 1626"/>
                <a:gd name="T28" fmla="*/ 403 w 1581"/>
                <a:gd name="T29" fmla="*/ 1131 h 1626"/>
                <a:gd name="T30" fmla="*/ 419 w 1581"/>
                <a:gd name="T31" fmla="*/ 1129 h 1626"/>
                <a:gd name="T32" fmla="*/ 432 w 1581"/>
                <a:gd name="T33" fmla="*/ 1122 h 1626"/>
                <a:gd name="T34" fmla="*/ 445 w 1581"/>
                <a:gd name="T35" fmla="*/ 1111 h 1626"/>
                <a:gd name="T36" fmla="*/ 1055 w 1581"/>
                <a:gd name="T37" fmla="*/ 427 h 1626"/>
                <a:gd name="T38" fmla="*/ 1064 w 1581"/>
                <a:gd name="T39" fmla="*/ 413 h 1626"/>
                <a:gd name="T40" fmla="*/ 1068 w 1581"/>
                <a:gd name="T41" fmla="*/ 399 h 1626"/>
                <a:gd name="T42" fmla="*/ 1069 w 1581"/>
                <a:gd name="T43" fmla="*/ 383 h 1626"/>
                <a:gd name="T44" fmla="*/ 1067 w 1581"/>
                <a:gd name="T45" fmla="*/ 368 h 1626"/>
                <a:gd name="T46" fmla="*/ 1060 w 1581"/>
                <a:gd name="T47" fmla="*/ 355 h 1626"/>
                <a:gd name="T48" fmla="*/ 1050 w 1581"/>
                <a:gd name="T49" fmla="*/ 342 h 1626"/>
                <a:gd name="T50" fmla="*/ 1011 w 1581"/>
                <a:gd name="T51" fmla="*/ 308 h 1626"/>
                <a:gd name="T52" fmla="*/ 998 w 1581"/>
                <a:gd name="T53" fmla="*/ 299 h 1626"/>
                <a:gd name="T54" fmla="*/ 983 w 1581"/>
                <a:gd name="T55" fmla="*/ 295 h 1626"/>
                <a:gd name="T56" fmla="*/ 968 w 1581"/>
                <a:gd name="T57" fmla="*/ 294 h 1626"/>
                <a:gd name="T58" fmla="*/ 979 w 1581"/>
                <a:gd name="T59" fmla="*/ 0 h 1626"/>
                <a:gd name="T60" fmla="*/ 1581 w 1581"/>
                <a:gd name="T61" fmla="*/ 527 h 1626"/>
                <a:gd name="T62" fmla="*/ 602 w 1581"/>
                <a:gd name="T63" fmla="*/ 1626 h 1626"/>
                <a:gd name="T64" fmla="*/ 0 w 1581"/>
                <a:gd name="T65" fmla="*/ 1099 h 1626"/>
                <a:gd name="T66" fmla="*/ 979 w 1581"/>
                <a:gd name="T67" fmla="*/ 0 h 16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581" h="1626">
                  <a:moveTo>
                    <a:pt x="968" y="294"/>
                  </a:moveTo>
                  <a:lnTo>
                    <a:pt x="952" y="297"/>
                  </a:lnTo>
                  <a:lnTo>
                    <a:pt x="938" y="304"/>
                  </a:lnTo>
                  <a:lnTo>
                    <a:pt x="926" y="314"/>
                  </a:lnTo>
                  <a:lnTo>
                    <a:pt x="316" y="999"/>
                  </a:lnTo>
                  <a:lnTo>
                    <a:pt x="307" y="1011"/>
                  </a:lnTo>
                  <a:lnTo>
                    <a:pt x="302" y="1027"/>
                  </a:lnTo>
                  <a:lnTo>
                    <a:pt x="301" y="1042"/>
                  </a:lnTo>
                  <a:lnTo>
                    <a:pt x="305" y="1057"/>
                  </a:lnTo>
                  <a:lnTo>
                    <a:pt x="311" y="1071"/>
                  </a:lnTo>
                  <a:lnTo>
                    <a:pt x="321" y="1082"/>
                  </a:lnTo>
                  <a:lnTo>
                    <a:pt x="361" y="1117"/>
                  </a:lnTo>
                  <a:lnTo>
                    <a:pt x="374" y="1125"/>
                  </a:lnTo>
                  <a:lnTo>
                    <a:pt x="389" y="1130"/>
                  </a:lnTo>
                  <a:lnTo>
                    <a:pt x="403" y="1131"/>
                  </a:lnTo>
                  <a:lnTo>
                    <a:pt x="419" y="1129"/>
                  </a:lnTo>
                  <a:lnTo>
                    <a:pt x="432" y="1122"/>
                  </a:lnTo>
                  <a:lnTo>
                    <a:pt x="445" y="1111"/>
                  </a:lnTo>
                  <a:lnTo>
                    <a:pt x="1055" y="427"/>
                  </a:lnTo>
                  <a:lnTo>
                    <a:pt x="1064" y="413"/>
                  </a:lnTo>
                  <a:lnTo>
                    <a:pt x="1068" y="399"/>
                  </a:lnTo>
                  <a:lnTo>
                    <a:pt x="1069" y="383"/>
                  </a:lnTo>
                  <a:lnTo>
                    <a:pt x="1067" y="368"/>
                  </a:lnTo>
                  <a:lnTo>
                    <a:pt x="1060" y="355"/>
                  </a:lnTo>
                  <a:lnTo>
                    <a:pt x="1050" y="342"/>
                  </a:lnTo>
                  <a:lnTo>
                    <a:pt x="1011" y="308"/>
                  </a:lnTo>
                  <a:lnTo>
                    <a:pt x="998" y="299"/>
                  </a:lnTo>
                  <a:lnTo>
                    <a:pt x="983" y="295"/>
                  </a:lnTo>
                  <a:lnTo>
                    <a:pt x="968" y="294"/>
                  </a:lnTo>
                  <a:close/>
                  <a:moveTo>
                    <a:pt x="979" y="0"/>
                  </a:moveTo>
                  <a:lnTo>
                    <a:pt x="1581" y="527"/>
                  </a:lnTo>
                  <a:lnTo>
                    <a:pt x="602" y="1626"/>
                  </a:lnTo>
                  <a:lnTo>
                    <a:pt x="0" y="1099"/>
                  </a:lnTo>
                  <a:lnTo>
                    <a:pt x="97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40" name="Freeform 26"/>
            <p:cNvSpPr>
              <a:spLocks/>
            </p:cNvSpPr>
            <p:nvPr/>
          </p:nvSpPr>
          <p:spPr bwMode="auto">
            <a:xfrm>
              <a:off x="4343" y="2680"/>
              <a:ext cx="316" cy="355"/>
            </a:xfrm>
            <a:custGeom>
              <a:avLst/>
              <a:gdLst>
                <a:gd name="T0" fmla="*/ 1748 w 1893"/>
                <a:gd name="T1" fmla="*/ 0 h 2127"/>
                <a:gd name="T2" fmla="*/ 1829 w 1893"/>
                <a:gd name="T3" fmla="*/ 70 h 2127"/>
                <a:gd name="T4" fmla="*/ 1852 w 1893"/>
                <a:gd name="T5" fmla="*/ 95 h 2127"/>
                <a:gd name="T6" fmla="*/ 1870 w 1893"/>
                <a:gd name="T7" fmla="*/ 122 h 2127"/>
                <a:gd name="T8" fmla="*/ 1882 w 1893"/>
                <a:gd name="T9" fmla="*/ 151 h 2127"/>
                <a:gd name="T10" fmla="*/ 1890 w 1893"/>
                <a:gd name="T11" fmla="*/ 183 h 2127"/>
                <a:gd name="T12" fmla="*/ 1893 w 1893"/>
                <a:gd name="T13" fmla="*/ 214 h 2127"/>
                <a:gd name="T14" fmla="*/ 1889 w 1893"/>
                <a:gd name="T15" fmla="*/ 246 h 2127"/>
                <a:gd name="T16" fmla="*/ 1880 w 1893"/>
                <a:gd name="T17" fmla="*/ 277 h 2127"/>
                <a:gd name="T18" fmla="*/ 1866 w 1893"/>
                <a:gd name="T19" fmla="*/ 306 h 2127"/>
                <a:gd name="T20" fmla="*/ 1846 w 1893"/>
                <a:gd name="T21" fmla="*/ 333 h 2127"/>
                <a:gd name="T22" fmla="*/ 277 w 1893"/>
                <a:gd name="T23" fmla="*/ 2093 h 2127"/>
                <a:gd name="T24" fmla="*/ 262 w 1893"/>
                <a:gd name="T25" fmla="*/ 2107 h 2127"/>
                <a:gd name="T26" fmla="*/ 245 w 1893"/>
                <a:gd name="T27" fmla="*/ 2117 h 2127"/>
                <a:gd name="T28" fmla="*/ 227 w 1893"/>
                <a:gd name="T29" fmla="*/ 2123 h 2127"/>
                <a:gd name="T30" fmla="*/ 208 w 1893"/>
                <a:gd name="T31" fmla="*/ 2127 h 2127"/>
                <a:gd name="T32" fmla="*/ 188 w 1893"/>
                <a:gd name="T33" fmla="*/ 2126 h 2127"/>
                <a:gd name="T34" fmla="*/ 169 w 1893"/>
                <a:gd name="T35" fmla="*/ 2121 h 2127"/>
                <a:gd name="T36" fmla="*/ 151 w 1893"/>
                <a:gd name="T37" fmla="*/ 2113 h 2127"/>
                <a:gd name="T38" fmla="*/ 135 w 1893"/>
                <a:gd name="T39" fmla="*/ 2102 h 2127"/>
                <a:gd name="T40" fmla="*/ 84 w 1893"/>
                <a:gd name="T41" fmla="*/ 2057 h 2127"/>
                <a:gd name="T42" fmla="*/ 57 w 1893"/>
                <a:gd name="T43" fmla="*/ 2029 h 2127"/>
                <a:gd name="T44" fmla="*/ 35 w 1893"/>
                <a:gd name="T45" fmla="*/ 1997 h 2127"/>
                <a:gd name="T46" fmla="*/ 18 w 1893"/>
                <a:gd name="T47" fmla="*/ 1963 h 2127"/>
                <a:gd name="T48" fmla="*/ 5 w 1893"/>
                <a:gd name="T49" fmla="*/ 1926 h 2127"/>
                <a:gd name="T50" fmla="*/ 0 w 1893"/>
                <a:gd name="T51" fmla="*/ 1888 h 2127"/>
                <a:gd name="T52" fmla="*/ 1 w 1893"/>
                <a:gd name="T53" fmla="*/ 1849 h 2127"/>
                <a:gd name="T54" fmla="*/ 8 w 1893"/>
                <a:gd name="T55" fmla="*/ 1812 h 2127"/>
                <a:gd name="T56" fmla="*/ 20 w 1893"/>
                <a:gd name="T57" fmla="*/ 1775 h 2127"/>
                <a:gd name="T58" fmla="*/ 38 w 1893"/>
                <a:gd name="T59" fmla="*/ 1741 h 2127"/>
                <a:gd name="T60" fmla="*/ 61 w 1893"/>
                <a:gd name="T61" fmla="*/ 1710 h 2127"/>
                <a:gd name="T62" fmla="*/ 279 w 1893"/>
                <a:gd name="T63" fmla="*/ 1467 h 2127"/>
                <a:gd name="T64" fmla="*/ 296 w 1893"/>
                <a:gd name="T65" fmla="*/ 1451 h 2127"/>
                <a:gd name="T66" fmla="*/ 315 w 1893"/>
                <a:gd name="T67" fmla="*/ 1441 h 2127"/>
                <a:gd name="T68" fmla="*/ 335 w 1893"/>
                <a:gd name="T69" fmla="*/ 1436 h 2127"/>
                <a:gd name="T70" fmla="*/ 356 w 1893"/>
                <a:gd name="T71" fmla="*/ 1435 h 2127"/>
                <a:gd name="T72" fmla="*/ 377 w 1893"/>
                <a:gd name="T73" fmla="*/ 1438 h 2127"/>
                <a:gd name="T74" fmla="*/ 397 w 1893"/>
                <a:gd name="T75" fmla="*/ 1446 h 2127"/>
                <a:gd name="T76" fmla="*/ 417 w 1893"/>
                <a:gd name="T77" fmla="*/ 1458 h 2127"/>
                <a:gd name="T78" fmla="*/ 434 w 1893"/>
                <a:gd name="T79" fmla="*/ 1475 h 2127"/>
                <a:gd name="T80" fmla="*/ 1748 w 1893"/>
                <a:gd name="T81" fmla="*/ 0 h 2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893" h="2127">
                  <a:moveTo>
                    <a:pt x="1748" y="0"/>
                  </a:moveTo>
                  <a:lnTo>
                    <a:pt x="1829" y="70"/>
                  </a:lnTo>
                  <a:lnTo>
                    <a:pt x="1852" y="95"/>
                  </a:lnTo>
                  <a:lnTo>
                    <a:pt x="1870" y="122"/>
                  </a:lnTo>
                  <a:lnTo>
                    <a:pt x="1882" y="151"/>
                  </a:lnTo>
                  <a:lnTo>
                    <a:pt x="1890" y="183"/>
                  </a:lnTo>
                  <a:lnTo>
                    <a:pt x="1893" y="214"/>
                  </a:lnTo>
                  <a:lnTo>
                    <a:pt x="1889" y="246"/>
                  </a:lnTo>
                  <a:lnTo>
                    <a:pt x="1880" y="277"/>
                  </a:lnTo>
                  <a:lnTo>
                    <a:pt x="1866" y="306"/>
                  </a:lnTo>
                  <a:lnTo>
                    <a:pt x="1846" y="333"/>
                  </a:lnTo>
                  <a:lnTo>
                    <a:pt x="277" y="2093"/>
                  </a:lnTo>
                  <a:lnTo>
                    <a:pt x="262" y="2107"/>
                  </a:lnTo>
                  <a:lnTo>
                    <a:pt x="245" y="2117"/>
                  </a:lnTo>
                  <a:lnTo>
                    <a:pt x="227" y="2123"/>
                  </a:lnTo>
                  <a:lnTo>
                    <a:pt x="208" y="2127"/>
                  </a:lnTo>
                  <a:lnTo>
                    <a:pt x="188" y="2126"/>
                  </a:lnTo>
                  <a:lnTo>
                    <a:pt x="169" y="2121"/>
                  </a:lnTo>
                  <a:lnTo>
                    <a:pt x="151" y="2113"/>
                  </a:lnTo>
                  <a:lnTo>
                    <a:pt x="135" y="2102"/>
                  </a:lnTo>
                  <a:lnTo>
                    <a:pt x="84" y="2057"/>
                  </a:lnTo>
                  <a:lnTo>
                    <a:pt x="57" y="2029"/>
                  </a:lnTo>
                  <a:lnTo>
                    <a:pt x="35" y="1997"/>
                  </a:lnTo>
                  <a:lnTo>
                    <a:pt x="18" y="1963"/>
                  </a:lnTo>
                  <a:lnTo>
                    <a:pt x="5" y="1926"/>
                  </a:lnTo>
                  <a:lnTo>
                    <a:pt x="0" y="1888"/>
                  </a:lnTo>
                  <a:lnTo>
                    <a:pt x="1" y="1849"/>
                  </a:lnTo>
                  <a:lnTo>
                    <a:pt x="8" y="1812"/>
                  </a:lnTo>
                  <a:lnTo>
                    <a:pt x="20" y="1775"/>
                  </a:lnTo>
                  <a:lnTo>
                    <a:pt x="38" y="1741"/>
                  </a:lnTo>
                  <a:lnTo>
                    <a:pt x="61" y="1710"/>
                  </a:lnTo>
                  <a:lnTo>
                    <a:pt x="279" y="1467"/>
                  </a:lnTo>
                  <a:lnTo>
                    <a:pt x="296" y="1451"/>
                  </a:lnTo>
                  <a:lnTo>
                    <a:pt x="315" y="1441"/>
                  </a:lnTo>
                  <a:lnTo>
                    <a:pt x="335" y="1436"/>
                  </a:lnTo>
                  <a:lnTo>
                    <a:pt x="356" y="1435"/>
                  </a:lnTo>
                  <a:lnTo>
                    <a:pt x="377" y="1438"/>
                  </a:lnTo>
                  <a:lnTo>
                    <a:pt x="397" y="1446"/>
                  </a:lnTo>
                  <a:lnTo>
                    <a:pt x="417" y="1458"/>
                  </a:lnTo>
                  <a:lnTo>
                    <a:pt x="434" y="1475"/>
                  </a:lnTo>
                  <a:lnTo>
                    <a:pt x="1748"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41" name="Freeform 27"/>
            <p:cNvSpPr>
              <a:spLocks/>
            </p:cNvSpPr>
            <p:nvPr/>
          </p:nvSpPr>
          <p:spPr bwMode="auto">
            <a:xfrm>
              <a:off x="4491" y="2554"/>
              <a:ext cx="117" cy="111"/>
            </a:xfrm>
            <a:custGeom>
              <a:avLst/>
              <a:gdLst>
                <a:gd name="T0" fmla="*/ 321 w 706"/>
                <a:gd name="T1" fmla="*/ 0 h 663"/>
                <a:gd name="T2" fmla="*/ 366 w 706"/>
                <a:gd name="T3" fmla="*/ 5 h 663"/>
                <a:gd name="T4" fmla="*/ 409 w 706"/>
                <a:gd name="T5" fmla="*/ 13 h 663"/>
                <a:gd name="T6" fmla="*/ 452 w 706"/>
                <a:gd name="T7" fmla="*/ 28 h 663"/>
                <a:gd name="T8" fmla="*/ 493 w 706"/>
                <a:gd name="T9" fmla="*/ 47 h 663"/>
                <a:gd name="T10" fmla="*/ 533 w 706"/>
                <a:gd name="T11" fmla="*/ 70 h 663"/>
                <a:gd name="T12" fmla="*/ 570 w 706"/>
                <a:gd name="T13" fmla="*/ 99 h 663"/>
                <a:gd name="T14" fmla="*/ 603 w 706"/>
                <a:gd name="T15" fmla="*/ 132 h 663"/>
                <a:gd name="T16" fmla="*/ 632 w 706"/>
                <a:gd name="T17" fmla="*/ 168 h 663"/>
                <a:gd name="T18" fmla="*/ 656 w 706"/>
                <a:gd name="T19" fmla="*/ 206 h 663"/>
                <a:gd name="T20" fmla="*/ 676 w 706"/>
                <a:gd name="T21" fmla="*/ 246 h 663"/>
                <a:gd name="T22" fmla="*/ 691 w 706"/>
                <a:gd name="T23" fmla="*/ 287 h 663"/>
                <a:gd name="T24" fmla="*/ 701 w 706"/>
                <a:gd name="T25" fmla="*/ 331 h 663"/>
                <a:gd name="T26" fmla="*/ 705 w 706"/>
                <a:gd name="T27" fmla="*/ 374 h 663"/>
                <a:gd name="T28" fmla="*/ 706 w 706"/>
                <a:gd name="T29" fmla="*/ 418 h 663"/>
                <a:gd name="T30" fmla="*/ 702 w 706"/>
                <a:gd name="T31" fmla="*/ 461 h 663"/>
                <a:gd name="T32" fmla="*/ 692 w 706"/>
                <a:gd name="T33" fmla="*/ 505 h 663"/>
                <a:gd name="T34" fmla="*/ 677 w 706"/>
                <a:gd name="T35" fmla="*/ 547 h 663"/>
                <a:gd name="T36" fmla="*/ 658 w 706"/>
                <a:gd name="T37" fmla="*/ 588 h 663"/>
                <a:gd name="T38" fmla="*/ 635 w 706"/>
                <a:gd name="T39" fmla="*/ 627 h 663"/>
                <a:gd name="T40" fmla="*/ 605 w 706"/>
                <a:gd name="T41" fmla="*/ 663 h 663"/>
                <a:gd name="T42" fmla="*/ 0 w 706"/>
                <a:gd name="T43" fmla="*/ 134 h 663"/>
                <a:gd name="T44" fmla="*/ 33 w 706"/>
                <a:gd name="T45" fmla="*/ 101 h 663"/>
                <a:gd name="T46" fmla="*/ 69 w 706"/>
                <a:gd name="T47" fmla="*/ 73 h 663"/>
                <a:gd name="T48" fmla="*/ 107 w 706"/>
                <a:gd name="T49" fmla="*/ 49 h 663"/>
                <a:gd name="T50" fmla="*/ 147 w 706"/>
                <a:gd name="T51" fmla="*/ 30 h 663"/>
                <a:gd name="T52" fmla="*/ 190 w 706"/>
                <a:gd name="T53" fmla="*/ 15 h 663"/>
                <a:gd name="T54" fmla="*/ 234 w 706"/>
                <a:gd name="T55" fmla="*/ 6 h 663"/>
                <a:gd name="T56" fmla="*/ 277 w 706"/>
                <a:gd name="T57" fmla="*/ 0 h 663"/>
                <a:gd name="T58" fmla="*/ 321 w 706"/>
                <a:gd name="T59" fmla="*/ 0 h 6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706" h="663">
                  <a:moveTo>
                    <a:pt x="321" y="0"/>
                  </a:moveTo>
                  <a:lnTo>
                    <a:pt x="366" y="5"/>
                  </a:lnTo>
                  <a:lnTo>
                    <a:pt x="409" y="13"/>
                  </a:lnTo>
                  <a:lnTo>
                    <a:pt x="452" y="28"/>
                  </a:lnTo>
                  <a:lnTo>
                    <a:pt x="493" y="47"/>
                  </a:lnTo>
                  <a:lnTo>
                    <a:pt x="533" y="70"/>
                  </a:lnTo>
                  <a:lnTo>
                    <a:pt x="570" y="99"/>
                  </a:lnTo>
                  <a:lnTo>
                    <a:pt x="603" y="132"/>
                  </a:lnTo>
                  <a:lnTo>
                    <a:pt x="632" y="168"/>
                  </a:lnTo>
                  <a:lnTo>
                    <a:pt x="656" y="206"/>
                  </a:lnTo>
                  <a:lnTo>
                    <a:pt x="676" y="246"/>
                  </a:lnTo>
                  <a:lnTo>
                    <a:pt x="691" y="287"/>
                  </a:lnTo>
                  <a:lnTo>
                    <a:pt x="701" y="331"/>
                  </a:lnTo>
                  <a:lnTo>
                    <a:pt x="705" y="374"/>
                  </a:lnTo>
                  <a:lnTo>
                    <a:pt x="706" y="418"/>
                  </a:lnTo>
                  <a:lnTo>
                    <a:pt x="702" y="461"/>
                  </a:lnTo>
                  <a:lnTo>
                    <a:pt x="692" y="505"/>
                  </a:lnTo>
                  <a:lnTo>
                    <a:pt x="677" y="547"/>
                  </a:lnTo>
                  <a:lnTo>
                    <a:pt x="658" y="588"/>
                  </a:lnTo>
                  <a:lnTo>
                    <a:pt x="635" y="627"/>
                  </a:lnTo>
                  <a:lnTo>
                    <a:pt x="605" y="663"/>
                  </a:lnTo>
                  <a:lnTo>
                    <a:pt x="0" y="134"/>
                  </a:lnTo>
                  <a:lnTo>
                    <a:pt x="33" y="101"/>
                  </a:lnTo>
                  <a:lnTo>
                    <a:pt x="69" y="73"/>
                  </a:lnTo>
                  <a:lnTo>
                    <a:pt x="107" y="49"/>
                  </a:lnTo>
                  <a:lnTo>
                    <a:pt x="147" y="30"/>
                  </a:lnTo>
                  <a:lnTo>
                    <a:pt x="190" y="15"/>
                  </a:lnTo>
                  <a:lnTo>
                    <a:pt x="234" y="6"/>
                  </a:lnTo>
                  <a:lnTo>
                    <a:pt x="277" y="0"/>
                  </a:lnTo>
                  <a:lnTo>
                    <a:pt x="32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29" name="Title 1">
            <a:extLst>
              <a:ext uri="{FF2B5EF4-FFF2-40B4-BE49-F238E27FC236}">
                <a16:creationId xmlns:a16="http://schemas.microsoft.com/office/drawing/2014/main" xmlns="" id="{7CFAD080-A7BC-EB4A-960D-CF3B39E1A644}"/>
              </a:ext>
            </a:extLst>
          </p:cNvPr>
          <p:cNvSpPr txBox="1">
            <a:spLocks/>
          </p:cNvSpPr>
          <p:nvPr/>
        </p:nvSpPr>
        <p:spPr>
          <a:xfrm>
            <a:off x="3148193" y="287983"/>
            <a:ext cx="5210611" cy="866259"/>
          </a:xfrm>
          <a:prstGeom prst="rect">
            <a:avLst/>
          </a:prstGeom>
        </p:spPr>
        <p:txBody>
          <a:bodyP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lang="en-ZA" sz="2400" b="1" dirty="0" smtClean="0">
                <a:solidFill>
                  <a:schemeClr val="accent2"/>
                </a:solidFill>
                <a:latin typeface="Arial" panose="020B0604020202020204" pitchFamily="34" charset="0"/>
                <a:ea typeface="+mn-ea"/>
                <a:cs typeface="Arial" panose="020B0604020202020204" pitchFamily="34" charset="0"/>
              </a:rPr>
              <a:t>Glosario de términos</a:t>
            </a:r>
            <a:endParaRPr lang="en-US" sz="2400" b="1" dirty="0">
              <a:solidFill>
                <a:schemeClr val="accent2"/>
              </a:solidFill>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12604263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424" name="OTLSHAPE_TB_00000000000000000000000000000000_ElapsedTime" hidden="1"/>
          <p:cNvSpPr/>
          <p:nvPr>
            <p:custDataLst>
              <p:tags r:id="rId2"/>
            </p:custDataLst>
          </p:nvPr>
        </p:nvSpPr>
        <p:spPr>
          <a:xfrm>
            <a:off x="2357120" y="2914650"/>
            <a:ext cx="5435600" cy="381000"/>
          </a:xfrm>
          <a:prstGeom prst="roundRect">
            <a:avLst>
              <a:gd name="adj" fmla="val 10000000"/>
            </a:avLst>
          </a:prstGeom>
          <a:solidFill>
            <a:schemeClr val="dk1">
              <a:alpha val="30196"/>
            </a:scheme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latin typeface="Calibri" panose="020F0502020204030204"/>
            </a:endParaRPr>
          </a:p>
        </p:txBody>
      </p:sp>
      <p:sp>
        <p:nvSpPr>
          <p:cNvPr id="9425" name="OTLSHAPE_TB_00000000000000000000000000000000_TodayMarkerShape" hidden="1"/>
          <p:cNvSpPr/>
          <p:nvPr>
            <p:custDataLst>
              <p:tags r:id="rId3"/>
            </p:custDataLst>
          </p:nvPr>
        </p:nvSpPr>
        <p:spPr>
          <a:xfrm>
            <a:off x="2467791" y="3295650"/>
            <a:ext cx="108858"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latin typeface="Calibri" panose="020F0502020204030204"/>
            </a:endParaRPr>
          </a:p>
        </p:txBody>
      </p:sp>
      <p:sp>
        <p:nvSpPr>
          <p:cNvPr id="9426" name="OTLSHAPE_TB_00000000000000000000000000000000_TodayMarkerText" hidden="1"/>
          <p:cNvSpPr txBox="1"/>
          <p:nvPr>
            <p:custDataLst>
              <p:tags r:id="rId4"/>
            </p:custDataLst>
          </p:nvPr>
        </p:nvSpPr>
        <p:spPr>
          <a:xfrm>
            <a:off x="2522220" y="3422651"/>
            <a:ext cx="254878" cy="123111"/>
          </a:xfrm>
          <a:prstGeom prst="rect">
            <a:avLst/>
          </a:prstGeom>
          <a:noFill/>
        </p:spPr>
        <p:txBody>
          <a:bodyPr vert="horz" wrap="none" lIns="0" tIns="0" rIns="0" bIns="0" rtlCol="0" anchor="ctr" anchorCtr="0">
            <a:spAutoFit/>
          </a:bodyPr>
          <a:lstStyle/>
          <a:p>
            <a:pPr algn="ctr"/>
            <a:r>
              <a:rPr lang="en-GB" sz="800" dirty="0">
                <a:solidFill>
                  <a:prstClr val="black"/>
                </a:solidFill>
                <a:latin typeface="Calibri" panose="020F0502020204030204" pitchFamily="34" charset="0"/>
              </a:rPr>
              <a:t>Today</a:t>
            </a:r>
          </a:p>
        </p:txBody>
      </p:sp>
      <p:sp>
        <p:nvSpPr>
          <p:cNvPr id="9470" name="OTLSHAPE_T_7c518fb37f2142bb8e0445920d0403b5_ShapePercentage" hidden="1"/>
          <p:cNvSpPr/>
          <p:nvPr>
            <p:custDataLst>
              <p:tags r:id="rId5"/>
            </p:custDataLst>
          </p:nvPr>
        </p:nvSpPr>
        <p:spPr>
          <a:xfrm>
            <a:off x="4722575"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latin typeface="Calibri" panose="020F0502020204030204"/>
            </a:endParaRPr>
          </a:p>
        </p:txBody>
      </p:sp>
      <p:sp>
        <p:nvSpPr>
          <p:cNvPr id="9478" name="OTLSHAPE_T_be3ae38f60b3402d8a13f1e91eec41f5_ShapePercentage" hidden="1"/>
          <p:cNvSpPr/>
          <p:nvPr>
            <p:custDataLst>
              <p:tags r:id="rId6"/>
            </p:custDataLst>
          </p:nvPr>
        </p:nvSpPr>
        <p:spPr>
          <a:xfrm>
            <a:off x="5266192"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latin typeface="Calibri" panose="020F0502020204030204"/>
            </a:endParaRPr>
          </a:p>
        </p:txBody>
      </p:sp>
      <p:sp>
        <p:nvSpPr>
          <p:cNvPr id="9486" name="OTLSHAPE_T_9aa183d65df24b0c8fecd0a002471583_ShapePercentage" hidden="1"/>
          <p:cNvSpPr/>
          <p:nvPr>
            <p:custDataLst>
              <p:tags r:id="rId7"/>
            </p:custDataLst>
          </p:nvPr>
        </p:nvSpPr>
        <p:spPr>
          <a:xfrm>
            <a:off x="5266192"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latin typeface="Calibri" panose="020F0502020204030204"/>
            </a:endParaRPr>
          </a:p>
        </p:txBody>
      </p:sp>
      <p:sp>
        <p:nvSpPr>
          <p:cNvPr id="9494" name="OTLSHAPE_T_06a6a20021ea4acdac20b41f7b37b0dd_ShapePercentage" hidden="1"/>
          <p:cNvSpPr/>
          <p:nvPr>
            <p:custDataLst>
              <p:tags r:id="rId8"/>
            </p:custDataLst>
          </p:nvPr>
        </p:nvSpPr>
        <p:spPr>
          <a:xfrm>
            <a:off x="5887469"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latin typeface="Calibri" panose="020F0502020204030204"/>
            </a:endParaRPr>
          </a:p>
        </p:txBody>
      </p:sp>
      <p:sp>
        <p:nvSpPr>
          <p:cNvPr id="9502" name="OTLSHAPE_T_e6f5c918bdd649a1ac919cf22468a23b_ShapePercentage" hidden="1"/>
          <p:cNvSpPr/>
          <p:nvPr>
            <p:custDataLst>
              <p:tags r:id="rId9"/>
            </p:custDataLst>
          </p:nvPr>
        </p:nvSpPr>
        <p:spPr>
          <a:xfrm>
            <a:off x="6560518"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latin typeface="Calibri" panose="020F0502020204030204"/>
            </a:endParaRPr>
          </a:p>
        </p:txBody>
      </p:sp>
      <p:sp>
        <p:nvSpPr>
          <p:cNvPr id="9471" name="OTLSHAPE_T_7c518fb37f2142bb8e0445920d0403b5_Duration" hidden="1"/>
          <p:cNvSpPr txBox="1"/>
          <p:nvPr>
            <p:custDataLst>
              <p:tags r:id="rId10"/>
            </p:custDataLst>
          </p:nvPr>
        </p:nvSpPr>
        <p:spPr>
          <a:xfrm>
            <a:off x="1524000" y="3498851"/>
            <a:ext cx="330200" cy="155025"/>
          </a:xfrm>
          <a:prstGeom prst="rect">
            <a:avLst/>
          </a:prstGeom>
          <a:noFill/>
        </p:spPr>
        <p:txBody>
          <a:bodyPr vert="horz" wrap="square" lIns="0" tIns="0" rIns="0" bIns="0" rtlCol="0" anchor="ctr" anchorCtr="0">
            <a:spAutoFit/>
          </a:bodyPr>
          <a:lstStyle/>
          <a:p>
            <a:pPr algn="ctr"/>
            <a:r>
              <a:rPr lang="en-GB" sz="1000" dirty="0">
                <a:solidFill>
                  <a:srgbClr val="C0504D"/>
                </a:solidFill>
                <a:latin typeface="Calibri" panose="020F0502020204030204" pitchFamily="34" charset="0"/>
              </a:rPr>
              <a:t>6 days</a:t>
            </a:r>
          </a:p>
        </p:txBody>
      </p:sp>
      <p:sp>
        <p:nvSpPr>
          <p:cNvPr id="9472" name="OTLSHAPE_T_7c518fb37f2142bb8e0445920d0403b5_TextPercentage" hidden="1"/>
          <p:cNvSpPr txBox="1"/>
          <p:nvPr>
            <p:custDataLst>
              <p:tags r:id="rId11"/>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GB" sz="1000" dirty="0">
              <a:solidFill>
                <a:srgbClr val="C0504D"/>
              </a:solidFill>
              <a:latin typeface="Calibri" panose="020F0502020204030204" pitchFamily="34" charset="0"/>
            </a:endParaRPr>
          </a:p>
        </p:txBody>
      </p:sp>
      <p:sp>
        <p:nvSpPr>
          <p:cNvPr id="9473" name="OTLSHAPE_T_7c518fb37f2142bb8e0445920d0403b5_StartDate" hidden="1"/>
          <p:cNvSpPr txBox="1"/>
          <p:nvPr>
            <p:custDataLst>
              <p:tags r:id="rId12"/>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GB" sz="1000" dirty="0">
              <a:solidFill>
                <a:srgbClr val="7F7F7F"/>
              </a:solidFill>
              <a:latin typeface="Calibri" panose="020F0502020204030204" pitchFamily="34" charset="0"/>
            </a:endParaRPr>
          </a:p>
        </p:txBody>
      </p:sp>
      <p:sp>
        <p:nvSpPr>
          <p:cNvPr id="9474" name="OTLSHAPE_T_7c518fb37f2142bb8e0445920d0403b5_EndDate" hidden="1"/>
          <p:cNvSpPr txBox="1"/>
          <p:nvPr>
            <p:custDataLst>
              <p:tags r:id="rId13"/>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GB" sz="1000" dirty="0">
              <a:solidFill>
                <a:srgbClr val="7F7F7F"/>
              </a:solidFill>
              <a:latin typeface="Calibri" panose="020F0502020204030204" pitchFamily="34" charset="0"/>
            </a:endParaRPr>
          </a:p>
        </p:txBody>
      </p:sp>
      <p:sp>
        <p:nvSpPr>
          <p:cNvPr id="9479" name="OTLSHAPE_T_be3ae38f60b3402d8a13f1e91eec41f5_Duration" hidden="1"/>
          <p:cNvSpPr txBox="1"/>
          <p:nvPr>
            <p:custDataLst>
              <p:tags r:id="rId14"/>
            </p:custDataLst>
          </p:nvPr>
        </p:nvSpPr>
        <p:spPr>
          <a:xfrm>
            <a:off x="1524000" y="3765551"/>
            <a:ext cx="393700" cy="155025"/>
          </a:xfrm>
          <a:prstGeom prst="rect">
            <a:avLst/>
          </a:prstGeom>
          <a:noFill/>
        </p:spPr>
        <p:txBody>
          <a:bodyPr vert="horz" wrap="square" lIns="0" tIns="0" rIns="0" bIns="0" rtlCol="0" anchor="ctr" anchorCtr="0">
            <a:spAutoFit/>
          </a:bodyPr>
          <a:lstStyle/>
          <a:p>
            <a:pPr algn="ctr"/>
            <a:r>
              <a:rPr lang="en-GB" sz="1000" dirty="0">
                <a:solidFill>
                  <a:srgbClr val="C0504D"/>
                </a:solidFill>
                <a:latin typeface="Calibri" panose="020F0502020204030204" pitchFamily="34" charset="0"/>
              </a:rPr>
              <a:t>17 days</a:t>
            </a:r>
          </a:p>
        </p:txBody>
      </p:sp>
      <p:sp>
        <p:nvSpPr>
          <p:cNvPr id="9480" name="OTLSHAPE_T_be3ae38f60b3402d8a13f1e91eec41f5_TextPercentage" hidden="1"/>
          <p:cNvSpPr txBox="1"/>
          <p:nvPr>
            <p:custDataLst>
              <p:tags r:id="rId15"/>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GB" sz="1000" dirty="0">
              <a:solidFill>
                <a:srgbClr val="C0504D"/>
              </a:solidFill>
              <a:latin typeface="Calibri" panose="020F0502020204030204" pitchFamily="34" charset="0"/>
            </a:endParaRPr>
          </a:p>
        </p:txBody>
      </p:sp>
      <p:sp>
        <p:nvSpPr>
          <p:cNvPr id="9481" name="OTLSHAPE_T_be3ae38f60b3402d8a13f1e91eec41f5_StartDate" hidden="1"/>
          <p:cNvSpPr txBox="1"/>
          <p:nvPr>
            <p:custDataLst>
              <p:tags r:id="rId16"/>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GB" sz="1000" dirty="0">
              <a:solidFill>
                <a:srgbClr val="7F7F7F"/>
              </a:solidFill>
              <a:latin typeface="Calibri" panose="020F0502020204030204" pitchFamily="34" charset="0"/>
            </a:endParaRPr>
          </a:p>
        </p:txBody>
      </p:sp>
      <p:sp>
        <p:nvSpPr>
          <p:cNvPr id="9482" name="OTLSHAPE_T_be3ae38f60b3402d8a13f1e91eec41f5_EndDate" hidden="1"/>
          <p:cNvSpPr txBox="1"/>
          <p:nvPr>
            <p:custDataLst>
              <p:tags r:id="rId17"/>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GB" sz="1000" dirty="0">
              <a:solidFill>
                <a:srgbClr val="7F7F7F"/>
              </a:solidFill>
              <a:latin typeface="Calibri" panose="020F0502020204030204" pitchFamily="34" charset="0"/>
            </a:endParaRPr>
          </a:p>
        </p:txBody>
      </p:sp>
      <p:sp>
        <p:nvSpPr>
          <p:cNvPr id="9487" name="OTLSHAPE_T_9aa183d65df24b0c8fecd0a002471583_Duration" hidden="1"/>
          <p:cNvSpPr txBox="1"/>
          <p:nvPr>
            <p:custDataLst>
              <p:tags r:id="rId18"/>
            </p:custDataLst>
          </p:nvPr>
        </p:nvSpPr>
        <p:spPr>
          <a:xfrm>
            <a:off x="1524000" y="4032251"/>
            <a:ext cx="393700" cy="155025"/>
          </a:xfrm>
          <a:prstGeom prst="rect">
            <a:avLst/>
          </a:prstGeom>
          <a:noFill/>
        </p:spPr>
        <p:txBody>
          <a:bodyPr vert="horz" wrap="square" lIns="0" tIns="0" rIns="0" bIns="0" rtlCol="0" anchor="ctr" anchorCtr="0">
            <a:spAutoFit/>
          </a:bodyPr>
          <a:lstStyle/>
          <a:p>
            <a:pPr algn="ctr"/>
            <a:r>
              <a:rPr lang="en-GB" sz="1000" dirty="0">
                <a:solidFill>
                  <a:srgbClr val="C0504D"/>
                </a:solidFill>
                <a:latin typeface="Calibri" panose="020F0502020204030204" pitchFamily="34" charset="0"/>
              </a:rPr>
              <a:t>24 days</a:t>
            </a:r>
          </a:p>
        </p:txBody>
      </p:sp>
      <p:sp>
        <p:nvSpPr>
          <p:cNvPr id="9488" name="OTLSHAPE_T_9aa183d65df24b0c8fecd0a002471583_TextPercentage" hidden="1"/>
          <p:cNvSpPr txBox="1"/>
          <p:nvPr>
            <p:custDataLst>
              <p:tags r:id="rId19"/>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GB" sz="1000" dirty="0">
              <a:solidFill>
                <a:srgbClr val="C0504D"/>
              </a:solidFill>
              <a:latin typeface="Calibri" panose="020F0502020204030204" pitchFamily="34" charset="0"/>
            </a:endParaRPr>
          </a:p>
        </p:txBody>
      </p:sp>
      <p:sp>
        <p:nvSpPr>
          <p:cNvPr id="9489" name="OTLSHAPE_T_9aa183d65df24b0c8fecd0a002471583_StartDate" hidden="1"/>
          <p:cNvSpPr txBox="1"/>
          <p:nvPr>
            <p:custDataLst>
              <p:tags r:id="rId20"/>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GB" sz="1000" dirty="0">
              <a:solidFill>
                <a:srgbClr val="7F7F7F"/>
              </a:solidFill>
              <a:latin typeface="Calibri" panose="020F0502020204030204" pitchFamily="34" charset="0"/>
            </a:endParaRPr>
          </a:p>
        </p:txBody>
      </p:sp>
      <p:sp>
        <p:nvSpPr>
          <p:cNvPr id="9490" name="OTLSHAPE_T_9aa183d65df24b0c8fecd0a002471583_EndDate" hidden="1"/>
          <p:cNvSpPr txBox="1"/>
          <p:nvPr>
            <p:custDataLst>
              <p:tags r:id="rId21"/>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GB" sz="1000" dirty="0">
              <a:solidFill>
                <a:srgbClr val="7F7F7F"/>
              </a:solidFill>
              <a:latin typeface="Calibri" panose="020F0502020204030204" pitchFamily="34" charset="0"/>
            </a:endParaRPr>
          </a:p>
        </p:txBody>
      </p:sp>
      <p:sp>
        <p:nvSpPr>
          <p:cNvPr id="9495" name="OTLSHAPE_T_06a6a20021ea4acdac20b41f7b37b0dd_Duration" hidden="1"/>
          <p:cNvSpPr txBox="1"/>
          <p:nvPr>
            <p:custDataLst>
              <p:tags r:id="rId22"/>
            </p:custDataLst>
          </p:nvPr>
        </p:nvSpPr>
        <p:spPr>
          <a:xfrm>
            <a:off x="1524000" y="4298951"/>
            <a:ext cx="393700" cy="155025"/>
          </a:xfrm>
          <a:prstGeom prst="rect">
            <a:avLst/>
          </a:prstGeom>
          <a:noFill/>
        </p:spPr>
        <p:txBody>
          <a:bodyPr vert="horz" wrap="square" lIns="0" tIns="0" rIns="0" bIns="0" rtlCol="0" anchor="ctr" anchorCtr="0">
            <a:spAutoFit/>
          </a:bodyPr>
          <a:lstStyle/>
          <a:p>
            <a:pPr algn="ctr"/>
            <a:r>
              <a:rPr lang="en-GB" sz="1000" dirty="0">
                <a:solidFill>
                  <a:srgbClr val="C0504D"/>
                </a:solidFill>
                <a:latin typeface="Calibri" panose="020F0502020204030204" pitchFamily="34" charset="0"/>
              </a:rPr>
              <a:t>16 days</a:t>
            </a:r>
          </a:p>
        </p:txBody>
      </p:sp>
      <p:sp>
        <p:nvSpPr>
          <p:cNvPr id="9496" name="OTLSHAPE_T_06a6a20021ea4acdac20b41f7b37b0dd_TextPercentage" hidden="1"/>
          <p:cNvSpPr txBox="1"/>
          <p:nvPr>
            <p:custDataLst>
              <p:tags r:id="rId23"/>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GB" sz="1000" dirty="0">
              <a:solidFill>
                <a:srgbClr val="C0504D"/>
              </a:solidFill>
              <a:latin typeface="Calibri" panose="020F0502020204030204" pitchFamily="34" charset="0"/>
            </a:endParaRPr>
          </a:p>
        </p:txBody>
      </p:sp>
      <p:sp>
        <p:nvSpPr>
          <p:cNvPr id="9497" name="OTLSHAPE_T_06a6a20021ea4acdac20b41f7b37b0dd_StartDate" hidden="1"/>
          <p:cNvSpPr txBox="1"/>
          <p:nvPr>
            <p:custDataLst>
              <p:tags r:id="rId24"/>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GB" sz="1000" dirty="0">
              <a:solidFill>
                <a:srgbClr val="7F7F7F"/>
              </a:solidFill>
              <a:latin typeface="Calibri" panose="020F0502020204030204" pitchFamily="34" charset="0"/>
            </a:endParaRPr>
          </a:p>
        </p:txBody>
      </p:sp>
      <p:sp>
        <p:nvSpPr>
          <p:cNvPr id="9498" name="OTLSHAPE_T_06a6a20021ea4acdac20b41f7b37b0dd_EndDate" hidden="1"/>
          <p:cNvSpPr txBox="1"/>
          <p:nvPr>
            <p:custDataLst>
              <p:tags r:id="rId25"/>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GB" sz="1000" dirty="0">
              <a:solidFill>
                <a:srgbClr val="7F7F7F"/>
              </a:solidFill>
              <a:latin typeface="Calibri" panose="020F0502020204030204" pitchFamily="34" charset="0"/>
            </a:endParaRPr>
          </a:p>
        </p:txBody>
      </p:sp>
      <p:sp>
        <p:nvSpPr>
          <p:cNvPr id="9503" name="OTLSHAPE_T_e6f5c918bdd649a1ac919cf22468a23b_Duration" hidden="1"/>
          <p:cNvSpPr txBox="1"/>
          <p:nvPr>
            <p:custDataLst>
              <p:tags r:id="rId26"/>
            </p:custDataLst>
          </p:nvPr>
        </p:nvSpPr>
        <p:spPr>
          <a:xfrm>
            <a:off x="1524000" y="4565651"/>
            <a:ext cx="393700" cy="155025"/>
          </a:xfrm>
          <a:prstGeom prst="rect">
            <a:avLst/>
          </a:prstGeom>
          <a:noFill/>
        </p:spPr>
        <p:txBody>
          <a:bodyPr vert="horz" wrap="square" lIns="0" tIns="0" rIns="0" bIns="0" rtlCol="0" anchor="ctr" anchorCtr="0">
            <a:spAutoFit/>
          </a:bodyPr>
          <a:lstStyle/>
          <a:p>
            <a:pPr algn="ctr"/>
            <a:r>
              <a:rPr lang="en-GB" sz="1000" dirty="0">
                <a:solidFill>
                  <a:srgbClr val="C0504D"/>
                </a:solidFill>
                <a:latin typeface="Calibri" panose="020F0502020204030204" pitchFamily="34" charset="0"/>
              </a:rPr>
              <a:t>25 days</a:t>
            </a:r>
          </a:p>
        </p:txBody>
      </p:sp>
      <p:sp>
        <p:nvSpPr>
          <p:cNvPr id="9504" name="OTLSHAPE_T_e6f5c918bdd649a1ac919cf22468a23b_TextPercentage" hidden="1"/>
          <p:cNvSpPr txBox="1"/>
          <p:nvPr>
            <p:custDataLst>
              <p:tags r:id="rId27"/>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GB" sz="1000" dirty="0">
              <a:solidFill>
                <a:srgbClr val="C0504D"/>
              </a:solidFill>
              <a:latin typeface="Calibri" panose="020F0502020204030204" pitchFamily="34" charset="0"/>
            </a:endParaRPr>
          </a:p>
        </p:txBody>
      </p:sp>
      <p:sp>
        <p:nvSpPr>
          <p:cNvPr id="9505" name="OTLSHAPE_T_e6f5c918bdd649a1ac919cf22468a23b_StartDate" hidden="1"/>
          <p:cNvSpPr txBox="1"/>
          <p:nvPr>
            <p:custDataLst>
              <p:tags r:id="rId28"/>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GB" sz="1000" dirty="0">
              <a:solidFill>
                <a:srgbClr val="7F7F7F"/>
              </a:solidFill>
              <a:latin typeface="Calibri" panose="020F0502020204030204" pitchFamily="34" charset="0"/>
            </a:endParaRPr>
          </a:p>
        </p:txBody>
      </p:sp>
      <p:sp>
        <p:nvSpPr>
          <p:cNvPr id="9506" name="OTLSHAPE_T_e6f5c918bdd649a1ac919cf22468a23b_EndDate" hidden="1"/>
          <p:cNvSpPr txBox="1"/>
          <p:nvPr>
            <p:custDataLst>
              <p:tags r:id="rId29"/>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GB" sz="1000" dirty="0">
              <a:solidFill>
                <a:srgbClr val="7F7F7F"/>
              </a:solidFill>
              <a:latin typeface="Calibri" panose="020F0502020204030204" pitchFamily="34" charset="0"/>
            </a:endParaRPr>
          </a:p>
        </p:txBody>
      </p:sp>
      <p:sp>
        <p:nvSpPr>
          <p:cNvPr id="9461" name="OTLSHAPE_M_6a283b367375415b92b0e5fc4e16a0cc_Date" hidden="1"/>
          <p:cNvSpPr txBox="1"/>
          <p:nvPr>
            <p:custDataLst>
              <p:tags r:id="rId30"/>
            </p:custDataLst>
          </p:nvPr>
        </p:nvSpPr>
        <p:spPr>
          <a:xfrm>
            <a:off x="7466529" y="2501145"/>
            <a:ext cx="0" cy="492443"/>
          </a:xfrm>
          <a:prstGeom prst="rect">
            <a:avLst/>
          </a:prstGeom>
          <a:noFill/>
        </p:spPr>
        <p:txBody>
          <a:bodyPr vert="horz" wrap="square" lIns="0" tIns="0" rIns="0" bIns="0" rtlCol="0" anchor="ctr" anchorCtr="0">
            <a:spAutoFit/>
          </a:bodyPr>
          <a:lstStyle/>
          <a:p>
            <a:pPr algn="ctr"/>
            <a:r>
              <a:rPr lang="en-GB" sz="800" dirty="0">
                <a:solidFill>
                  <a:srgbClr val="D1282E"/>
                </a:solidFill>
                <a:latin typeface="Calibri" panose="020F0502020204030204" pitchFamily="34" charset="0"/>
              </a:rPr>
              <a:t>Nov 7</a:t>
            </a:r>
          </a:p>
        </p:txBody>
      </p:sp>
      <p:sp>
        <p:nvSpPr>
          <p:cNvPr id="9464" name="OTLSHAPE_M_7b0996464ffd4cd3a3b383ab1ba22438_Date" hidden="1"/>
          <p:cNvSpPr txBox="1"/>
          <p:nvPr>
            <p:custDataLst>
              <p:tags r:id="rId31"/>
            </p:custDataLst>
          </p:nvPr>
        </p:nvSpPr>
        <p:spPr>
          <a:xfrm>
            <a:off x="8579649" y="2792220"/>
            <a:ext cx="0" cy="615553"/>
          </a:xfrm>
          <a:prstGeom prst="rect">
            <a:avLst/>
          </a:prstGeom>
          <a:noFill/>
        </p:spPr>
        <p:txBody>
          <a:bodyPr vert="horz" wrap="square" lIns="0" tIns="0" rIns="0" bIns="0" rtlCol="0" anchor="ctr" anchorCtr="0">
            <a:spAutoFit/>
          </a:bodyPr>
          <a:lstStyle/>
          <a:p>
            <a:pPr algn="ctr"/>
            <a:r>
              <a:rPr lang="en-GB" sz="800" dirty="0">
                <a:solidFill>
                  <a:srgbClr val="D1282E"/>
                </a:solidFill>
                <a:latin typeface="Calibri" panose="020F0502020204030204" pitchFamily="34" charset="0"/>
              </a:rPr>
              <a:t>Dec 20</a:t>
            </a:r>
          </a:p>
        </p:txBody>
      </p:sp>
      <p:sp>
        <p:nvSpPr>
          <p:cNvPr id="108" name="OTLSHAPE_TB_00000000000000000000000000000000_LeftEndCaps">
            <a:extLst>
              <a:ext uri="{FF2B5EF4-FFF2-40B4-BE49-F238E27FC236}">
                <a16:creationId xmlns:a16="http://schemas.microsoft.com/office/drawing/2014/main" xmlns="" id="{8259287C-9107-5843-AD27-727E2AB183E9}"/>
              </a:ext>
            </a:extLst>
          </p:cNvPr>
          <p:cNvSpPr txBox="1"/>
          <p:nvPr>
            <p:custDataLst>
              <p:tags r:id="rId32"/>
            </p:custDataLst>
          </p:nvPr>
        </p:nvSpPr>
        <p:spPr>
          <a:xfrm>
            <a:off x="1480386" y="4236315"/>
            <a:ext cx="494494" cy="276999"/>
          </a:xfrm>
          <a:prstGeom prst="rect">
            <a:avLst/>
          </a:prstGeom>
          <a:noFill/>
        </p:spPr>
        <p:txBody>
          <a:bodyPr vert="horz" wrap="none" lIns="0" tIns="0" rIns="0" bIns="0" rtlCol="0" anchor="ctr" anchorCtr="0">
            <a:spAutoFit/>
          </a:bodyPr>
          <a:lstStyle/>
          <a:p>
            <a:pPr algn="ctr"/>
            <a:r>
              <a:rPr lang="en-GB" spc="-36" dirty="0">
                <a:solidFill>
                  <a:schemeClr val="accent6"/>
                </a:solidFill>
              </a:rPr>
              <a:t>2020</a:t>
            </a:r>
          </a:p>
        </p:txBody>
      </p:sp>
      <p:sp>
        <p:nvSpPr>
          <p:cNvPr id="109" name="OTLSHAPE_TB_00000000000000000000000000000000_RightEndCaps">
            <a:extLst>
              <a:ext uri="{FF2B5EF4-FFF2-40B4-BE49-F238E27FC236}">
                <a16:creationId xmlns:a16="http://schemas.microsoft.com/office/drawing/2014/main" xmlns="" id="{19D7B063-BC2C-B243-B738-0D48C39891B3}"/>
              </a:ext>
            </a:extLst>
          </p:cNvPr>
          <p:cNvSpPr txBox="1"/>
          <p:nvPr>
            <p:custDataLst>
              <p:tags r:id="rId33"/>
            </p:custDataLst>
          </p:nvPr>
        </p:nvSpPr>
        <p:spPr>
          <a:xfrm>
            <a:off x="9660109" y="4236315"/>
            <a:ext cx="494495" cy="276999"/>
          </a:xfrm>
          <a:prstGeom prst="rect">
            <a:avLst/>
          </a:prstGeom>
          <a:noFill/>
        </p:spPr>
        <p:txBody>
          <a:bodyPr vert="horz" wrap="none" lIns="0" tIns="0" rIns="0" bIns="0" rtlCol="0" anchor="ctr" anchorCtr="0">
            <a:spAutoFit/>
          </a:bodyPr>
          <a:lstStyle/>
          <a:p>
            <a:pPr algn="ctr"/>
            <a:r>
              <a:rPr lang="en-GB" spc="-36" dirty="0">
                <a:solidFill>
                  <a:schemeClr val="accent6"/>
                </a:solidFill>
              </a:rPr>
              <a:t>2021</a:t>
            </a:r>
          </a:p>
        </p:txBody>
      </p:sp>
      <p:cxnSp>
        <p:nvCxnSpPr>
          <p:cNvPr id="110" name="OTLSHAPE_M_6a283b367375415b92b0e5fc4e16a0cc_Connector1">
            <a:extLst>
              <a:ext uri="{FF2B5EF4-FFF2-40B4-BE49-F238E27FC236}">
                <a16:creationId xmlns:a16="http://schemas.microsoft.com/office/drawing/2014/main" xmlns="" id="{842E37B4-A324-384E-8DB4-F03ABB67A306}"/>
              </a:ext>
            </a:extLst>
          </p:cNvPr>
          <p:cNvCxnSpPr>
            <a:cxnSpLocks/>
          </p:cNvCxnSpPr>
          <p:nvPr>
            <p:custDataLst>
              <p:tags r:id="rId34"/>
            </p:custDataLst>
          </p:nvPr>
        </p:nvCxnSpPr>
        <p:spPr>
          <a:xfrm>
            <a:off x="7420524" y="3677390"/>
            <a:ext cx="0" cy="506924"/>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1" name="OTLSHAPE_M_93afb554552a4221a5380f7919409aa7_Connector1">
            <a:extLst>
              <a:ext uri="{FF2B5EF4-FFF2-40B4-BE49-F238E27FC236}">
                <a16:creationId xmlns:a16="http://schemas.microsoft.com/office/drawing/2014/main" xmlns="" id="{2BAF0AD8-945D-924D-A405-A7E3C4581E0E}"/>
              </a:ext>
            </a:extLst>
          </p:cNvPr>
          <p:cNvCxnSpPr>
            <a:cxnSpLocks/>
          </p:cNvCxnSpPr>
          <p:nvPr>
            <p:custDataLst>
              <p:tags r:id="rId35"/>
            </p:custDataLst>
          </p:nvPr>
        </p:nvCxnSpPr>
        <p:spPr>
          <a:xfrm>
            <a:off x="8969744" y="2576813"/>
            <a:ext cx="1" cy="1607501"/>
          </a:xfrm>
          <a:prstGeom prst="line">
            <a:avLst/>
          </a:prstGeom>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2" name="OTLSHAPE_M_a58f29487c0343c08abcf41913e40cae_Connector1">
            <a:extLst>
              <a:ext uri="{FF2B5EF4-FFF2-40B4-BE49-F238E27FC236}">
                <a16:creationId xmlns:a16="http://schemas.microsoft.com/office/drawing/2014/main" xmlns="" id="{89DCB054-87F1-6E40-A88E-3C2176D6FED7}"/>
              </a:ext>
            </a:extLst>
          </p:cNvPr>
          <p:cNvCxnSpPr>
            <a:cxnSpLocks/>
          </p:cNvCxnSpPr>
          <p:nvPr>
            <p:custDataLst>
              <p:tags r:id="rId36"/>
            </p:custDataLst>
          </p:nvPr>
        </p:nvCxnSpPr>
        <p:spPr>
          <a:xfrm>
            <a:off x="3646961" y="2184638"/>
            <a:ext cx="20345" cy="202012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3" name="OTLSHAPE_TB_00000000000000000000000000000000_ScaleContainer">
            <a:extLst>
              <a:ext uri="{FF2B5EF4-FFF2-40B4-BE49-F238E27FC236}">
                <a16:creationId xmlns:a16="http://schemas.microsoft.com/office/drawing/2014/main" xmlns="" id="{86829B93-43A3-894C-BC52-7D215153DAC5}"/>
              </a:ext>
            </a:extLst>
          </p:cNvPr>
          <p:cNvSpPr/>
          <p:nvPr>
            <p:custDataLst>
              <p:tags r:id="rId37"/>
            </p:custDataLst>
          </p:nvPr>
        </p:nvSpPr>
        <p:spPr>
          <a:xfrm>
            <a:off x="2081032" y="4184314"/>
            <a:ext cx="7493000" cy="381000"/>
          </a:xfrm>
          <a:prstGeom prst="roundRect">
            <a:avLst>
              <a:gd name="adj" fmla="val 100000"/>
            </a:avLst>
          </a:prstGeom>
          <a:gradFill flip="none" rotWithShape="1">
            <a:gsLst>
              <a:gs pos="0">
                <a:srgbClr val="44546A"/>
              </a:gs>
              <a:gs pos="10000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endParaRPr>
          </a:p>
        </p:txBody>
      </p:sp>
      <p:sp>
        <p:nvSpPr>
          <p:cNvPr id="114" name="OTLSHAPE_TB_00000000000000000000000000000000_TimescaleInterval1">
            <a:extLst>
              <a:ext uri="{FF2B5EF4-FFF2-40B4-BE49-F238E27FC236}">
                <a16:creationId xmlns:a16="http://schemas.microsoft.com/office/drawing/2014/main" xmlns="" id="{B93F35DC-B77C-7942-A781-E1893735C624}"/>
              </a:ext>
            </a:extLst>
          </p:cNvPr>
          <p:cNvSpPr txBox="1"/>
          <p:nvPr>
            <p:custDataLst>
              <p:tags r:id="rId38"/>
            </p:custDataLst>
          </p:nvPr>
        </p:nvSpPr>
        <p:spPr>
          <a:xfrm>
            <a:off x="2309632" y="4281787"/>
            <a:ext cx="268150" cy="186055"/>
          </a:xfrm>
          <a:prstGeom prst="rect">
            <a:avLst/>
          </a:prstGeom>
          <a:noFill/>
        </p:spPr>
        <p:txBody>
          <a:bodyPr vert="horz" wrap="none" lIns="0" tIns="0" rIns="0" bIns="0" rtlCol="0" anchor="ctr" anchorCtr="0">
            <a:noAutofit/>
          </a:bodyPr>
          <a:lstStyle/>
          <a:p>
            <a:r>
              <a:rPr lang="en-GB" sz="1200" spc="-18" dirty="0">
                <a:solidFill>
                  <a:srgbClr val="E7E6E6"/>
                </a:solidFill>
              </a:rPr>
              <a:t>May</a:t>
            </a:r>
          </a:p>
        </p:txBody>
      </p:sp>
      <p:sp>
        <p:nvSpPr>
          <p:cNvPr id="115" name="OTLSHAPE_TB_00000000000000000000000000000000_TimescaleInterval2">
            <a:extLst>
              <a:ext uri="{FF2B5EF4-FFF2-40B4-BE49-F238E27FC236}">
                <a16:creationId xmlns:a16="http://schemas.microsoft.com/office/drawing/2014/main" xmlns="" id="{594F4EC5-A263-6649-BA01-811248ED8E08}"/>
              </a:ext>
            </a:extLst>
          </p:cNvPr>
          <p:cNvSpPr txBox="1"/>
          <p:nvPr>
            <p:custDataLst>
              <p:tags r:id="rId39"/>
            </p:custDataLst>
          </p:nvPr>
        </p:nvSpPr>
        <p:spPr>
          <a:xfrm>
            <a:off x="2892304" y="4281787"/>
            <a:ext cx="206916" cy="186055"/>
          </a:xfrm>
          <a:prstGeom prst="rect">
            <a:avLst/>
          </a:prstGeom>
          <a:noFill/>
        </p:spPr>
        <p:txBody>
          <a:bodyPr vert="horz" wrap="none" lIns="0" tIns="0" rIns="0" bIns="0" rtlCol="0" anchor="ctr" anchorCtr="0">
            <a:noAutofit/>
          </a:bodyPr>
          <a:lstStyle/>
          <a:p>
            <a:r>
              <a:rPr lang="en-GB" sz="1200" spc="-18" dirty="0">
                <a:solidFill>
                  <a:srgbClr val="E7E6E6"/>
                </a:solidFill>
              </a:rPr>
              <a:t>Jun</a:t>
            </a:r>
          </a:p>
        </p:txBody>
      </p:sp>
      <p:sp>
        <p:nvSpPr>
          <p:cNvPr id="116" name="OTLSHAPE_TB_00000000000000000000000000000000_TimescaleInterval3">
            <a:extLst>
              <a:ext uri="{FF2B5EF4-FFF2-40B4-BE49-F238E27FC236}">
                <a16:creationId xmlns:a16="http://schemas.microsoft.com/office/drawing/2014/main" xmlns="" id="{C6186B73-B6C6-AE4A-8CED-8627A39FA11E}"/>
              </a:ext>
            </a:extLst>
          </p:cNvPr>
          <p:cNvSpPr txBox="1"/>
          <p:nvPr>
            <p:custDataLst>
              <p:tags r:id="rId40"/>
            </p:custDataLst>
          </p:nvPr>
        </p:nvSpPr>
        <p:spPr>
          <a:xfrm>
            <a:off x="3501871" y="4281787"/>
            <a:ext cx="158185" cy="186055"/>
          </a:xfrm>
          <a:prstGeom prst="rect">
            <a:avLst/>
          </a:prstGeom>
          <a:noFill/>
        </p:spPr>
        <p:txBody>
          <a:bodyPr vert="horz" wrap="none" lIns="0" tIns="0" rIns="0" bIns="0" rtlCol="0" anchor="ctr" anchorCtr="0">
            <a:noAutofit/>
          </a:bodyPr>
          <a:lstStyle/>
          <a:p>
            <a:r>
              <a:rPr lang="en-GB" sz="1200" spc="-20" dirty="0">
                <a:solidFill>
                  <a:srgbClr val="E7E6E6"/>
                </a:solidFill>
              </a:rPr>
              <a:t>Jul</a:t>
            </a:r>
          </a:p>
        </p:txBody>
      </p:sp>
      <p:sp>
        <p:nvSpPr>
          <p:cNvPr id="117" name="OTLSHAPE_TB_00000000000000000000000000000000_TimescaleInterval4">
            <a:extLst>
              <a:ext uri="{FF2B5EF4-FFF2-40B4-BE49-F238E27FC236}">
                <a16:creationId xmlns:a16="http://schemas.microsoft.com/office/drawing/2014/main" xmlns="" id="{0924B182-27A4-FA4C-B857-2E233E1FE0AC}"/>
              </a:ext>
            </a:extLst>
          </p:cNvPr>
          <p:cNvSpPr txBox="1"/>
          <p:nvPr>
            <p:custDataLst>
              <p:tags r:id="rId41"/>
            </p:custDataLst>
          </p:nvPr>
        </p:nvSpPr>
        <p:spPr>
          <a:xfrm>
            <a:off x="4186573" y="4281787"/>
            <a:ext cx="241300" cy="186055"/>
          </a:xfrm>
          <a:prstGeom prst="rect">
            <a:avLst/>
          </a:prstGeom>
          <a:noFill/>
        </p:spPr>
        <p:txBody>
          <a:bodyPr vert="horz" wrap="none" lIns="0" tIns="0" rIns="0" bIns="0" rtlCol="0" anchor="ctr" anchorCtr="0">
            <a:noAutofit/>
          </a:bodyPr>
          <a:lstStyle/>
          <a:p>
            <a:r>
              <a:rPr lang="en-GB" sz="1200" spc="-20" dirty="0" smtClean="0">
                <a:solidFill>
                  <a:srgbClr val="E7E6E6"/>
                </a:solidFill>
              </a:rPr>
              <a:t>Ago</a:t>
            </a:r>
            <a:endParaRPr lang="en-GB" sz="1200" spc="-20" dirty="0">
              <a:solidFill>
                <a:srgbClr val="E7E6E6"/>
              </a:solidFill>
            </a:endParaRPr>
          </a:p>
        </p:txBody>
      </p:sp>
      <p:sp>
        <p:nvSpPr>
          <p:cNvPr id="118" name="OTLSHAPE_TB_00000000000000000000000000000000_TimescaleInterval5">
            <a:extLst>
              <a:ext uri="{FF2B5EF4-FFF2-40B4-BE49-F238E27FC236}">
                <a16:creationId xmlns:a16="http://schemas.microsoft.com/office/drawing/2014/main" xmlns="" id="{DD8A0834-82A6-A346-B1CE-D39F3D9A4B6E}"/>
              </a:ext>
            </a:extLst>
          </p:cNvPr>
          <p:cNvSpPr txBox="1"/>
          <p:nvPr>
            <p:custDataLst>
              <p:tags r:id="rId42"/>
            </p:custDataLst>
          </p:nvPr>
        </p:nvSpPr>
        <p:spPr>
          <a:xfrm>
            <a:off x="4982355" y="4281787"/>
            <a:ext cx="228600" cy="186055"/>
          </a:xfrm>
          <a:prstGeom prst="rect">
            <a:avLst/>
          </a:prstGeom>
          <a:noFill/>
        </p:spPr>
        <p:txBody>
          <a:bodyPr vert="horz" wrap="none" lIns="0" tIns="0" rIns="0" bIns="0" rtlCol="0" anchor="ctr" anchorCtr="0">
            <a:noAutofit/>
          </a:bodyPr>
          <a:lstStyle/>
          <a:p>
            <a:r>
              <a:rPr lang="en-GB" sz="1200" spc="-18" dirty="0">
                <a:solidFill>
                  <a:srgbClr val="E7E6E6"/>
                </a:solidFill>
              </a:rPr>
              <a:t>Sep</a:t>
            </a:r>
          </a:p>
        </p:txBody>
      </p:sp>
      <p:sp>
        <p:nvSpPr>
          <p:cNvPr id="119" name="OTLSHAPE_TB_00000000000000000000000000000000_TimescaleInterval6">
            <a:extLst>
              <a:ext uri="{FF2B5EF4-FFF2-40B4-BE49-F238E27FC236}">
                <a16:creationId xmlns:a16="http://schemas.microsoft.com/office/drawing/2014/main" xmlns="" id="{A13185DF-0EAC-F541-8687-AAAF82B4C29D}"/>
              </a:ext>
            </a:extLst>
          </p:cNvPr>
          <p:cNvSpPr txBox="1"/>
          <p:nvPr>
            <p:custDataLst>
              <p:tags r:id="rId43"/>
            </p:custDataLst>
          </p:nvPr>
        </p:nvSpPr>
        <p:spPr>
          <a:xfrm>
            <a:off x="5610167" y="4281787"/>
            <a:ext cx="211148" cy="186055"/>
          </a:xfrm>
          <a:prstGeom prst="rect">
            <a:avLst/>
          </a:prstGeom>
          <a:noFill/>
        </p:spPr>
        <p:txBody>
          <a:bodyPr vert="horz" wrap="none" lIns="0" tIns="0" rIns="0" bIns="0" rtlCol="0" anchor="ctr" anchorCtr="0">
            <a:noAutofit/>
          </a:bodyPr>
          <a:lstStyle/>
          <a:p>
            <a:r>
              <a:rPr lang="en-GB" sz="1200" spc="-22" dirty="0">
                <a:solidFill>
                  <a:srgbClr val="E7E6E6"/>
                </a:solidFill>
              </a:rPr>
              <a:t>Oct</a:t>
            </a:r>
          </a:p>
        </p:txBody>
      </p:sp>
      <p:sp>
        <p:nvSpPr>
          <p:cNvPr id="120" name="OTLSHAPE_TB_00000000000000000000000000000000_TimescaleInterval7">
            <a:extLst>
              <a:ext uri="{FF2B5EF4-FFF2-40B4-BE49-F238E27FC236}">
                <a16:creationId xmlns:a16="http://schemas.microsoft.com/office/drawing/2014/main" xmlns="" id="{BE46C83C-BEF0-A043-839B-FACAB4A58F82}"/>
              </a:ext>
            </a:extLst>
          </p:cNvPr>
          <p:cNvSpPr txBox="1"/>
          <p:nvPr>
            <p:custDataLst>
              <p:tags r:id="rId44"/>
            </p:custDataLst>
          </p:nvPr>
        </p:nvSpPr>
        <p:spPr>
          <a:xfrm>
            <a:off x="6312456" y="4281787"/>
            <a:ext cx="243978" cy="186055"/>
          </a:xfrm>
          <a:prstGeom prst="rect">
            <a:avLst/>
          </a:prstGeom>
          <a:noFill/>
        </p:spPr>
        <p:txBody>
          <a:bodyPr vert="horz" wrap="none" lIns="0" tIns="0" rIns="0" bIns="0" rtlCol="0" anchor="ctr" anchorCtr="0">
            <a:noAutofit/>
          </a:bodyPr>
          <a:lstStyle/>
          <a:p>
            <a:r>
              <a:rPr lang="en-GB" sz="1200" spc="-20" dirty="0">
                <a:solidFill>
                  <a:srgbClr val="E7E6E6"/>
                </a:solidFill>
              </a:rPr>
              <a:t>Nov</a:t>
            </a:r>
          </a:p>
        </p:txBody>
      </p:sp>
      <p:sp>
        <p:nvSpPr>
          <p:cNvPr id="121" name="OTLSHAPE_TB_00000000000000000000000000000000_TimescaleInterval8">
            <a:extLst>
              <a:ext uri="{FF2B5EF4-FFF2-40B4-BE49-F238E27FC236}">
                <a16:creationId xmlns:a16="http://schemas.microsoft.com/office/drawing/2014/main" xmlns="" id="{F001859A-AD18-5841-8B67-E4534DB370A2}"/>
              </a:ext>
            </a:extLst>
          </p:cNvPr>
          <p:cNvSpPr txBox="1"/>
          <p:nvPr>
            <p:custDataLst>
              <p:tags r:id="rId45"/>
            </p:custDataLst>
          </p:nvPr>
        </p:nvSpPr>
        <p:spPr>
          <a:xfrm>
            <a:off x="7141921" y="4281787"/>
            <a:ext cx="231858" cy="186055"/>
          </a:xfrm>
          <a:prstGeom prst="rect">
            <a:avLst/>
          </a:prstGeom>
          <a:noFill/>
        </p:spPr>
        <p:txBody>
          <a:bodyPr vert="horz" wrap="none" lIns="0" tIns="0" rIns="0" bIns="0" rtlCol="0" anchor="ctr" anchorCtr="0">
            <a:noAutofit/>
          </a:bodyPr>
          <a:lstStyle/>
          <a:p>
            <a:r>
              <a:rPr lang="en-GB" sz="1200" spc="-22" dirty="0" smtClean="0">
                <a:solidFill>
                  <a:srgbClr val="E7E6E6"/>
                </a:solidFill>
              </a:rPr>
              <a:t>Dic</a:t>
            </a:r>
            <a:endParaRPr lang="en-GB" sz="1200" spc="-22" dirty="0">
              <a:solidFill>
                <a:srgbClr val="E7E6E6"/>
              </a:solidFill>
            </a:endParaRPr>
          </a:p>
        </p:txBody>
      </p:sp>
      <p:sp>
        <p:nvSpPr>
          <p:cNvPr id="122" name="OTLSHAPE_TB_00000000000000000000000000000000_TimescaleInterval9">
            <a:extLst>
              <a:ext uri="{FF2B5EF4-FFF2-40B4-BE49-F238E27FC236}">
                <a16:creationId xmlns:a16="http://schemas.microsoft.com/office/drawing/2014/main" xmlns="" id="{E15E13FD-A43D-A64F-B51D-3646E8D97406}"/>
              </a:ext>
            </a:extLst>
          </p:cNvPr>
          <p:cNvSpPr txBox="1"/>
          <p:nvPr>
            <p:custDataLst>
              <p:tags r:id="rId46"/>
            </p:custDataLst>
          </p:nvPr>
        </p:nvSpPr>
        <p:spPr>
          <a:xfrm>
            <a:off x="8328664" y="4281787"/>
            <a:ext cx="304955" cy="186055"/>
          </a:xfrm>
          <a:prstGeom prst="rect">
            <a:avLst/>
          </a:prstGeom>
          <a:noFill/>
        </p:spPr>
        <p:txBody>
          <a:bodyPr vert="horz" wrap="none" lIns="0" tIns="0" rIns="0" bIns="0" rtlCol="0" anchor="ctr" anchorCtr="0">
            <a:noAutofit/>
          </a:bodyPr>
          <a:lstStyle/>
          <a:p>
            <a:r>
              <a:rPr lang="en-GB" sz="1200" spc="-20" dirty="0">
                <a:solidFill>
                  <a:srgbClr val="E7E6E6"/>
                </a:solidFill>
              </a:rPr>
              <a:t>Feb</a:t>
            </a:r>
          </a:p>
        </p:txBody>
      </p:sp>
      <p:cxnSp>
        <p:nvCxnSpPr>
          <p:cNvPr id="123" name="OTLSHAPE_TB_00000000000000000000000000000000_Separator1">
            <a:extLst>
              <a:ext uri="{FF2B5EF4-FFF2-40B4-BE49-F238E27FC236}">
                <a16:creationId xmlns:a16="http://schemas.microsoft.com/office/drawing/2014/main" xmlns="" id="{E1AAC24B-6B23-3347-90D7-530974791BA7}"/>
              </a:ext>
            </a:extLst>
          </p:cNvPr>
          <p:cNvCxnSpPr/>
          <p:nvPr>
            <p:custDataLst>
              <p:tags r:id="rId47"/>
            </p:custDataLst>
          </p:nvPr>
        </p:nvCxnSpPr>
        <p:spPr>
          <a:xfrm>
            <a:off x="2731417" y="4222414"/>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 name="OTLSHAPE_TB_00000000000000000000000000000000_Separator2">
            <a:extLst>
              <a:ext uri="{FF2B5EF4-FFF2-40B4-BE49-F238E27FC236}">
                <a16:creationId xmlns:a16="http://schemas.microsoft.com/office/drawing/2014/main" xmlns="" id="{C4825D4C-94BF-9E49-A577-4CD5349ECFFB}"/>
              </a:ext>
            </a:extLst>
          </p:cNvPr>
          <p:cNvCxnSpPr/>
          <p:nvPr>
            <p:custDataLst>
              <p:tags r:id="rId48"/>
            </p:custDataLst>
          </p:nvPr>
        </p:nvCxnSpPr>
        <p:spPr>
          <a:xfrm>
            <a:off x="3300120" y="4222414"/>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 name="OTLSHAPE_TB_00000000000000000000000000000000_Separator3">
            <a:extLst>
              <a:ext uri="{FF2B5EF4-FFF2-40B4-BE49-F238E27FC236}">
                <a16:creationId xmlns:a16="http://schemas.microsoft.com/office/drawing/2014/main" xmlns="" id="{BC95DF55-D5F0-1A4D-8A29-595FEE5DB226}"/>
              </a:ext>
            </a:extLst>
          </p:cNvPr>
          <p:cNvCxnSpPr/>
          <p:nvPr>
            <p:custDataLst>
              <p:tags r:id="rId49"/>
            </p:custDataLst>
          </p:nvPr>
        </p:nvCxnSpPr>
        <p:spPr>
          <a:xfrm>
            <a:off x="3944432" y="4242354"/>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 name="OTLSHAPE_TB_00000000000000000000000000000000_Separator4">
            <a:extLst>
              <a:ext uri="{FF2B5EF4-FFF2-40B4-BE49-F238E27FC236}">
                <a16:creationId xmlns:a16="http://schemas.microsoft.com/office/drawing/2014/main" xmlns="" id="{A8965646-67AF-BF4F-82EF-F21FF7104F85}"/>
              </a:ext>
            </a:extLst>
          </p:cNvPr>
          <p:cNvCxnSpPr/>
          <p:nvPr>
            <p:custDataLst>
              <p:tags r:id="rId50"/>
            </p:custDataLst>
          </p:nvPr>
        </p:nvCxnSpPr>
        <p:spPr>
          <a:xfrm>
            <a:off x="4721717" y="4246494"/>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7" name="OTLSHAPE_TB_00000000000000000000000000000000_Separator5">
            <a:extLst>
              <a:ext uri="{FF2B5EF4-FFF2-40B4-BE49-F238E27FC236}">
                <a16:creationId xmlns:a16="http://schemas.microsoft.com/office/drawing/2014/main" xmlns="" id="{4DBBB8A7-722C-4F4E-88A5-F86EEA73330B}"/>
              </a:ext>
            </a:extLst>
          </p:cNvPr>
          <p:cNvCxnSpPr/>
          <p:nvPr>
            <p:custDataLst>
              <p:tags r:id="rId51"/>
            </p:custDataLst>
          </p:nvPr>
        </p:nvCxnSpPr>
        <p:spPr>
          <a:xfrm>
            <a:off x="5455416" y="4260253"/>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8" name="OTLSHAPE_TB_00000000000000000000000000000000_Separator6">
            <a:extLst>
              <a:ext uri="{FF2B5EF4-FFF2-40B4-BE49-F238E27FC236}">
                <a16:creationId xmlns:a16="http://schemas.microsoft.com/office/drawing/2014/main" xmlns="" id="{01C2725B-4FFD-194C-9A2D-8674C8E63322}"/>
              </a:ext>
            </a:extLst>
          </p:cNvPr>
          <p:cNvCxnSpPr/>
          <p:nvPr>
            <p:custDataLst>
              <p:tags r:id="rId52"/>
            </p:custDataLst>
          </p:nvPr>
        </p:nvCxnSpPr>
        <p:spPr>
          <a:xfrm>
            <a:off x="6129203" y="4260253"/>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9" name="OTLSHAPE_TB_00000000000000000000000000000000_Separator7">
            <a:extLst>
              <a:ext uri="{FF2B5EF4-FFF2-40B4-BE49-F238E27FC236}">
                <a16:creationId xmlns:a16="http://schemas.microsoft.com/office/drawing/2014/main" xmlns="" id="{5DA21F0F-E220-9445-AD15-72C337FA3109}"/>
              </a:ext>
            </a:extLst>
          </p:cNvPr>
          <p:cNvCxnSpPr/>
          <p:nvPr>
            <p:custDataLst>
              <p:tags r:id="rId53"/>
            </p:custDataLst>
          </p:nvPr>
        </p:nvCxnSpPr>
        <p:spPr>
          <a:xfrm>
            <a:off x="6884310" y="4242352"/>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0" name="OTLSHAPE_TB_00000000000000000000000000000000_Separator8">
            <a:extLst>
              <a:ext uri="{FF2B5EF4-FFF2-40B4-BE49-F238E27FC236}">
                <a16:creationId xmlns:a16="http://schemas.microsoft.com/office/drawing/2014/main" xmlns="" id="{D0315E74-8A63-A64A-98DC-DAD1ECD9B941}"/>
              </a:ext>
            </a:extLst>
          </p:cNvPr>
          <p:cNvCxnSpPr/>
          <p:nvPr>
            <p:custDataLst>
              <p:tags r:id="rId54"/>
            </p:custDataLst>
          </p:nvPr>
        </p:nvCxnSpPr>
        <p:spPr>
          <a:xfrm>
            <a:off x="7546917" y="4234576"/>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1" name="OTLSHAPE_T_7c518fb37f2142bb8e0445920d0403b5_Shape">
            <a:extLst>
              <a:ext uri="{FF2B5EF4-FFF2-40B4-BE49-F238E27FC236}">
                <a16:creationId xmlns:a16="http://schemas.microsoft.com/office/drawing/2014/main" xmlns="" id="{61BE75B7-9E71-5C47-95C7-55A78DA3F19F}"/>
              </a:ext>
            </a:extLst>
          </p:cNvPr>
          <p:cNvSpPr/>
          <p:nvPr>
            <p:custDataLst>
              <p:tags r:id="rId55"/>
            </p:custDataLst>
          </p:nvPr>
        </p:nvSpPr>
        <p:spPr>
          <a:xfrm>
            <a:off x="2151474" y="4679617"/>
            <a:ext cx="1792958" cy="253451"/>
          </a:xfrm>
          <a:prstGeom prst="roundRect">
            <a:avLst>
              <a:gd name="adj" fmla="val 100000"/>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endParaRPr>
          </a:p>
        </p:txBody>
      </p:sp>
      <p:sp>
        <p:nvSpPr>
          <p:cNvPr id="132" name="OTLSHAPE_T_be3ae38f60b3402d8a13f1e91eec41f5_Shape">
            <a:extLst>
              <a:ext uri="{FF2B5EF4-FFF2-40B4-BE49-F238E27FC236}">
                <a16:creationId xmlns:a16="http://schemas.microsoft.com/office/drawing/2014/main" xmlns="" id="{B874DDDB-7FEB-F74E-B282-8B133870862A}"/>
              </a:ext>
            </a:extLst>
          </p:cNvPr>
          <p:cNvSpPr/>
          <p:nvPr>
            <p:custDataLst>
              <p:tags r:id="rId56"/>
            </p:custDataLst>
          </p:nvPr>
        </p:nvSpPr>
        <p:spPr>
          <a:xfrm>
            <a:off x="2151474" y="5027046"/>
            <a:ext cx="3303942" cy="274869"/>
          </a:xfrm>
          <a:prstGeom prst="roundRect">
            <a:avLst>
              <a:gd name="adj" fmla="val 100000"/>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endParaRPr>
          </a:p>
        </p:txBody>
      </p:sp>
      <p:sp>
        <p:nvSpPr>
          <p:cNvPr id="133" name="OTLSHAPE_T_9aa183d65df24b0c8fecd0a002471583_Shape">
            <a:extLst>
              <a:ext uri="{FF2B5EF4-FFF2-40B4-BE49-F238E27FC236}">
                <a16:creationId xmlns:a16="http://schemas.microsoft.com/office/drawing/2014/main" xmlns="" id="{49B7B66E-D6BF-A04D-A8A3-276C4FA073F8}"/>
              </a:ext>
            </a:extLst>
          </p:cNvPr>
          <p:cNvSpPr/>
          <p:nvPr>
            <p:custDataLst>
              <p:tags r:id="rId57"/>
            </p:custDataLst>
          </p:nvPr>
        </p:nvSpPr>
        <p:spPr>
          <a:xfrm>
            <a:off x="4030102" y="5367287"/>
            <a:ext cx="3503094" cy="274869"/>
          </a:xfrm>
          <a:prstGeom prst="roundRect">
            <a:avLst>
              <a:gd name="adj" fmla="val 100000"/>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endParaRPr>
          </a:p>
        </p:txBody>
      </p:sp>
      <p:sp>
        <p:nvSpPr>
          <p:cNvPr id="134" name="OTLSHAPE_T_06a6a20021ea4acdac20b41f7b37b0dd_Shape">
            <a:extLst>
              <a:ext uri="{FF2B5EF4-FFF2-40B4-BE49-F238E27FC236}">
                <a16:creationId xmlns:a16="http://schemas.microsoft.com/office/drawing/2014/main" xmlns="" id="{851CE2E3-550E-2049-A2D8-C3C5C86ADAF4}"/>
              </a:ext>
            </a:extLst>
          </p:cNvPr>
          <p:cNvSpPr/>
          <p:nvPr>
            <p:custDataLst>
              <p:tags r:id="rId58"/>
            </p:custDataLst>
          </p:nvPr>
        </p:nvSpPr>
        <p:spPr>
          <a:xfrm>
            <a:off x="6924693" y="5746569"/>
            <a:ext cx="2198353" cy="225319"/>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endParaRPr>
          </a:p>
        </p:txBody>
      </p:sp>
      <p:sp>
        <p:nvSpPr>
          <p:cNvPr id="135" name="OTLSHAPE_T_7c518fb37f2142bb8e0445920d0403b5_Title">
            <a:extLst>
              <a:ext uri="{FF2B5EF4-FFF2-40B4-BE49-F238E27FC236}">
                <a16:creationId xmlns:a16="http://schemas.microsoft.com/office/drawing/2014/main" xmlns="" id="{F8985A3B-5495-F745-88A8-3567A67A7419}"/>
              </a:ext>
            </a:extLst>
          </p:cNvPr>
          <p:cNvSpPr txBox="1"/>
          <p:nvPr>
            <p:custDataLst>
              <p:tags r:id="rId59"/>
            </p:custDataLst>
          </p:nvPr>
        </p:nvSpPr>
        <p:spPr>
          <a:xfrm>
            <a:off x="4085680" y="4658779"/>
            <a:ext cx="2218664" cy="307777"/>
          </a:xfrm>
          <a:prstGeom prst="rect">
            <a:avLst/>
          </a:prstGeom>
          <a:noFill/>
        </p:spPr>
        <p:txBody>
          <a:bodyPr vert="horz" wrap="square" lIns="0" tIns="0" rIns="0" bIns="0" rtlCol="0" anchor="ctr" anchorCtr="0">
            <a:spAutoFit/>
          </a:bodyPr>
          <a:lstStyle/>
          <a:p>
            <a:r>
              <a:rPr lang="en-GB" sz="1000" b="1" spc="-8" dirty="0" smtClean="0">
                <a:solidFill>
                  <a:srgbClr val="0070C0"/>
                </a:solidFill>
              </a:rPr>
              <a:t>Análisis de los datos y evidencias disponibles</a:t>
            </a:r>
            <a:endParaRPr lang="en-GB" sz="1000" b="1" spc="-8" dirty="0">
              <a:solidFill>
                <a:srgbClr val="0070C0"/>
              </a:solidFill>
            </a:endParaRPr>
          </a:p>
        </p:txBody>
      </p:sp>
      <p:sp>
        <p:nvSpPr>
          <p:cNvPr id="136" name="OTLSHAPE_T_e6f5c918bdd649a1ac919cf22468a23b_Title">
            <a:extLst>
              <a:ext uri="{FF2B5EF4-FFF2-40B4-BE49-F238E27FC236}">
                <a16:creationId xmlns:a16="http://schemas.microsoft.com/office/drawing/2014/main" xmlns="" id="{A14EF329-B3D9-5B49-9CFE-5568550082E4}"/>
              </a:ext>
            </a:extLst>
          </p:cNvPr>
          <p:cNvSpPr txBox="1"/>
          <p:nvPr>
            <p:custDataLst>
              <p:tags r:id="rId60"/>
            </p:custDataLst>
          </p:nvPr>
        </p:nvSpPr>
        <p:spPr>
          <a:xfrm>
            <a:off x="9217174" y="5705340"/>
            <a:ext cx="1726146" cy="307777"/>
          </a:xfrm>
          <a:prstGeom prst="rect">
            <a:avLst/>
          </a:prstGeom>
          <a:noFill/>
        </p:spPr>
        <p:txBody>
          <a:bodyPr vert="horz" wrap="square" lIns="0" tIns="0" rIns="0" bIns="0" rtlCol="0" anchor="ctr" anchorCtr="0">
            <a:spAutoFit/>
          </a:bodyPr>
          <a:lstStyle/>
          <a:p>
            <a:r>
              <a:rPr lang="en-GB" sz="1000" b="1" spc="-8" dirty="0" smtClean="0">
                <a:solidFill>
                  <a:schemeClr val="accent6"/>
                </a:solidFill>
              </a:rPr>
              <a:t>Borrador de la estrategia y revisión</a:t>
            </a:r>
            <a:endParaRPr lang="en-GB" sz="1000" b="1" spc="-8" dirty="0">
              <a:solidFill>
                <a:schemeClr val="accent6"/>
              </a:solidFill>
            </a:endParaRPr>
          </a:p>
        </p:txBody>
      </p:sp>
      <p:sp>
        <p:nvSpPr>
          <p:cNvPr id="137" name="OTLSHAPE_M_a58f29487c0343c08abcf41913e40cae_Shape">
            <a:extLst>
              <a:ext uri="{FF2B5EF4-FFF2-40B4-BE49-F238E27FC236}">
                <a16:creationId xmlns:a16="http://schemas.microsoft.com/office/drawing/2014/main" xmlns="" id="{86DDEAC2-04D5-914F-AEE8-DADBB9ACE61A}"/>
              </a:ext>
            </a:extLst>
          </p:cNvPr>
          <p:cNvSpPr/>
          <p:nvPr>
            <p:custDataLst>
              <p:tags r:id="rId61"/>
            </p:custDataLst>
          </p:nvPr>
        </p:nvSpPr>
        <p:spPr>
          <a:xfrm rot="16200000">
            <a:off x="3634260" y="2102087"/>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endParaRPr>
          </a:p>
        </p:txBody>
      </p:sp>
      <p:sp>
        <p:nvSpPr>
          <p:cNvPr id="139" name="OTLSHAPE_M_6a283b367375415b92b0e5fc4e16a0cc_Shape">
            <a:extLst>
              <a:ext uri="{FF2B5EF4-FFF2-40B4-BE49-F238E27FC236}">
                <a16:creationId xmlns:a16="http://schemas.microsoft.com/office/drawing/2014/main" xmlns="" id="{6D0D22E6-BBA2-E041-ADFA-D1BF6199EB33}"/>
              </a:ext>
            </a:extLst>
          </p:cNvPr>
          <p:cNvSpPr/>
          <p:nvPr>
            <p:custDataLst>
              <p:tags r:id="rId62"/>
            </p:custDataLst>
          </p:nvPr>
        </p:nvSpPr>
        <p:spPr>
          <a:xfrm>
            <a:off x="4666123" y="3256064"/>
            <a:ext cx="228600" cy="254000"/>
          </a:xfrm>
          <a:prstGeom prst="star8">
            <a:avLst/>
          </a:prstGeom>
          <a:solidFill>
            <a:schemeClr val="accent3"/>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endParaRPr>
          </a:p>
        </p:txBody>
      </p:sp>
      <p:sp>
        <p:nvSpPr>
          <p:cNvPr id="140" name="OTLSHAPE_M_7f583de0854a4cacb89837f3a379bb4a_Shape">
            <a:extLst>
              <a:ext uri="{FF2B5EF4-FFF2-40B4-BE49-F238E27FC236}">
                <a16:creationId xmlns:a16="http://schemas.microsoft.com/office/drawing/2014/main" xmlns="" id="{1FC51E3B-58EA-FF4F-951C-12717CD64244}"/>
              </a:ext>
            </a:extLst>
          </p:cNvPr>
          <p:cNvSpPr/>
          <p:nvPr>
            <p:custDataLst>
              <p:tags r:id="rId63"/>
            </p:custDataLst>
          </p:nvPr>
        </p:nvSpPr>
        <p:spPr>
          <a:xfrm>
            <a:off x="4628023" y="3867929"/>
            <a:ext cx="304800" cy="330200"/>
          </a:xfrm>
          <a:prstGeom prst="star5">
            <a:avLst>
              <a:gd name="adj" fmla="val 25000"/>
              <a:gd name="hf" fmla="val 105146"/>
              <a:gd name="vf" fmla="val 110557"/>
            </a:avLst>
          </a:prstGeom>
          <a:solidFill>
            <a:schemeClr val="accent6"/>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endParaRPr>
          </a:p>
        </p:txBody>
      </p:sp>
      <p:sp>
        <p:nvSpPr>
          <p:cNvPr id="141" name="OTLSHAPE_M_a58f29487c0343c08abcf41913e40cae_Title">
            <a:extLst>
              <a:ext uri="{FF2B5EF4-FFF2-40B4-BE49-F238E27FC236}">
                <a16:creationId xmlns:a16="http://schemas.microsoft.com/office/drawing/2014/main" xmlns="" id="{D4E18075-3B9E-BB41-9BF2-8359BBC16537}"/>
              </a:ext>
            </a:extLst>
          </p:cNvPr>
          <p:cNvSpPr txBox="1"/>
          <p:nvPr>
            <p:custDataLst>
              <p:tags r:id="rId64"/>
            </p:custDataLst>
          </p:nvPr>
        </p:nvSpPr>
        <p:spPr>
          <a:xfrm>
            <a:off x="3656260" y="1911986"/>
            <a:ext cx="3639116" cy="153888"/>
          </a:xfrm>
          <a:prstGeom prst="rect">
            <a:avLst/>
          </a:prstGeom>
          <a:noFill/>
        </p:spPr>
        <p:txBody>
          <a:bodyPr vert="horz" wrap="square" lIns="0" tIns="0" rIns="0" bIns="0" rtlCol="0" anchor="ctr" anchorCtr="0">
            <a:spAutoFit/>
          </a:bodyPr>
          <a:lstStyle/>
          <a:p>
            <a:r>
              <a:rPr lang="en-GB" sz="1000" b="1" spc="-6" dirty="0" smtClean="0">
                <a:solidFill>
                  <a:srgbClr val="3B5998"/>
                </a:solidFill>
              </a:rPr>
              <a:t>46</a:t>
            </a:r>
            <a:r>
              <a:rPr lang="en-GB" sz="1000" b="1" spc="-6" baseline="30000" dirty="0">
                <a:solidFill>
                  <a:srgbClr val="3B5998"/>
                </a:solidFill>
              </a:rPr>
              <a:t>ª </a:t>
            </a:r>
            <a:r>
              <a:rPr lang="en-GB" sz="1000" b="1" spc="-6" dirty="0" smtClean="0">
                <a:solidFill>
                  <a:srgbClr val="3B5998"/>
                </a:solidFill>
              </a:rPr>
              <a:t>reunion de la Junta Coordinadora del Programa</a:t>
            </a:r>
            <a:endParaRPr lang="en-GB" sz="1000" b="1" spc="-6" dirty="0">
              <a:solidFill>
                <a:srgbClr val="3B5998"/>
              </a:solidFill>
            </a:endParaRPr>
          </a:p>
        </p:txBody>
      </p:sp>
      <p:sp>
        <p:nvSpPr>
          <p:cNvPr id="142" name="OTLSHAPE_M_a58f29487c0343c08abcf41913e40cae_Date">
            <a:extLst>
              <a:ext uri="{FF2B5EF4-FFF2-40B4-BE49-F238E27FC236}">
                <a16:creationId xmlns:a16="http://schemas.microsoft.com/office/drawing/2014/main" xmlns="" id="{097F0280-5F89-1F4A-8879-B85FD1188529}"/>
              </a:ext>
            </a:extLst>
          </p:cNvPr>
          <p:cNvSpPr txBox="1"/>
          <p:nvPr>
            <p:custDataLst>
              <p:tags r:id="rId65"/>
            </p:custDataLst>
          </p:nvPr>
        </p:nvSpPr>
        <p:spPr>
          <a:xfrm>
            <a:off x="3701878" y="2455149"/>
            <a:ext cx="859047" cy="153888"/>
          </a:xfrm>
          <a:prstGeom prst="rect">
            <a:avLst/>
          </a:prstGeom>
          <a:noFill/>
        </p:spPr>
        <p:txBody>
          <a:bodyPr vert="horz" wrap="square" lIns="0" tIns="0" rIns="0" bIns="0" rtlCol="0" anchor="ctr" anchorCtr="0">
            <a:spAutoFit/>
          </a:bodyPr>
          <a:lstStyle/>
          <a:p>
            <a:r>
              <a:rPr lang="en-GB" sz="1000" spc="-8" dirty="0" smtClean="0"/>
              <a:t>23-25 de </a:t>
            </a:r>
            <a:r>
              <a:rPr lang="en-GB" sz="1000" spc="-8" dirty="0"/>
              <a:t>j</a:t>
            </a:r>
            <a:r>
              <a:rPr lang="en-GB" sz="1000" spc="-8" dirty="0" smtClean="0"/>
              <a:t>unio</a:t>
            </a:r>
            <a:endParaRPr lang="en-GB" sz="1000" spc="-8" dirty="0"/>
          </a:p>
        </p:txBody>
      </p:sp>
      <p:sp>
        <p:nvSpPr>
          <p:cNvPr id="143" name="OTLSHAPE_M_a54bc827b05146d18b559f618723e2b4_Title">
            <a:extLst>
              <a:ext uri="{FF2B5EF4-FFF2-40B4-BE49-F238E27FC236}">
                <a16:creationId xmlns:a16="http://schemas.microsoft.com/office/drawing/2014/main" xmlns="" id="{6398AB3F-9A22-324E-88C5-B034C1A55A63}"/>
              </a:ext>
            </a:extLst>
          </p:cNvPr>
          <p:cNvSpPr txBox="1"/>
          <p:nvPr>
            <p:custDataLst>
              <p:tags r:id="rId66"/>
            </p:custDataLst>
          </p:nvPr>
        </p:nvSpPr>
        <p:spPr>
          <a:xfrm>
            <a:off x="3705656" y="3498850"/>
            <a:ext cx="1227167" cy="615553"/>
          </a:xfrm>
          <a:prstGeom prst="rect">
            <a:avLst/>
          </a:prstGeom>
          <a:noFill/>
        </p:spPr>
        <p:txBody>
          <a:bodyPr vert="horz" wrap="square" lIns="0" tIns="0" rIns="0" bIns="0" rtlCol="0" anchor="ctr" anchorCtr="0">
            <a:spAutoFit/>
          </a:bodyPr>
          <a:lstStyle/>
          <a:p>
            <a:r>
              <a:rPr lang="en-GB" sz="1000" b="1" spc="-6" dirty="0" smtClean="0">
                <a:solidFill>
                  <a:srgbClr val="3B5998"/>
                </a:solidFill>
              </a:rPr>
              <a:t>Los resultados de la revisión son la base de las consultas subsecuentes</a:t>
            </a:r>
            <a:endParaRPr lang="en-GB" sz="1000" b="1" spc="-6" dirty="0">
              <a:solidFill>
                <a:srgbClr val="3B5998"/>
              </a:solidFill>
            </a:endParaRPr>
          </a:p>
        </p:txBody>
      </p:sp>
      <p:sp>
        <p:nvSpPr>
          <p:cNvPr id="144" name="OTLSHAPE_M_6a283b367375415b92b0e5fc4e16a0cc_Title">
            <a:extLst>
              <a:ext uri="{FF2B5EF4-FFF2-40B4-BE49-F238E27FC236}">
                <a16:creationId xmlns:a16="http://schemas.microsoft.com/office/drawing/2014/main" xmlns="" id="{B91A1CBA-CF4A-014B-9153-BC150205BA48}"/>
              </a:ext>
            </a:extLst>
          </p:cNvPr>
          <p:cNvSpPr txBox="1"/>
          <p:nvPr>
            <p:custDataLst>
              <p:tags r:id="rId67"/>
            </p:custDataLst>
          </p:nvPr>
        </p:nvSpPr>
        <p:spPr>
          <a:xfrm>
            <a:off x="6058305" y="3310506"/>
            <a:ext cx="3667630" cy="153888"/>
          </a:xfrm>
          <a:prstGeom prst="rect">
            <a:avLst/>
          </a:prstGeom>
          <a:noFill/>
        </p:spPr>
        <p:txBody>
          <a:bodyPr vert="horz" wrap="square" lIns="0" tIns="0" rIns="0" bIns="0" rtlCol="0" anchor="ctr" anchorCtr="0">
            <a:spAutoFit/>
          </a:bodyPr>
          <a:lstStyle/>
          <a:p>
            <a:pPr algn="ctr"/>
            <a:r>
              <a:rPr lang="en-GB" sz="1000" b="1" spc="-6" dirty="0" smtClean="0">
                <a:solidFill>
                  <a:schemeClr val="accent3"/>
                </a:solidFill>
              </a:rPr>
              <a:t>47ª Reunión de la Junta Coordinadora del Programa</a:t>
            </a:r>
            <a:r>
              <a:rPr lang="en-GB" sz="1000" b="1" spc="-6" baseline="30000" dirty="0" smtClean="0">
                <a:solidFill>
                  <a:schemeClr val="accent3"/>
                </a:solidFill>
              </a:rPr>
              <a:t> </a:t>
            </a:r>
            <a:endParaRPr lang="en-GB" sz="1000" b="1" spc="-6" dirty="0">
              <a:solidFill>
                <a:schemeClr val="accent3"/>
              </a:solidFill>
            </a:endParaRPr>
          </a:p>
        </p:txBody>
      </p:sp>
      <p:sp>
        <p:nvSpPr>
          <p:cNvPr id="145" name="OTLSHAPE_M_7f583de0854a4cacb89837f3a379bb4a_Title">
            <a:extLst>
              <a:ext uri="{FF2B5EF4-FFF2-40B4-BE49-F238E27FC236}">
                <a16:creationId xmlns:a16="http://schemas.microsoft.com/office/drawing/2014/main" xmlns="" id="{70C01643-2A15-E04D-9E39-7BD1EA106E4F}"/>
              </a:ext>
            </a:extLst>
          </p:cNvPr>
          <p:cNvSpPr txBox="1"/>
          <p:nvPr>
            <p:custDataLst>
              <p:tags r:id="rId68"/>
            </p:custDataLst>
          </p:nvPr>
        </p:nvSpPr>
        <p:spPr>
          <a:xfrm>
            <a:off x="8481141" y="2036355"/>
            <a:ext cx="1920236" cy="461665"/>
          </a:xfrm>
          <a:prstGeom prst="rect">
            <a:avLst/>
          </a:prstGeom>
          <a:noFill/>
        </p:spPr>
        <p:txBody>
          <a:bodyPr vert="horz" wrap="square" lIns="0" tIns="0" rIns="0" bIns="0" rtlCol="0" anchor="ctr" anchorCtr="0">
            <a:spAutoFit/>
          </a:bodyPr>
          <a:lstStyle/>
          <a:p>
            <a:r>
              <a:rPr lang="en-GB" sz="1000" b="1" spc="-6" dirty="0" smtClean="0">
                <a:solidFill>
                  <a:schemeClr val="accent6"/>
                </a:solidFill>
              </a:rPr>
              <a:t>Sesión extraordinaria de la JCP de ONUSIDA</a:t>
            </a:r>
          </a:p>
          <a:p>
            <a:r>
              <a:rPr lang="en-GB" sz="1000" b="1" spc="-6" dirty="0" smtClean="0">
                <a:solidFill>
                  <a:schemeClr val="accent6"/>
                </a:solidFill>
              </a:rPr>
              <a:t>Adopción de la estrategia</a:t>
            </a:r>
            <a:endParaRPr lang="en-GB" sz="1000" b="1" spc="-6" dirty="0">
              <a:solidFill>
                <a:schemeClr val="accent6"/>
              </a:solidFill>
            </a:endParaRPr>
          </a:p>
        </p:txBody>
      </p:sp>
      <p:sp>
        <p:nvSpPr>
          <p:cNvPr id="146" name="OTLSHAPE_TB_00000000000000000000000000000000_TimescaleInterval9">
            <a:extLst>
              <a:ext uri="{FF2B5EF4-FFF2-40B4-BE49-F238E27FC236}">
                <a16:creationId xmlns:a16="http://schemas.microsoft.com/office/drawing/2014/main" xmlns="" id="{16BB4F22-5C23-4249-B9EE-5C2D32501D1C}"/>
              </a:ext>
            </a:extLst>
          </p:cNvPr>
          <p:cNvSpPr txBox="1"/>
          <p:nvPr>
            <p:custDataLst>
              <p:tags r:id="rId69"/>
            </p:custDataLst>
          </p:nvPr>
        </p:nvSpPr>
        <p:spPr>
          <a:xfrm>
            <a:off x="8842668" y="4281787"/>
            <a:ext cx="304955" cy="186055"/>
          </a:xfrm>
          <a:prstGeom prst="rect">
            <a:avLst/>
          </a:prstGeom>
          <a:noFill/>
        </p:spPr>
        <p:txBody>
          <a:bodyPr vert="horz" wrap="none" lIns="0" tIns="0" rIns="0" bIns="0" rtlCol="0" anchor="ctr" anchorCtr="0">
            <a:noAutofit/>
          </a:bodyPr>
          <a:lstStyle/>
          <a:p>
            <a:r>
              <a:rPr lang="en-GB" sz="1200" spc="-20" dirty="0" smtClean="0">
                <a:solidFill>
                  <a:srgbClr val="E7E6E6"/>
                </a:solidFill>
              </a:rPr>
              <a:t>Mar</a:t>
            </a:r>
            <a:endParaRPr lang="en-GB" sz="1200" spc="-20" dirty="0">
              <a:solidFill>
                <a:srgbClr val="E7E6E6"/>
              </a:solidFill>
            </a:endParaRPr>
          </a:p>
        </p:txBody>
      </p:sp>
      <p:sp>
        <p:nvSpPr>
          <p:cNvPr id="147" name="OTLSHAPE_TB_00000000000000000000000000000000_TimescaleInterval9">
            <a:extLst>
              <a:ext uri="{FF2B5EF4-FFF2-40B4-BE49-F238E27FC236}">
                <a16:creationId xmlns:a16="http://schemas.microsoft.com/office/drawing/2014/main" xmlns="" id="{384AADF9-55AE-4746-B072-4BFF640DCDB8}"/>
              </a:ext>
            </a:extLst>
          </p:cNvPr>
          <p:cNvSpPr txBox="1"/>
          <p:nvPr>
            <p:custDataLst>
              <p:tags r:id="rId70"/>
            </p:custDataLst>
          </p:nvPr>
        </p:nvSpPr>
        <p:spPr>
          <a:xfrm>
            <a:off x="7740269" y="4281787"/>
            <a:ext cx="304955" cy="186055"/>
          </a:xfrm>
          <a:prstGeom prst="rect">
            <a:avLst/>
          </a:prstGeom>
          <a:noFill/>
        </p:spPr>
        <p:txBody>
          <a:bodyPr vert="horz" wrap="none" lIns="0" tIns="0" rIns="0" bIns="0" rtlCol="0" anchor="ctr" anchorCtr="0">
            <a:noAutofit/>
          </a:bodyPr>
          <a:lstStyle/>
          <a:p>
            <a:r>
              <a:rPr lang="en-GB" sz="1200" spc="-20" dirty="0" smtClean="0">
                <a:solidFill>
                  <a:srgbClr val="E7E6E6"/>
                </a:solidFill>
              </a:rPr>
              <a:t>Ene</a:t>
            </a:r>
            <a:endParaRPr lang="en-GB" sz="1200" spc="-20" dirty="0">
              <a:solidFill>
                <a:srgbClr val="E7E6E6"/>
              </a:solidFill>
            </a:endParaRPr>
          </a:p>
        </p:txBody>
      </p:sp>
      <p:cxnSp>
        <p:nvCxnSpPr>
          <p:cNvPr id="148" name="OTLSHAPE_TB_00000000000000000000000000000000_Separator8">
            <a:extLst>
              <a:ext uri="{FF2B5EF4-FFF2-40B4-BE49-F238E27FC236}">
                <a16:creationId xmlns:a16="http://schemas.microsoft.com/office/drawing/2014/main" xmlns="" id="{A461D37F-07C4-7842-B64A-46C5E2B98D09}"/>
              </a:ext>
            </a:extLst>
          </p:cNvPr>
          <p:cNvCxnSpPr/>
          <p:nvPr>
            <p:custDataLst>
              <p:tags r:id="rId71"/>
            </p:custDataLst>
          </p:nvPr>
        </p:nvCxnSpPr>
        <p:spPr>
          <a:xfrm>
            <a:off x="8103432" y="4217132"/>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9" name="OTLSHAPE_TB_00000000000000000000000000000000_Separator8">
            <a:extLst>
              <a:ext uri="{FF2B5EF4-FFF2-40B4-BE49-F238E27FC236}">
                <a16:creationId xmlns:a16="http://schemas.microsoft.com/office/drawing/2014/main" xmlns="" id="{99823D62-AAB0-1A49-B357-7E36A47E01DB}"/>
              </a:ext>
            </a:extLst>
          </p:cNvPr>
          <p:cNvCxnSpPr/>
          <p:nvPr>
            <p:custDataLst>
              <p:tags r:id="rId72"/>
            </p:custDataLst>
          </p:nvPr>
        </p:nvCxnSpPr>
        <p:spPr>
          <a:xfrm>
            <a:off x="8699147" y="4200881"/>
            <a:ext cx="0" cy="304800"/>
          </a:xfrm>
          <a:prstGeom prst="line">
            <a:avLst/>
          </a:prstGeom>
          <a:ln w="9525"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0" name="OTLSHAPE_T_7c518fb37f2142bb8e0445920d0403b5_Title">
            <a:extLst>
              <a:ext uri="{FF2B5EF4-FFF2-40B4-BE49-F238E27FC236}">
                <a16:creationId xmlns:a16="http://schemas.microsoft.com/office/drawing/2014/main" xmlns="" id="{C22B8F1E-5A03-9C4C-9FC7-B62D006C9A0C}"/>
              </a:ext>
            </a:extLst>
          </p:cNvPr>
          <p:cNvSpPr txBox="1"/>
          <p:nvPr>
            <p:custDataLst>
              <p:tags r:id="rId73"/>
            </p:custDataLst>
          </p:nvPr>
        </p:nvSpPr>
        <p:spPr>
          <a:xfrm>
            <a:off x="5573459" y="5009356"/>
            <a:ext cx="2622263" cy="307777"/>
          </a:xfrm>
          <a:prstGeom prst="rect">
            <a:avLst/>
          </a:prstGeom>
          <a:noFill/>
        </p:spPr>
        <p:txBody>
          <a:bodyPr vert="horz" wrap="square" lIns="0" tIns="0" rIns="0" bIns="0" rtlCol="0" anchor="ctr" anchorCtr="0">
            <a:spAutoFit/>
          </a:bodyPr>
          <a:lstStyle/>
          <a:p>
            <a:r>
              <a:rPr lang="en-GB" sz="1000" b="1" spc="-8" dirty="0" smtClean="0">
                <a:solidFill>
                  <a:schemeClr val="accent3"/>
                </a:solidFill>
              </a:rPr>
              <a:t>Encuestas en línea, entrevistas, discusiones </a:t>
            </a:r>
            <a:r>
              <a:rPr lang="en-GB" sz="1000" b="1" spc="-8" dirty="0" smtClean="0">
                <a:solidFill>
                  <a:schemeClr val="accent3"/>
                </a:solidFill>
              </a:rPr>
              <a:t>en </a:t>
            </a:r>
            <a:r>
              <a:rPr lang="en-GB" sz="1000" b="1" spc="-8" dirty="0" smtClean="0">
                <a:solidFill>
                  <a:schemeClr val="accent3"/>
                </a:solidFill>
              </a:rPr>
              <a:t>grupos focales</a:t>
            </a:r>
            <a:endParaRPr lang="en-GB" sz="1000" b="1" spc="-8" dirty="0">
              <a:solidFill>
                <a:schemeClr val="accent3"/>
              </a:solidFill>
            </a:endParaRPr>
          </a:p>
        </p:txBody>
      </p:sp>
      <p:sp>
        <p:nvSpPr>
          <p:cNvPr id="151" name="OTLSHAPE_M_a54bc827b05146d18b559f618723e2b4_Title">
            <a:extLst>
              <a:ext uri="{FF2B5EF4-FFF2-40B4-BE49-F238E27FC236}">
                <a16:creationId xmlns:a16="http://schemas.microsoft.com/office/drawing/2014/main" xmlns="" id="{44AD03E7-6924-C24A-82DF-1B2C513E1376}"/>
              </a:ext>
            </a:extLst>
          </p:cNvPr>
          <p:cNvSpPr txBox="1"/>
          <p:nvPr>
            <p:custDataLst>
              <p:tags r:id="rId74"/>
            </p:custDataLst>
          </p:nvPr>
        </p:nvSpPr>
        <p:spPr>
          <a:xfrm>
            <a:off x="4072501" y="2997936"/>
            <a:ext cx="974287" cy="307777"/>
          </a:xfrm>
          <a:prstGeom prst="rect">
            <a:avLst/>
          </a:prstGeom>
          <a:noFill/>
        </p:spPr>
        <p:txBody>
          <a:bodyPr vert="horz" wrap="square" lIns="0" tIns="0" rIns="0" bIns="0" rtlCol="0" anchor="ctr" anchorCtr="0">
            <a:spAutoFit/>
          </a:bodyPr>
          <a:lstStyle/>
          <a:p>
            <a:r>
              <a:rPr lang="en-GB" sz="1000" b="1" spc="-6" dirty="0" smtClean="0">
                <a:solidFill>
                  <a:srgbClr val="3B5998"/>
                </a:solidFill>
              </a:rPr>
              <a:t>Revisión de datos publicada</a:t>
            </a:r>
            <a:endParaRPr lang="en-GB" sz="1000" b="1" spc="-6" dirty="0">
              <a:solidFill>
                <a:srgbClr val="3B5998"/>
              </a:solidFill>
            </a:endParaRPr>
          </a:p>
        </p:txBody>
      </p:sp>
      <p:cxnSp>
        <p:nvCxnSpPr>
          <p:cNvPr id="152" name="OTLSHAPE_M_a58f29487c0343c08abcf41913e40cae_Connector1">
            <a:extLst>
              <a:ext uri="{FF2B5EF4-FFF2-40B4-BE49-F238E27FC236}">
                <a16:creationId xmlns:a16="http://schemas.microsoft.com/office/drawing/2014/main" xmlns="" id="{D4622C2C-BB4A-5047-8FDD-00A5B3D33A78}"/>
              </a:ext>
            </a:extLst>
          </p:cNvPr>
          <p:cNvCxnSpPr>
            <a:cxnSpLocks/>
          </p:cNvCxnSpPr>
          <p:nvPr>
            <p:custDataLst>
              <p:tags r:id="rId75"/>
            </p:custDataLst>
          </p:nvPr>
        </p:nvCxnSpPr>
        <p:spPr>
          <a:xfrm flipH="1">
            <a:off x="5277740" y="2674171"/>
            <a:ext cx="9092" cy="1510143"/>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3" name="OTLSHAPE_M_a58f29487c0343c08abcf41913e40cae_Shape">
            <a:extLst>
              <a:ext uri="{FF2B5EF4-FFF2-40B4-BE49-F238E27FC236}">
                <a16:creationId xmlns:a16="http://schemas.microsoft.com/office/drawing/2014/main" xmlns="" id="{8B5EA8F3-1ED8-7443-B8E8-AD3D6A25A392}"/>
              </a:ext>
            </a:extLst>
          </p:cNvPr>
          <p:cNvSpPr/>
          <p:nvPr>
            <p:custDataLst>
              <p:tags r:id="rId76"/>
            </p:custDataLst>
          </p:nvPr>
        </p:nvSpPr>
        <p:spPr>
          <a:xfrm rot="16200000">
            <a:off x="5265041" y="2531517"/>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endParaRPr>
          </a:p>
        </p:txBody>
      </p:sp>
      <p:sp>
        <p:nvSpPr>
          <p:cNvPr id="154" name="OTLSHAPE_M_a58f29487c0343c08abcf41913e40cae_Title">
            <a:extLst>
              <a:ext uri="{FF2B5EF4-FFF2-40B4-BE49-F238E27FC236}">
                <a16:creationId xmlns:a16="http://schemas.microsoft.com/office/drawing/2014/main" xmlns="" id="{715D9879-54A7-304A-B932-05554C1636D3}"/>
              </a:ext>
            </a:extLst>
          </p:cNvPr>
          <p:cNvSpPr txBox="1"/>
          <p:nvPr>
            <p:custDataLst>
              <p:tags r:id="rId77"/>
            </p:custDataLst>
          </p:nvPr>
        </p:nvSpPr>
        <p:spPr>
          <a:xfrm>
            <a:off x="4454830" y="2306878"/>
            <a:ext cx="3109931" cy="153888"/>
          </a:xfrm>
          <a:prstGeom prst="rect">
            <a:avLst/>
          </a:prstGeom>
          <a:noFill/>
        </p:spPr>
        <p:txBody>
          <a:bodyPr vert="horz" wrap="square" lIns="0" tIns="0" rIns="0" bIns="0" rtlCol="0" anchor="ctr" anchorCtr="0">
            <a:spAutoFit/>
          </a:bodyPr>
          <a:lstStyle/>
          <a:p>
            <a:r>
              <a:rPr lang="en-GB" sz="1000" b="1" spc="-6" dirty="0" smtClean="0">
                <a:solidFill>
                  <a:srgbClr val="3B5998"/>
                </a:solidFill>
              </a:rPr>
              <a:t>Reunión</a:t>
            </a:r>
            <a:r>
              <a:rPr lang="en-GB" sz="1000" b="1" spc="-6" dirty="0" smtClean="0">
                <a:solidFill>
                  <a:srgbClr val="3B5998"/>
                </a:solidFill>
              </a:rPr>
              <a:t> </a:t>
            </a:r>
            <a:r>
              <a:rPr lang="en-GB" sz="1000" b="1" spc="-6" dirty="0" smtClean="0">
                <a:solidFill>
                  <a:srgbClr val="3B5998"/>
                </a:solidFill>
              </a:rPr>
              <a:t>multilateral – prioridades estratégicas</a:t>
            </a:r>
            <a:endParaRPr lang="en-GB" sz="1000" b="1" spc="-6" dirty="0">
              <a:solidFill>
                <a:srgbClr val="3B5998"/>
              </a:solidFill>
            </a:endParaRPr>
          </a:p>
        </p:txBody>
      </p:sp>
      <p:sp>
        <p:nvSpPr>
          <p:cNvPr id="155" name="OTLSHAPE_M_a58f29487c0343c08abcf41913e40cae_Shape">
            <a:extLst>
              <a:ext uri="{FF2B5EF4-FFF2-40B4-BE49-F238E27FC236}">
                <a16:creationId xmlns:a16="http://schemas.microsoft.com/office/drawing/2014/main" xmlns="" id="{EE0BA146-A63F-9442-89F3-501E7D9B9EC6}"/>
              </a:ext>
            </a:extLst>
          </p:cNvPr>
          <p:cNvSpPr/>
          <p:nvPr>
            <p:custDataLst>
              <p:tags r:id="rId78"/>
            </p:custDataLst>
          </p:nvPr>
        </p:nvSpPr>
        <p:spPr>
          <a:xfrm rot="16200000">
            <a:off x="7407824" y="3543685"/>
            <a:ext cx="165100" cy="165100"/>
          </a:xfrm>
          <a:prstGeom prst="flowChartMerge">
            <a:avLst/>
          </a:prstGeom>
          <a:solidFill>
            <a:schemeClr val="accent3"/>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endParaRPr>
          </a:p>
        </p:txBody>
      </p:sp>
      <p:sp>
        <p:nvSpPr>
          <p:cNvPr id="156" name="OTLSHAPE_M_a58f29487c0343c08abcf41913e40cae_Shape">
            <a:extLst>
              <a:ext uri="{FF2B5EF4-FFF2-40B4-BE49-F238E27FC236}">
                <a16:creationId xmlns:a16="http://schemas.microsoft.com/office/drawing/2014/main" xmlns="" id="{6A6A3D5C-989C-DD43-AAD7-DE36DBF37C0E}"/>
              </a:ext>
            </a:extLst>
          </p:cNvPr>
          <p:cNvSpPr/>
          <p:nvPr>
            <p:custDataLst>
              <p:tags r:id="rId79"/>
            </p:custDataLst>
          </p:nvPr>
        </p:nvSpPr>
        <p:spPr>
          <a:xfrm rot="16200000">
            <a:off x="8957945" y="2472038"/>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endParaRPr>
          </a:p>
        </p:txBody>
      </p:sp>
      <p:sp>
        <p:nvSpPr>
          <p:cNvPr id="157" name="OTLSHAPE_T_7c518fb37f2142bb8e0445920d0403b5_Title">
            <a:extLst>
              <a:ext uri="{FF2B5EF4-FFF2-40B4-BE49-F238E27FC236}">
                <a16:creationId xmlns:a16="http://schemas.microsoft.com/office/drawing/2014/main" xmlns="" id="{3E993EBD-E4B8-4E4B-9215-0C938E349450}"/>
              </a:ext>
            </a:extLst>
          </p:cNvPr>
          <p:cNvSpPr txBox="1"/>
          <p:nvPr>
            <p:custDataLst>
              <p:tags r:id="rId80"/>
            </p:custDataLst>
          </p:nvPr>
        </p:nvSpPr>
        <p:spPr>
          <a:xfrm>
            <a:off x="7572925" y="5378721"/>
            <a:ext cx="2622263" cy="307777"/>
          </a:xfrm>
          <a:prstGeom prst="rect">
            <a:avLst/>
          </a:prstGeom>
          <a:noFill/>
        </p:spPr>
        <p:txBody>
          <a:bodyPr vert="horz" wrap="square" lIns="0" tIns="0" rIns="0" bIns="0" rtlCol="0" anchor="ctr" anchorCtr="0">
            <a:spAutoFit/>
          </a:bodyPr>
          <a:lstStyle/>
          <a:p>
            <a:r>
              <a:rPr lang="en-GB" sz="1000" b="1" spc="-8" dirty="0" smtClean="0">
                <a:solidFill>
                  <a:schemeClr val="accent3"/>
                </a:solidFill>
              </a:rPr>
              <a:t>Talleres, alineación de prioridades y establecimiento de pasos a seguir</a:t>
            </a:r>
            <a:endParaRPr lang="en-GB" sz="1000" b="1" spc="-8" dirty="0">
              <a:solidFill>
                <a:schemeClr val="accent3"/>
              </a:solidFill>
            </a:endParaRPr>
          </a:p>
        </p:txBody>
      </p:sp>
      <p:sp>
        <p:nvSpPr>
          <p:cNvPr id="6" name="TextBox 5">
            <a:extLst>
              <a:ext uri="{FF2B5EF4-FFF2-40B4-BE49-F238E27FC236}">
                <a16:creationId xmlns:a16="http://schemas.microsoft.com/office/drawing/2014/main" xmlns="" id="{F80331D8-7723-B24F-90A7-902C5D0CF223}"/>
              </a:ext>
            </a:extLst>
          </p:cNvPr>
          <p:cNvSpPr txBox="1"/>
          <p:nvPr/>
        </p:nvSpPr>
        <p:spPr>
          <a:xfrm>
            <a:off x="0" y="0"/>
            <a:ext cx="12192000" cy="1477328"/>
          </a:xfrm>
          <a:prstGeom prst="rect">
            <a:avLst/>
          </a:prstGeom>
          <a:solidFill>
            <a:schemeClr val="accent4"/>
          </a:solidFill>
        </p:spPr>
        <p:txBody>
          <a:bodyPr wrap="square" rtlCol="0" anchor="ctr">
            <a:spAutoFit/>
          </a:bodyPr>
          <a:lstStyle/>
          <a:p>
            <a:pPr algn="ctr"/>
            <a:endParaRPr lang="en-US" sz="3000" b="1" dirty="0">
              <a:solidFill>
                <a:schemeClr val="bg1"/>
              </a:solidFill>
            </a:endParaRPr>
          </a:p>
          <a:p>
            <a:pPr algn="ctr"/>
            <a:r>
              <a:rPr lang="en-US" sz="3000" b="1" dirty="0" smtClean="0">
                <a:solidFill>
                  <a:schemeClr val="bg1"/>
                </a:solidFill>
              </a:rPr>
              <a:t>Un vistazo al proceso </a:t>
            </a:r>
            <a:r>
              <a:rPr lang="en-US" sz="3000" b="1" dirty="0" smtClean="0">
                <a:solidFill>
                  <a:schemeClr val="bg1"/>
                </a:solidFill>
              </a:rPr>
              <a:t>del </a:t>
            </a:r>
            <a:r>
              <a:rPr lang="en-US" sz="3000" b="1" dirty="0" smtClean="0">
                <a:solidFill>
                  <a:schemeClr val="bg1"/>
                </a:solidFill>
              </a:rPr>
              <a:t>desarrollo </a:t>
            </a:r>
            <a:r>
              <a:rPr lang="en-US" sz="3000" b="1" dirty="0" smtClean="0">
                <a:solidFill>
                  <a:schemeClr val="bg1"/>
                </a:solidFill>
              </a:rPr>
              <a:t>de la estrategia</a:t>
            </a:r>
            <a:endParaRPr lang="en-US" sz="3000" b="1" dirty="0">
              <a:solidFill>
                <a:schemeClr val="bg1"/>
              </a:solidFill>
            </a:endParaRPr>
          </a:p>
          <a:p>
            <a:endParaRPr lang="en-US" sz="3000" b="1" dirty="0">
              <a:solidFill>
                <a:schemeClr val="bg1"/>
              </a:solidFill>
            </a:endParaRPr>
          </a:p>
        </p:txBody>
      </p:sp>
    </p:spTree>
    <p:custDataLst>
      <p:tags r:id="rId1"/>
    </p:custDataLst>
    <p:extLst>
      <p:ext uri="{BB962C8B-B14F-4D97-AF65-F5344CB8AC3E}">
        <p14:creationId xmlns:p14="http://schemas.microsoft.com/office/powerpoint/2010/main" val="40631370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4047003704"/>
              </p:ext>
            </p:extLst>
          </p:nvPr>
        </p:nvGraphicFramePr>
        <p:xfrm>
          <a:off x="0" y="0"/>
          <a:ext cx="12192000" cy="6959299"/>
        </p:xfrm>
        <a:graphic>
          <a:graphicData uri="http://schemas.openxmlformats.org/drawingml/2006/table">
            <a:tbl>
              <a:tblPr firstRow="1" bandRow="1">
                <a:tableStyleId>{5C22544A-7EE6-4342-B048-85BDC9FD1C3A}</a:tableStyleId>
              </a:tblPr>
              <a:tblGrid>
                <a:gridCol w="1441342">
                  <a:extLst>
                    <a:ext uri="{9D8B030D-6E8A-4147-A177-3AD203B41FA5}">
                      <a16:colId xmlns:a16="http://schemas.microsoft.com/office/drawing/2014/main" xmlns="" val="20000"/>
                    </a:ext>
                  </a:extLst>
                </a:gridCol>
                <a:gridCol w="10750658">
                  <a:extLst>
                    <a:ext uri="{9D8B030D-6E8A-4147-A177-3AD203B41FA5}">
                      <a16:colId xmlns:a16="http://schemas.microsoft.com/office/drawing/2014/main" xmlns="" val="20001"/>
                    </a:ext>
                  </a:extLst>
                </a:gridCol>
              </a:tblGrid>
              <a:tr h="917047">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3000" i="0" dirty="0">
                          <a:solidFill>
                            <a:schemeClr val="bg1"/>
                          </a:solidFill>
                        </a:rPr>
                        <a:t>Glossary of terms</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2"/>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xmlns="" val="10001"/>
                  </a:ext>
                </a:extLst>
              </a:tr>
              <a:tr h="1950278">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ZA" sz="1700" dirty="0" smtClean="0">
                          <a:effectLst/>
                          <a:latin typeface="Arial" panose="020B0604020202020204" pitchFamily="34" charset="0"/>
                          <a:ea typeface="Calibri" panose="020F0502020204030204" pitchFamily="34" charset="0"/>
                        </a:rPr>
                        <a:t>Diálogo</a:t>
                      </a:r>
                      <a:endParaRPr lang="en-US" sz="1700" dirty="0">
                        <a:latin typeface="Arial" panose="020B0604020202020204" pitchFamily="34" charset="0"/>
                        <a:cs typeface="Arial" panose="020B0604020202020204" pitchFamily="34" charset="0"/>
                      </a:endParaRPr>
                    </a:p>
                  </a:txBody>
                  <a:tcPr>
                    <a:lnT w="38100" cmpd="sng">
                      <a:noFill/>
                    </a:lnT>
                    <a:lnB w="12700" cmpd="sng">
                      <a:noFill/>
                    </a:lnB>
                    <a:solidFill>
                      <a:schemeClr val="bg1"/>
                    </a:solidFill>
                  </a:tcPr>
                </a:tc>
                <a:tc>
                  <a:txBody>
                    <a:bodyPr/>
                    <a:lstStyle/>
                    <a:p>
                      <a:pPr marL="0" lvl="0" indent="0" algn="just">
                        <a:buFont typeface="Arial" panose="020B0604020202020204" pitchFamily="34" charset="0"/>
                        <a:buNone/>
                      </a:pPr>
                      <a:r>
                        <a:rPr lang="es-VE" sz="1700" dirty="0" smtClean="0">
                          <a:effectLst/>
                          <a:latin typeface="Arial" panose="020B0604020202020204" pitchFamily="34" charset="0"/>
                          <a:ea typeface="Calibri" panose="020F0502020204030204" pitchFamily="34" charset="0"/>
                        </a:rPr>
                        <a:t>El diálogo es la práctica y disciplina de una conversación creativa. La palabra "Diálogo" se usa con frecuencia para denominar cualquier tipo de conversación entre dos o más personas. Asimismo, oímos muchas veces a la gente decir: "Ese no fue un diálogo real". Esto pasa porque, por lo general, la conversación no fue participativa ni creativa, sino más bien una competencia de puntos de vista o una simple transferencia de conocimiento de una parte a otra. Un diálogo real hace énfasis en la escucha, el cuestionamiento y la reflexión, por lo que es un proceso genuinamente creativo.</a:t>
                      </a:r>
                      <a:r>
                        <a:rPr lang="en-ZA" sz="1700" dirty="0">
                          <a:effectLst/>
                          <a:latin typeface="Arial" panose="020B0604020202020204" pitchFamily="34" charset="0"/>
                          <a:ea typeface="Calibri" panose="020F0502020204030204" pitchFamily="34" charset="0"/>
                        </a:rPr>
                        <a:t>	</a:t>
                      </a:r>
                      <a:r>
                        <a:rPr lang="en-ZA" sz="1700" dirty="0">
                          <a:effectLst/>
                        </a:rPr>
                        <a:t> </a:t>
                      </a:r>
                      <a:endParaRPr lang="en-ZA" sz="1700" kern="1200" dirty="0">
                        <a:solidFill>
                          <a:schemeClr val="dk1"/>
                        </a:solidFill>
                        <a:effectLst/>
                        <a:latin typeface="+mn-lt"/>
                        <a:ea typeface="+mn-ea"/>
                        <a:cs typeface="+mn-cs"/>
                      </a:endParaRPr>
                    </a:p>
                  </a:txBody>
                  <a:tcPr>
                    <a:lnT w="38100" cmpd="sng">
                      <a:noFill/>
                    </a:lnT>
                    <a:lnB w="12700" cmpd="sng">
                      <a:noFill/>
                    </a:lnB>
                    <a:solidFill>
                      <a:schemeClr val="bg1"/>
                    </a:solidFill>
                  </a:tcPr>
                </a:tc>
                <a:extLst>
                  <a:ext uri="{0D108BD9-81ED-4DB2-BD59-A6C34878D82A}">
                    <a16:rowId xmlns:a16="http://schemas.microsoft.com/office/drawing/2014/main" xmlns="" val="10005"/>
                  </a:ext>
                </a:extLst>
              </a:tr>
              <a:tr h="1026462">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ZA" sz="1700" kern="1200" dirty="0" smtClean="0">
                          <a:solidFill>
                            <a:schemeClr val="dk1"/>
                          </a:solidFill>
                          <a:effectLst/>
                          <a:latin typeface="+mn-lt"/>
                          <a:ea typeface="+mn-ea"/>
                          <a:cs typeface="+mn-cs"/>
                        </a:rPr>
                        <a:t>Perspectivas</a:t>
                      </a:r>
                      <a:endParaRPr lang="en-US" sz="1700" dirty="0">
                        <a:latin typeface="Arial" panose="020B0604020202020204" pitchFamily="34" charset="0"/>
                        <a:cs typeface="Arial" panose="020B0604020202020204" pitchFamily="34" charset="0"/>
                      </a:endParaRPr>
                    </a:p>
                  </a:txBody>
                  <a:tcPr>
                    <a:lnT w="38100" cmpd="sng">
                      <a:noFill/>
                    </a:lnT>
                    <a:lnB w="12700" cmpd="sng">
                      <a:noFill/>
                    </a:lnB>
                    <a:solidFill>
                      <a:schemeClr val="bg1">
                        <a:lumMod val="85000"/>
                      </a:schemeClr>
                    </a:solidFill>
                  </a:tcPr>
                </a:tc>
                <a:tc>
                  <a:txBody>
                    <a:bodyPr/>
                    <a:lstStyle/>
                    <a:p>
                      <a:pPr marL="0" marR="0" lvl="0" indent="0" algn="just"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s-VE" sz="1700" kern="1200" dirty="0" smtClean="0">
                          <a:solidFill>
                            <a:schemeClr val="dk1"/>
                          </a:solidFill>
                          <a:effectLst/>
                          <a:latin typeface="+mn-lt"/>
                          <a:ea typeface="+mn-ea"/>
                          <a:cs typeface="+mn-cs"/>
                        </a:rPr>
                        <a:t>Visiones mundiales, ideologías, experticia, puntos de vista (geográficos, culturales, de identidad). Estas perspectivas también podrían ser geográficas (</a:t>
                      </a:r>
                      <a:r>
                        <a:rPr lang="es-VE" sz="1700" kern="1200" dirty="0" smtClean="0">
                          <a:solidFill>
                            <a:schemeClr val="dk1"/>
                          </a:solidFill>
                          <a:effectLst/>
                          <a:latin typeface="+mn-lt"/>
                          <a:ea typeface="+mn-ea"/>
                          <a:cs typeface="+mn-cs"/>
                        </a:rPr>
                        <a:t>nacionales, regionales, globales); </a:t>
                      </a:r>
                      <a:r>
                        <a:rPr lang="es-VE" sz="1700" kern="1200" dirty="0" smtClean="0">
                          <a:solidFill>
                            <a:schemeClr val="dk1"/>
                          </a:solidFill>
                          <a:effectLst/>
                          <a:latin typeface="+mn-lt"/>
                          <a:ea typeface="+mn-ea"/>
                          <a:cs typeface="+mn-cs"/>
                        </a:rPr>
                        <a:t>temáticas (humanitarias, privadas, educativas); por comunidades (jóvenes, investigadores, voluntarios) y/o funcionales (ICT, movilización de recursos</a:t>
                      </a:r>
                      <a:r>
                        <a:rPr lang="es-VE" sz="1700" kern="1200" dirty="0" smtClean="0">
                          <a:solidFill>
                            <a:schemeClr val="dk1"/>
                          </a:solidFill>
                          <a:effectLst/>
                          <a:latin typeface="+mn-lt"/>
                          <a:ea typeface="+mn-ea"/>
                          <a:cs typeface="+mn-cs"/>
                        </a:rPr>
                        <a:t>).</a:t>
                      </a:r>
                      <a:endParaRPr lang="en-ZA" sz="1700" kern="1200" dirty="0">
                        <a:solidFill>
                          <a:schemeClr val="dk1"/>
                        </a:solidFill>
                        <a:effectLst/>
                        <a:latin typeface="+mn-lt"/>
                        <a:ea typeface="+mn-ea"/>
                        <a:cs typeface="+mn-cs"/>
                      </a:endParaRPr>
                    </a:p>
                  </a:txBody>
                  <a:tcPr>
                    <a:lnT w="38100" cmpd="sng">
                      <a:noFill/>
                    </a:lnT>
                    <a:lnB w="12700" cmpd="sng">
                      <a:noFill/>
                    </a:lnB>
                    <a:solidFill>
                      <a:schemeClr val="bg1">
                        <a:lumMod val="85000"/>
                      </a:schemeClr>
                    </a:solidFill>
                  </a:tcPr>
                </a:tc>
                <a:extLst>
                  <a:ext uri="{0D108BD9-81ED-4DB2-BD59-A6C34878D82A}">
                    <a16:rowId xmlns:a16="http://schemas.microsoft.com/office/drawing/2014/main" xmlns="" val="3802084437"/>
                  </a:ext>
                </a:extLst>
              </a:tr>
              <a:tr h="1527167">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ZA" sz="1700" kern="1200" dirty="0" smtClean="0">
                          <a:solidFill>
                            <a:schemeClr val="dk1"/>
                          </a:solidFill>
                          <a:effectLst/>
                          <a:latin typeface="+mn-lt"/>
                          <a:ea typeface="+mn-ea"/>
                          <a:cs typeface="+mn-cs"/>
                        </a:rPr>
                        <a:t>Preguntas</a:t>
                      </a:r>
                      <a:r>
                        <a:rPr lang="en-ZA" sz="1700" kern="1200" baseline="0" dirty="0" smtClean="0">
                          <a:solidFill>
                            <a:schemeClr val="dk1"/>
                          </a:solidFill>
                          <a:effectLst/>
                          <a:latin typeface="+mn-lt"/>
                          <a:ea typeface="+mn-ea"/>
                          <a:cs typeface="+mn-cs"/>
                        </a:rPr>
                        <a:t> estratégicas</a:t>
                      </a:r>
                      <a:endParaRPr lang="en-US" sz="1700" dirty="0">
                        <a:latin typeface="Arial" panose="020B0604020202020204" pitchFamily="34" charset="0"/>
                        <a:cs typeface="Arial" panose="020B0604020202020204" pitchFamily="34" charset="0"/>
                      </a:endParaRPr>
                    </a:p>
                  </a:txBody>
                  <a:tcPr>
                    <a:lnT w="38100" cmpd="sng">
                      <a:noFill/>
                    </a:lnT>
                    <a:lnB w="12700" cmpd="sng">
                      <a:noFill/>
                    </a:lnB>
                    <a:solidFill>
                      <a:schemeClr val="bg1"/>
                    </a:solidFill>
                  </a:tcPr>
                </a:tc>
                <a:tc>
                  <a:txBody>
                    <a:bodyPr/>
                    <a:lstStyle/>
                    <a:p>
                      <a:pPr marL="0" lvl="0" indent="0" algn="just">
                        <a:buFont typeface="Arial" panose="020B0604020202020204" pitchFamily="34" charset="0"/>
                        <a:buNone/>
                      </a:pPr>
                      <a:r>
                        <a:rPr lang="es-VE" sz="1700" kern="1200" dirty="0" smtClean="0">
                          <a:solidFill>
                            <a:schemeClr val="dk1"/>
                          </a:solidFill>
                          <a:effectLst/>
                          <a:latin typeface="+mn-lt"/>
                          <a:ea typeface="+mn-ea"/>
                          <a:cs typeface="+mn-cs"/>
                        </a:rPr>
                        <a:t>Generalmente se le llaman "preguntas trampa" y generan el surgimiento de iniciativas </a:t>
                      </a:r>
                      <a:r>
                        <a:rPr lang="es-VE" sz="1700" kern="1200" dirty="0" smtClean="0">
                          <a:solidFill>
                            <a:schemeClr val="dk1"/>
                          </a:solidFill>
                          <a:effectLst/>
                          <a:latin typeface="+mn-lt"/>
                          <a:ea typeface="+mn-ea"/>
                          <a:cs typeface="+mn-cs"/>
                        </a:rPr>
                        <a:t>innovadoras </a:t>
                      </a:r>
                      <a:r>
                        <a:rPr lang="es-VE" sz="1700" kern="1200" dirty="0" smtClean="0">
                          <a:solidFill>
                            <a:schemeClr val="dk1"/>
                          </a:solidFill>
                          <a:effectLst/>
                          <a:latin typeface="+mn-lt"/>
                          <a:ea typeface="+mn-ea"/>
                          <a:cs typeface="+mn-cs"/>
                        </a:rPr>
                        <a:t>dejando de lado los "Sí, pero..." o el pensamiento excluyente. Involucran a todos en un análisis estratégico al revelar desafíos enraizados y posibilidades que no siempre son obvias. Dejan en evidencia fuerzas</a:t>
                      </a:r>
                      <a:r>
                        <a:rPr lang="es-VE" sz="1700" kern="1200" baseline="0" dirty="0" smtClean="0">
                          <a:solidFill>
                            <a:schemeClr val="dk1"/>
                          </a:solidFill>
                          <a:effectLst/>
                          <a:latin typeface="+mn-lt"/>
                          <a:ea typeface="+mn-ea"/>
                          <a:cs typeface="+mn-cs"/>
                        </a:rPr>
                        <a:t> paradoxales pero complementarias</a:t>
                      </a:r>
                      <a:r>
                        <a:rPr lang="es-VE" sz="1700" kern="1200" dirty="0" smtClean="0">
                          <a:solidFill>
                            <a:schemeClr val="dk1"/>
                          </a:solidFill>
                          <a:effectLst/>
                          <a:latin typeface="+mn-lt"/>
                          <a:ea typeface="+mn-ea"/>
                          <a:cs typeface="+mn-cs"/>
                        </a:rPr>
                        <a:t> que influyen constantemente en los comportamientos y que son particularmente importantes para hacer un cambio.</a:t>
                      </a:r>
                      <a:endParaRPr lang="en-ZA" sz="1700" kern="1200" dirty="0">
                        <a:solidFill>
                          <a:schemeClr val="dk1"/>
                        </a:solidFill>
                        <a:effectLst/>
                        <a:latin typeface="+mn-lt"/>
                        <a:ea typeface="+mn-ea"/>
                        <a:cs typeface="+mn-cs"/>
                      </a:endParaRPr>
                    </a:p>
                  </a:txBody>
                  <a:tcPr>
                    <a:lnT w="38100" cmpd="sng">
                      <a:noFill/>
                    </a:lnT>
                    <a:lnB w="12700" cmpd="sng">
                      <a:noFill/>
                    </a:lnB>
                    <a:solidFill>
                      <a:schemeClr val="bg1"/>
                    </a:solidFill>
                  </a:tcPr>
                </a:tc>
                <a:extLst>
                  <a:ext uri="{0D108BD9-81ED-4DB2-BD59-A6C34878D82A}">
                    <a16:rowId xmlns:a16="http://schemas.microsoft.com/office/drawing/2014/main" xmlns="" val="3660613582"/>
                  </a:ext>
                </a:extLst>
              </a:tr>
              <a:tr h="1026462">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ZA" sz="1700" kern="1200" dirty="0" smtClean="0">
                          <a:solidFill>
                            <a:schemeClr val="dk1"/>
                          </a:solidFill>
                          <a:effectLst/>
                          <a:latin typeface="+mn-lt"/>
                          <a:ea typeface="+mn-ea"/>
                          <a:cs typeface="+mn-cs"/>
                        </a:rPr>
                        <a:t>Tensiones</a:t>
                      </a:r>
                      <a:endParaRPr lang="en-US" sz="1700" dirty="0">
                        <a:latin typeface="Arial" panose="020B0604020202020204" pitchFamily="34" charset="0"/>
                        <a:cs typeface="Arial" panose="020B0604020202020204" pitchFamily="34" charset="0"/>
                      </a:endParaRPr>
                    </a:p>
                  </a:txBody>
                  <a:tcPr>
                    <a:lnT w="38100" cmpd="sng">
                      <a:noFill/>
                    </a:lnT>
                    <a:lnB w="12700" cmpd="sng">
                      <a:noFill/>
                    </a:lnB>
                    <a:solidFill>
                      <a:schemeClr val="bg1">
                        <a:lumMod val="85000"/>
                      </a:schemeClr>
                    </a:solidFill>
                  </a:tcPr>
                </a:tc>
                <a:tc>
                  <a:txBody>
                    <a:bodyPr/>
                    <a:lstStyle/>
                    <a:p>
                      <a:pPr marL="0" lvl="0" indent="0">
                        <a:buFont typeface="Arial" panose="020B0604020202020204" pitchFamily="34" charset="0"/>
                        <a:buNone/>
                      </a:pPr>
                      <a:r>
                        <a:rPr lang="es-VE" sz="1700" kern="1200" dirty="0" smtClean="0">
                          <a:solidFill>
                            <a:schemeClr val="dk1"/>
                          </a:solidFill>
                          <a:effectLst/>
                          <a:latin typeface="+mn-lt"/>
                          <a:ea typeface="+mn-ea"/>
                          <a:cs typeface="+mn-cs"/>
                        </a:rPr>
                        <a:t>Fuerzas paradoxales pero complementarias que influyen constantemente en los comportamientos y que son particularmente importantes para hacer un cambio.</a:t>
                      </a:r>
                      <a:endParaRPr lang="en-ZA" sz="1700" kern="1200" dirty="0">
                        <a:solidFill>
                          <a:schemeClr val="dk1"/>
                        </a:solidFill>
                        <a:effectLst/>
                        <a:latin typeface="+mn-lt"/>
                        <a:ea typeface="+mn-ea"/>
                        <a:cs typeface="+mn-cs"/>
                      </a:endParaRPr>
                    </a:p>
                  </a:txBody>
                  <a:tcPr>
                    <a:lnT w="38100" cmpd="sng">
                      <a:noFill/>
                    </a:lnT>
                    <a:lnB w="12700" cmpd="sng">
                      <a:noFill/>
                    </a:lnB>
                    <a:solidFill>
                      <a:schemeClr val="bg1">
                        <a:lumMod val="85000"/>
                      </a:schemeClr>
                    </a:solidFill>
                  </a:tcPr>
                </a:tc>
                <a:extLst>
                  <a:ext uri="{0D108BD9-81ED-4DB2-BD59-A6C34878D82A}">
                    <a16:rowId xmlns:a16="http://schemas.microsoft.com/office/drawing/2014/main" xmlns="" val="1843629277"/>
                  </a:ext>
                </a:extLst>
              </a:tr>
              <a:tr h="41058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ZA" sz="1700" kern="1200" dirty="0" smtClean="0">
                          <a:solidFill>
                            <a:schemeClr val="dk1"/>
                          </a:solidFill>
                          <a:effectLst/>
                          <a:latin typeface="+mn-lt"/>
                          <a:ea typeface="+mn-ea"/>
                          <a:cs typeface="+mn-cs"/>
                        </a:rPr>
                        <a:t>Sistémico</a:t>
                      </a:r>
                      <a:endParaRPr lang="en-US" sz="1700" dirty="0">
                        <a:latin typeface="Arial" panose="020B0604020202020204" pitchFamily="34" charset="0"/>
                        <a:cs typeface="Arial" panose="020B0604020202020204" pitchFamily="34" charset="0"/>
                      </a:endParaRPr>
                    </a:p>
                  </a:txBody>
                  <a:tcPr>
                    <a:lnT w="38100" cmpd="sng">
                      <a:noFill/>
                    </a:lnT>
                    <a:lnB w="12700" cmpd="sng">
                      <a:noFill/>
                    </a:lnB>
                    <a:solidFill>
                      <a:schemeClr val="bg1"/>
                    </a:solidFill>
                  </a:tcPr>
                </a:tc>
                <a:tc>
                  <a:txBody>
                    <a:bodyPr/>
                    <a:lstStyle/>
                    <a:p>
                      <a:pPr marL="0" lvl="0" indent="0">
                        <a:buFont typeface="Arial" panose="020B0604020202020204" pitchFamily="34" charset="0"/>
                        <a:buNone/>
                      </a:pPr>
                      <a:r>
                        <a:rPr lang="es-VE" sz="1700" kern="1200" dirty="0" smtClean="0">
                          <a:solidFill>
                            <a:schemeClr val="dk1"/>
                          </a:solidFill>
                          <a:effectLst/>
                          <a:latin typeface="+mn-lt"/>
                          <a:ea typeface="+mn-ea"/>
                          <a:cs typeface="+mn-cs"/>
                        </a:rPr>
                        <a:t>Entendimiento y abordaje de las causas principales de un problema.</a:t>
                      </a:r>
                      <a:endParaRPr lang="en-ZA" sz="1700" kern="1200" dirty="0">
                        <a:solidFill>
                          <a:schemeClr val="dk1"/>
                        </a:solidFill>
                        <a:effectLst/>
                        <a:latin typeface="+mn-lt"/>
                        <a:ea typeface="+mn-ea"/>
                        <a:cs typeface="+mn-cs"/>
                      </a:endParaRPr>
                    </a:p>
                  </a:txBody>
                  <a:tcPr>
                    <a:lnT w="38100" cmpd="sng">
                      <a:noFill/>
                    </a:lnT>
                    <a:lnB w="12700" cmpd="sng">
                      <a:noFill/>
                    </a:lnB>
                    <a:solidFill>
                      <a:schemeClr val="bg1"/>
                    </a:solidFill>
                  </a:tcPr>
                </a:tc>
                <a:extLst>
                  <a:ext uri="{0D108BD9-81ED-4DB2-BD59-A6C34878D82A}">
                    <a16:rowId xmlns:a16="http://schemas.microsoft.com/office/drawing/2014/main" xmlns="" val="624573999"/>
                  </a:ext>
                </a:extLst>
              </a:tr>
            </a:tbl>
          </a:graphicData>
        </a:graphic>
      </p:graphicFrame>
    </p:spTree>
    <p:extLst>
      <p:ext uri="{BB962C8B-B14F-4D97-AF65-F5344CB8AC3E}">
        <p14:creationId xmlns:p14="http://schemas.microsoft.com/office/powerpoint/2010/main" val="7399396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roup 6"/>
          <p:cNvGrpSpPr/>
          <p:nvPr/>
        </p:nvGrpSpPr>
        <p:grpSpPr>
          <a:xfrm>
            <a:off x="3497940" y="994954"/>
            <a:ext cx="4885509" cy="4868092"/>
            <a:chOff x="3497940" y="1425302"/>
            <a:chExt cx="4885509" cy="4868092"/>
          </a:xfrm>
        </p:grpSpPr>
        <p:sp>
          <p:nvSpPr>
            <p:cNvPr id="2" name="Pie 1"/>
            <p:cNvSpPr/>
            <p:nvPr/>
          </p:nvSpPr>
          <p:spPr>
            <a:xfrm>
              <a:off x="3628569" y="1538514"/>
              <a:ext cx="4754880" cy="4754880"/>
            </a:xfrm>
            <a:prstGeom prst="pie">
              <a:avLst>
                <a:gd name="adj1" fmla="val 0"/>
                <a:gd name="adj2" fmla="val 5416976"/>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3" name="Pie 2"/>
            <p:cNvSpPr/>
            <p:nvPr/>
          </p:nvSpPr>
          <p:spPr>
            <a:xfrm flipH="1">
              <a:off x="3497940" y="1538514"/>
              <a:ext cx="4754880" cy="4754880"/>
            </a:xfrm>
            <a:prstGeom prst="pie">
              <a:avLst>
                <a:gd name="adj1" fmla="val 0"/>
                <a:gd name="adj2" fmla="val 5416976"/>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4" name="Pie 3"/>
            <p:cNvSpPr/>
            <p:nvPr/>
          </p:nvSpPr>
          <p:spPr>
            <a:xfrm flipH="1" flipV="1">
              <a:off x="3497940" y="1425302"/>
              <a:ext cx="4754880" cy="4754880"/>
            </a:xfrm>
            <a:prstGeom prst="pie">
              <a:avLst>
                <a:gd name="adj1" fmla="val 0"/>
                <a:gd name="adj2" fmla="val 5416976"/>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5" name="Pie 4"/>
            <p:cNvSpPr/>
            <p:nvPr/>
          </p:nvSpPr>
          <p:spPr>
            <a:xfrm flipV="1">
              <a:off x="3628569" y="1425302"/>
              <a:ext cx="4754880" cy="4754880"/>
            </a:xfrm>
            <a:prstGeom prst="pie">
              <a:avLst>
                <a:gd name="adj1" fmla="val 0"/>
                <a:gd name="adj2" fmla="val 5416976"/>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15" name="TextBox 14"/>
          <p:cNvSpPr txBox="1"/>
          <p:nvPr/>
        </p:nvSpPr>
        <p:spPr>
          <a:xfrm>
            <a:off x="8795658" y="3841634"/>
            <a:ext cx="2393214" cy="132343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8000" b="1" i="0" u="none" strike="noStrike" kern="1200" cap="none" spc="0" normalizeH="0" baseline="0" noProof="0" dirty="0">
                <a:ln>
                  <a:noFill/>
                </a:ln>
                <a:solidFill>
                  <a:schemeClr val="accent3"/>
                </a:solidFill>
                <a:effectLst/>
                <a:uLnTx/>
                <a:uFillTx/>
                <a:latin typeface="Arial" panose="020B0604020202020204" pitchFamily="34" charset="0"/>
                <a:ea typeface="+mn-ea"/>
                <a:cs typeface="Arial" panose="020B0604020202020204" pitchFamily="34" charset="0"/>
              </a:rPr>
              <a:t>04</a:t>
            </a:r>
          </a:p>
        </p:txBody>
      </p:sp>
      <p:grpSp>
        <p:nvGrpSpPr>
          <p:cNvPr id="17" name="Group 4"/>
          <p:cNvGrpSpPr>
            <a:grpSpLocks noChangeAspect="1"/>
          </p:cNvGrpSpPr>
          <p:nvPr/>
        </p:nvGrpSpPr>
        <p:grpSpPr bwMode="auto">
          <a:xfrm>
            <a:off x="4230742" y="2190416"/>
            <a:ext cx="1400347" cy="766468"/>
            <a:chOff x="1807" y="350"/>
            <a:chExt cx="771" cy="422"/>
          </a:xfrm>
          <a:solidFill>
            <a:schemeClr val="bg1"/>
          </a:solidFill>
        </p:grpSpPr>
        <p:sp>
          <p:nvSpPr>
            <p:cNvPr id="20" name="Freeform 6"/>
            <p:cNvSpPr>
              <a:spLocks noEditPoints="1"/>
            </p:cNvSpPr>
            <p:nvPr/>
          </p:nvSpPr>
          <p:spPr bwMode="auto">
            <a:xfrm>
              <a:off x="1807" y="353"/>
              <a:ext cx="477" cy="416"/>
            </a:xfrm>
            <a:custGeom>
              <a:avLst/>
              <a:gdLst>
                <a:gd name="T0" fmla="*/ 352 w 2385"/>
                <a:gd name="T1" fmla="*/ 246 h 2077"/>
                <a:gd name="T2" fmla="*/ 297 w 2385"/>
                <a:gd name="T3" fmla="*/ 270 h 2077"/>
                <a:gd name="T4" fmla="*/ 255 w 2385"/>
                <a:gd name="T5" fmla="*/ 312 h 2077"/>
                <a:gd name="T6" fmla="*/ 232 w 2385"/>
                <a:gd name="T7" fmla="*/ 365 h 2077"/>
                <a:gd name="T8" fmla="*/ 228 w 2385"/>
                <a:gd name="T9" fmla="*/ 1290 h 2077"/>
                <a:gd name="T10" fmla="*/ 240 w 2385"/>
                <a:gd name="T11" fmla="*/ 1351 h 2077"/>
                <a:gd name="T12" fmla="*/ 274 w 2385"/>
                <a:gd name="T13" fmla="*/ 1399 h 2077"/>
                <a:gd name="T14" fmla="*/ 323 w 2385"/>
                <a:gd name="T15" fmla="*/ 1432 h 2077"/>
                <a:gd name="T16" fmla="*/ 383 w 2385"/>
                <a:gd name="T17" fmla="*/ 1444 h 2077"/>
                <a:gd name="T18" fmla="*/ 2017 w 2385"/>
                <a:gd name="T19" fmla="*/ 1441 h 2077"/>
                <a:gd name="T20" fmla="*/ 2073 w 2385"/>
                <a:gd name="T21" fmla="*/ 1417 h 2077"/>
                <a:gd name="T22" fmla="*/ 2113 w 2385"/>
                <a:gd name="T23" fmla="*/ 1376 h 2077"/>
                <a:gd name="T24" fmla="*/ 2137 w 2385"/>
                <a:gd name="T25" fmla="*/ 1321 h 2077"/>
                <a:gd name="T26" fmla="*/ 2140 w 2385"/>
                <a:gd name="T27" fmla="*/ 396 h 2077"/>
                <a:gd name="T28" fmla="*/ 2128 w 2385"/>
                <a:gd name="T29" fmla="*/ 337 h 2077"/>
                <a:gd name="T30" fmla="*/ 2095 w 2385"/>
                <a:gd name="T31" fmla="*/ 289 h 2077"/>
                <a:gd name="T32" fmla="*/ 2046 w 2385"/>
                <a:gd name="T33" fmla="*/ 256 h 2077"/>
                <a:gd name="T34" fmla="*/ 1986 w 2385"/>
                <a:gd name="T35" fmla="*/ 244 h 2077"/>
                <a:gd name="T36" fmla="*/ 107 w 2385"/>
                <a:gd name="T37" fmla="*/ 0 h 2077"/>
                <a:gd name="T38" fmla="*/ 2298 w 2385"/>
                <a:gd name="T39" fmla="*/ 3 h 2077"/>
                <a:gd name="T40" fmla="*/ 2344 w 2385"/>
                <a:gd name="T41" fmla="*/ 24 h 2077"/>
                <a:gd name="T42" fmla="*/ 2374 w 2385"/>
                <a:gd name="T43" fmla="*/ 63 h 2077"/>
                <a:gd name="T44" fmla="*/ 2385 w 2385"/>
                <a:gd name="T45" fmla="*/ 116 h 2077"/>
                <a:gd name="T46" fmla="*/ 2383 w 2385"/>
                <a:gd name="T47" fmla="*/ 1576 h 2077"/>
                <a:gd name="T48" fmla="*/ 2361 w 2385"/>
                <a:gd name="T49" fmla="*/ 1625 h 2077"/>
                <a:gd name="T50" fmla="*/ 2323 w 2385"/>
                <a:gd name="T51" fmla="*/ 1658 h 2077"/>
                <a:gd name="T52" fmla="*/ 2272 w 2385"/>
                <a:gd name="T53" fmla="*/ 1671 h 2077"/>
                <a:gd name="T54" fmla="*/ 1290 w 2385"/>
                <a:gd name="T55" fmla="*/ 1849 h 2077"/>
                <a:gd name="T56" fmla="*/ 1657 w 2385"/>
                <a:gd name="T57" fmla="*/ 1853 h 2077"/>
                <a:gd name="T58" fmla="*/ 1719 w 2385"/>
                <a:gd name="T59" fmla="*/ 1875 h 2077"/>
                <a:gd name="T60" fmla="*/ 1769 w 2385"/>
                <a:gd name="T61" fmla="*/ 1917 h 2077"/>
                <a:gd name="T62" fmla="*/ 1802 w 2385"/>
                <a:gd name="T63" fmla="*/ 1973 h 2077"/>
                <a:gd name="T64" fmla="*/ 1814 w 2385"/>
                <a:gd name="T65" fmla="*/ 2039 h 2077"/>
                <a:gd name="T66" fmla="*/ 523 w 2385"/>
                <a:gd name="T67" fmla="*/ 2077 h 2077"/>
                <a:gd name="T68" fmla="*/ 526 w 2385"/>
                <a:gd name="T69" fmla="*/ 2005 h 2077"/>
                <a:gd name="T70" fmla="*/ 549 w 2385"/>
                <a:gd name="T71" fmla="*/ 1943 h 2077"/>
                <a:gd name="T72" fmla="*/ 591 w 2385"/>
                <a:gd name="T73" fmla="*/ 1894 h 2077"/>
                <a:gd name="T74" fmla="*/ 648 w 2385"/>
                <a:gd name="T75" fmla="*/ 1861 h 2077"/>
                <a:gd name="T76" fmla="*/ 714 w 2385"/>
                <a:gd name="T77" fmla="*/ 1849 h 2077"/>
                <a:gd name="T78" fmla="*/ 1045 w 2385"/>
                <a:gd name="T79" fmla="*/ 1671 h 2077"/>
                <a:gd name="T80" fmla="*/ 83 w 2385"/>
                <a:gd name="T81" fmla="*/ 1669 h 2077"/>
                <a:gd name="T82" fmla="*/ 43 w 2385"/>
                <a:gd name="T83" fmla="*/ 1650 h 2077"/>
                <a:gd name="T84" fmla="*/ 17 w 2385"/>
                <a:gd name="T85" fmla="*/ 1617 h 2077"/>
                <a:gd name="T86" fmla="*/ 2 w 2385"/>
                <a:gd name="T87" fmla="*/ 1572 h 2077"/>
                <a:gd name="T88" fmla="*/ 0 w 2385"/>
                <a:gd name="T89" fmla="*/ 116 h 2077"/>
                <a:gd name="T90" fmla="*/ 10 w 2385"/>
                <a:gd name="T91" fmla="*/ 63 h 2077"/>
                <a:gd name="T92" fmla="*/ 37 w 2385"/>
                <a:gd name="T93" fmla="*/ 24 h 2077"/>
                <a:gd name="T94" fmla="*/ 81 w 2385"/>
                <a:gd name="T95" fmla="*/ 3 h 20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385" h="2077">
                  <a:moveTo>
                    <a:pt x="383" y="244"/>
                  </a:moveTo>
                  <a:lnTo>
                    <a:pt x="352" y="246"/>
                  </a:lnTo>
                  <a:lnTo>
                    <a:pt x="323" y="256"/>
                  </a:lnTo>
                  <a:lnTo>
                    <a:pt x="297" y="270"/>
                  </a:lnTo>
                  <a:lnTo>
                    <a:pt x="274" y="289"/>
                  </a:lnTo>
                  <a:lnTo>
                    <a:pt x="255" y="312"/>
                  </a:lnTo>
                  <a:lnTo>
                    <a:pt x="240" y="337"/>
                  </a:lnTo>
                  <a:lnTo>
                    <a:pt x="232" y="365"/>
                  </a:lnTo>
                  <a:lnTo>
                    <a:pt x="228" y="396"/>
                  </a:lnTo>
                  <a:lnTo>
                    <a:pt x="228" y="1290"/>
                  </a:lnTo>
                  <a:lnTo>
                    <a:pt x="232" y="1321"/>
                  </a:lnTo>
                  <a:lnTo>
                    <a:pt x="240" y="1351"/>
                  </a:lnTo>
                  <a:lnTo>
                    <a:pt x="255" y="1377"/>
                  </a:lnTo>
                  <a:lnTo>
                    <a:pt x="274" y="1399"/>
                  </a:lnTo>
                  <a:lnTo>
                    <a:pt x="297" y="1417"/>
                  </a:lnTo>
                  <a:lnTo>
                    <a:pt x="323" y="1432"/>
                  </a:lnTo>
                  <a:lnTo>
                    <a:pt x="352" y="1441"/>
                  </a:lnTo>
                  <a:lnTo>
                    <a:pt x="383" y="1444"/>
                  </a:lnTo>
                  <a:lnTo>
                    <a:pt x="1986" y="1444"/>
                  </a:lnTo>
                  <a:lnTo>
                    <a:pt x="2017" y="1441"/>
                  </a:lnTo>
                  <a:lnTo>
                    <a:pt x="2046" y="1432"/>
                  </a:lnTo>
                  <a:lnTo>
                    <a:pt x="2073" y="1417"/>
                  </a:lnTo>
                  <a:lnTo>
                    <a:pt x="2095" y="1398"/>
                  </a:lnTo>
                  <a:lnTo>
                    <a:pt x="2113" y="1376"/>
                  </a:lnTo>
                  <a:lnTo>
                    <a:pt x="2128" y="1349"/>
                  </a:lnTo>
                  <a:lnTo>
                    <a:pt x="2137" y="1321"/>
                  </a:lnTo>
                  <a:lnTo>
                    <a:pt x="2140" y="1290"/>
                  </a:lnTo>
                  <a:lnTo>
                    <a:pt x="2140" y="396"/>
                  </a:lnTo>
                  <a:lnTo>
                    <a:pt x="2137" y="365"/>
                  </a:lnTo>
                  <a:lnTo>
                    <a:pt x="2128" y="337"/>
                  </a:lnTo>
                  <a:lnTo>
                    <a:pt x="2113" y="312"/>
                  </a:lnTo>
                  <a:lnTo>
                    <a:pt x="2095" y="289"/>
                  </a:lnTo>
                  <a:lnTo>
                    <a:pt x="2073" y="270"/>
                  </a:lnTo>
                  <a:lnTo>
                    <a:pt x="2046" y="256"/>
                  </a:lnTo>
                  <a:lnTo>
                    <a:pt x="2017" y="246"/>
                  </a:lnTo>
                  <a:lnTo>
                    <a:pt x="1986" y="244"/>
                  </a:lnTo>
                  <a:lnTo>
                    <a:pt x="383" y="244"/>
                  </a:lnTo>
                  <a:close/>
                  <a:moveTo>
                    <a:pt x="107" y="0"/>
                  </a:moveTo>
                  <a:lnTo>
                    <a:pt x="2272" y="0"/>
                  </a:lnTo>
                  <a:lnTo>
                    <a:pt x="2298" y="3"/>
                  </a:lnTo>
                  <a:lnTo>
                    <a:pt x="2323" y="11"/>
                  </a:lnTo>
                  <a:lnTo>
                    <a:pt x="2344" y="24"/>
                  </a:lnTo>
                  <a:lnTo>
                    <a:pt x="2361" y="42"/>
                  </a:lnTo>
                  <a:lnTo>
                    <a:pt x="2374" y="63"/>
                  </a:lnTo>
                  <a:lnTo>
                    <a:pt x="2383" y="89"/>
                  </a:lnTo>
                  <a:lnTo>
                    <a:pt x="2385" y="116"/>
                  </a:lnTo>
                  <a:lnTo>
                    <a:pt x="2385" y="1549"/>
                  </a:lnTo>
                  <a:lnTo>
                    <a:pt x="2383" y="1576"/>
                  </a:lnTo>
                  <a:lnTo>
                    <a:pt x="2374" y="1601"/>
                  </a:lnTo>
                  <a:lnTo>
                    <a:pt x="2361" y="1625"/>
                  </a:lnTo>
                  <a:lnTo>
                    <a:pt x="2344" y="1644"/>
                  </a:lnTo>
                  <a:lnTo>
                    <a:pt x="2323" y="1658"/>
                  </a:lnTo>
                  <a:lnTo>
                    <a:pt x="2298" y="1668"/>
                  </a:lnTo>
                  <a:lnTo>
                    <a:pt x="2272" y="1671"/>
                  </a:lnTo>
                  <a:lnTo>
                    <a:pt x="1290" y="1671"/>
                  </a:lnTo>
                  <a:lnTo>
                    <a:pt x="1290" y="1849"/>
                  </a:lnTo>
                  <a:lnTo>
                    <a:pt x="1623" y="1849"/>
                  </a:lnTo>
                  <a:lnTo>
                    <a:pt x="1657" y="1853"/>
                  </a:lnTo>
                  <a:lnTo>
                    <a:pt x="1689" y="1861"/>
                  </a:lnTo>
                  <a:lnTo>
                    <a:pt x="1719" y="1875"/>
                  </a:lnTo>
                  <a:lnTo>
                    <a:pt x="1746" y="1894"/>
                  </a:lnTo>
                  <a:lnTo>
                    <a:pt x="1769" y="1917"/>
                  </a:lnTo>
                  <a:lnTo>
                    <a:pt x="1788" y="1943"/>
                  </a:lnTo>
                  <a:lnTo>
                    <a:pt x="1802" y="1973"/>
                  </a:lnTo>
                  <a:lnTo>
                    <a:pt x="1811" y="2005"/>
                  </a:lnTo>
                  <a:lnTo>
                    <a:pt x="1814" y="2039"/>
                  </a:lnTo>
                  <a:lnTo>
                    <a:pt x="1814" y="2077"/>
                  </a:lnTo>
                  <a:lnTo>
                    <a:pt x="523" y="2077"/>
                  </a:lnTo>
                  <a:lnTo>
                    <a:pt x="523" y="2039"/>
                  </a:lnTo>
                  <a:lnTo>
                    <a:pt x="526" y="2005"/>
                  </a:lnTo>
                  <a:lnTo>
                    <a:pt x="535" y="1973"/>
                  </a:lnTo>
                  <a:lnTo>
                    <a:pt x="549" y="1943"/>
                  </a:lnTo>
                  <a:lnTo>
                    <a:pt x="568" y="1917"/>
                  </a:lnTo>
                  <a:lnTo>
                    <a:pt x="591" y="1894"/>
                  </a:lnTo>
                  <a:lnTo>
                    <a:pt x="618" y="1875"/>
                  </a:lnTo>
                  <a:lnTo>
                    <a:pt x="648" y="1861"/>
                  </a:lnTo>
                  <a:lnTo>
                    <a:pt x="679" y="1853"/>
                  </a:lnTo>
                  <a:lnTo>
                    <a:pt x="714" y="1849"/>
                  </a:lnTo>
                  <a:lnTo>
                    <a:pt x="1045" y="1849"/>
                  </a:lnTo>
                  <a:lnTo>
                    <a:pt x="1045" y="1671"/>
                  </a:lnTo>
                  <a:lnTo>
                    <a:pt x="107" y="1671"/>
                  </a:lnTo>
                  <a:lnTo>
                    <a:pt x="83" y="1669"/>
                  </a:lnTo>
                  <a:lnTo>
                    <a:pt x="62" y="1661"/>
                  </a:lnTo>
                  <a:lnTo>
                    <a:pt x="43" y="1650"/>
                  </a:lnTo>
                  <a:lnTo>
                    <a:pt x="29" y="1634"/>
                  </a:lnTo>
                  <a:lnTo>
                    <a:pt x="17" y="1617"/>
                  </a:lnTo>
                  <a:lnTo>
                    <a:pt x="7" y="1595"/>
                  </a:lnTo>
                  <a:lnTo>
                    <a:pt x="2" y="1572"/>
                  </a:lnTo>
                  <a:lnTo>
                    <a:pt x="0" y="1549"/>
                  </a:lnTo>
                  <a:lnTo>
                    <a:pt x="0" y="116"/>
                  </a:lnTo>
                  <a:lnTo>
                    <a:pt x="2" y="89"/>
                  </a:lnTo>
                  <a:lnTo>
                    <a:pt x="10" y="63"/>
                  </a:lnTo>
                  <a:lnTo>
                    <a:pt x="22" y="42"/>
                  </a:lnTo>
                  <a:lnTo>
                    <a:pt x="37" y="24"/>
                  </a:lnTo>
                  <a:lnTo>
                    <a:pt x="56" y="11"/>
                  </a:lnTo>
                  <a:lnTo>
                    <a:pt x="81" y="3"/>
                  </a:lnTo>
                  <a:lnTo>
                    <a:pt x="107"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21" name="Freeform 7"/>
            <p:cNvSpPr>
              <a:spLocks noEditPoints="1"/>
            </p:cNvSpPr>
            <p:nvPr/>
          </p:nvSpPr>
          <p:spPr bwMode="auto">
            <a:xfrm>
              <a:off x="2323" y="350"/>
              <a:ext cx="255" cy="422"/>
            </a:xfrm>
            <a:custGeom>
              <a:avLst/>
              <a:gdLst>
                <a:gd name="T0" fmla="*/ 641 w 1275"/>
                <a:gd name="T1" fmla="*/ 1676 h 2109"/>
                <a:gd name="T2" fmla="*/ 614 w 1275"/>
                <a:gd name="T3" fmla="*/ 1679 h 2109"/>
                <a:gd name="T4" fmla="*/ 589 w 1275"/>
                <a:gd name="T5" fmla="*/ 1689 h 2109"/>
                <a:gd name="T6" fmla="*/ 567 w 1275"/>
                <a:gd name="T7" fmla="*/ 1705 h 2109"/>
                <a:gd name="T8" fmla="*/ 550 w 1275"/>
                <a:gd name="T9" fmla="*/ 1726 h 2109"/>
                <a:gd name="T10" fmla="*/ 541 w 1275"/>
                <a:gd name="T11" fmla="*/ 1749 h 2109"/>
                <a:gd name="T12" fmla="*/ 536 w 1275"/>
                <a:gd name="T13" fmla="*/ 1777 h 2109"/>
                <a:gd name="T14" fmla="*/ 539 w 1275"/>
                <a:gd name="T15" fmla="*/ 1800 h 2109"/>
                <a:gd name="T16" fmla="*/ 547 w 1275"/>
                <a:gd name="T17" fmla="*/ 1821 h 2109"/>
                <a:gd name="T18" fmla="*/ 559 w 1275"/>
                <a:gd name="T19" fmla="*/ 1840 h 2109"/>
                <a:gd name="T20" fmla="*/ 575 w 1275"/>
                <a:gd name="T21" fmla="*/ 1856 h 2109"/>
                <a:gd name="T22" fmla="*/ 595 w 1275"/>
                <a:gd name="T23" fmla="*/ 1868 h 2109"/>
                <a:gd name="T24" fmla="*/ 617 w 1275"/>
                <a:gd name="T25" fmla="*/ 1876 h 2109"/>
                <a:gd name="T26" fmla="*/ 641 w 1275"/>
                <a:gd name="T27" fmla="*/ 1878 h 2109"/>
                <a:gd name="T28" fmla="*/ 669 w 1275"/>
                <a:gd name="T29" fmla="*/ 1875 h 2109"/>
                <a:gd name="T30" fmla="*/ 693 w 1275"/>
                <a:gd name="T31" fmla="*/ 1864 h 2109"/>
                <a:gd name="T32" fmla="*/ 715 w 1275"/>
                <a:gd name="T33" fmla="*/ 1848 h 2109"/>
                <a:gd name="T34" fmla="*/ 732 w 1275"/>
                <a:gd name="T35" fmla="*/ 1828 h 2109"/>
                <a:gd name="T36" fmla="*/ 741 w 1275"/>
                <a:gd name="T37" fmla="*/ 1803 h 2109"/>
                <a:gd name="T38" fmla="*/ 745 w 1275"/>
                <a:gd name="T39" fmla="*/ 1777 h 2109"/>
                <a:gd name="T40" fmla="*/ 741 w 1275"/>
                <a:gd name="T41" fmla="*/ 1749 h 2109"/>
                <a:gd name="T42" fmla="*/ 732 w 1275"/>
                <a:gd name="T43" fmla="*/ 1726 h 2109"/>
                <a:gd name="T44" fmla="*/ 715 w 1275"/>
                <a:gd name="T45" fmla="*/ 1705 h 2109"/>
                <a:gd name="T46" fmla="*/ 694 w 1275"/>
                <a:gd name="T47" fmla="*/ 1689 h 2109"/>
                <a:gd name="T48" fmla="*/ 669 w 1275"/>
                <a:gd name="T49" fmla="*/ 1679 h 2109"/>
                <a:gd name="T50" fmla="*/ 641 w 1275"/>
                <a:gd name="T51" fmla="*/ 1676 h 2109"/>
                <a:gd name="T52" fmla="*/ 279 w 1275"/>
                <a:gd name="T53" fmla="*/ 616 h 2109"/>
                <a:gd name="T54" fmla="*/ 279 w 1275"/>
                <a:gd name="T55" fmla="*/ 730 h 2109"/>
                <a:gd name="T56" fmla="*/ 997 w 1275"/>
                <a:gd name="T57" fmla="*/ 730 h 2109"/>
                <a:gd name="T58" fmla="*/ 997 w 1275"/>
                <a:gd name="T59" fmla="*/ 616 h 2109"/>
                <a:gd name="T60" fmla="*/ 279 w 1275"/>
                <a:gd name="T61" fmla="*/ 616 h 2109"/>
                <a:gd name="T62" fmla="*/ 279 w 1275"/>
                <a:gd name="T63" fmla="*/ 373 h 2109"/>
                <a:gd name="T64" fmla="*/ 279 w 1275"/>
                <a:gd name="T65" fmla="*/ 486 h 2109"/>
                <a:gd name="T66" fmla="*/ 997 w 1275"/>
                <a:gd name="T67" fmla="*/ 486 h 2109"/>
                <a:gd name="T68" fmla="*/ 997 w 1275"/>
                <a:gd name="T69" fmla="*/ 373 h 2109"/>
                <a:gd name="T70" fmla="*/ 279 w 1275"/>
                <a:gd name="T71" fmla="*/ 373 h 2109"/>
                <a:gd name="T72" fmla="*/ 246 w 1275"/>
                <a:gd name="T73" fmla="*/ 0 h 2109"/>
                <a:gd name="T74" fmla="*/ 1084 w 1275"/>
                <a:gd name="T75" fmla="*/ 0 h 2109"/>
                <a:gd name="T76" fmla="*/ 1118 w 1275"/>
                <a:gd name="T77" fmla="*/ 3 h 2109"/>
                <a:gd name="T78" fmla="*/ 1151 w 1275"/>
                <a:gd name="T79" fmla="*/ 11 h 2109"/>
                <a:gd name="T80" fmla="*/ 1180 w 1275"/>
                <a:gd name="T81" fmla="*/ 26 h 2109"/>
                <a:gd name="T82" fmla="*/ 1206 w 1275"/>
                <a:gd name="T83" fmla="*/ 45 h 2109"/>
                <a:gd name="T84" fmla="*/ 1229 w 1275"/>
                <a:gd name="T85" fmla="*/ 68 h 2109"/>
                <a:gd name="T86" fmla="*/ 1248 w 1275"/>
                <a:gd name="T87" fmla="*/ 94 h 2109"/>
                <a:gd name="T88" fmla="*/ 1263 w 1275"/>
                <a:gd name="T89" fmla="*/ 124 h 2109"/>
                <a:gd name="T90" fmla="*/ 1271 w 1275"/>
                <a:gd name="T91" fmla="*/ 156 h 2109"/>
                <a:gd name="T92" fmla="*/ 1275 w 1275"/>
                <a:gd name="T93" fmla="*/ 189 h 2109"/>
                <a:gd name="T94" fmla="*/ 1275 w 1275"/>
                <a:gd name="T95" fmla="*/ 2109 h 2109"/>
                <a:gd name="T96" fmla="*/ 0 w 1275"/>
                <a:gd name="T97" fmla="*/ 2109 h 2109"/>
                <a:gd name="T98" fmla="*/ 0 w 1275"/>
                <a:gd name="T99" fmla="*/ 243 h 2109"/>
                <a:gd name="T100" fmla="*/ 3 w 1275"/>
                <a:gd name="T101" fmla="*/ 204 h 2109"/>
                <a:gd name="T102" fmla="*/ 13 w 1275"/>
                <a:gd name="T103" fmla="*/ 167 h 2109"/>
                <a:gd name="T104" fmla="*/ 27 w 1275"/>
                <a:gd name="T105" fmla="*/ 132 h 2109"/>
                <a:gd name="T106" fmla="*/ 48 w 1275"/>
                <a:gd name="T107" fmla="*/ 100 h 2109"/>
                <a:gd name="T108" fmla="*/ 72 w 1275"/>
                <a:gd name="T109" fmla="*/ 71 h 2109"/>
                <a:gd name="T110" fmla="*/ 101 w 1275"/>
                <a:gd name="T111" fmla="*/ 47 h 2109"/>
                <a:gd name="T112" fmla="*/ 133 w 1275"/>
                <a:gd name="T113" fmla="*/ 27 h 2109"/>
                <a:gd name="T114" fmla="*/ 168 w 1275"/>
                <a:gd name="T115" fmla="*/ 13 h 2109"/>
                <a:gd name="T116" fmla="*/ 205 w 1275"/>
                <a:gd name="T117" fmla="*/ 3 h 2109"/>
                <a:gd name="T118" fmla="*/ 246 w 1275"/>
                <a:gd name="T119" fmla="*/ 0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75" h="2109">
                  <a:moveTo>
                    <a:pt x="641" y="1676"/>
                  </a:moveTo>
                  <a:lnTo>
                    <a:pt x="614" y="1679"/>
                  </a:lnTo>
                  <a:lnTo>
                    <a:pt x="589" y="1689"/>
                  </a:lnTo>
                  <a:lnTo>
                    <a:pt x="567" y="1705"/>
                  </a:lnTo>
                  <a:lnTo>
                    <a:pt x="550" y="1726"/>
                  </a:lnTo>
                  <a:lnTo>
                    <a:pt x="541" y="1749"/>
                  </a:lnTo>
                  <a:lnTo>
                    <a:pt x="536" y="1777"/>
                  </a:lnTo>
                  <a:lnTo>
                    <a:pt x="539" y="1800"/>
                  </a:lnTo>
                  <a:lnTo>
                    <a:pt x="547" y="1821"/>
                  </a:lnTo>
                  <a:lnTo>
                    <a:pt x="559" y="1840"/>
                  </a:lnTo>
                  <a:lnTo>
                    <a:pt x="575" y="1856"/>
                  </a:lnTo>
                  <a:lnTo>
                    <a:pt x="595" y="1868"/>
                  </a:lnTo>
                  <a:lnTo>
                    <a:pt x="617" y="1876"/>
                  </a:lnTo>
                  <a:lnTo>
                    <a:pt x="641" y="1878"/>
                  </a:lnTo>
                  <a:lnTo>
                    <a:pt x="669" y="1875"/>
                  </a:lnTo>
                  <a:lnTo>
                    <a:pt x="693" y="1864"/>
                  </a:lnTo>
                  <a:lnTo>
                    <a:pt x="715" y="1848"/>
                  </a:lnTo>
                  <a:lnTo>
                    <a:pt x="732" y="1828"/>
                  </a:lnTo>
                  <a:lnTo>
                    <a:pt x="741" y="1803"/>
                  </a:lnTo>
                  <a:lnTo>
                    <a:pt x="745" y="1777"/>
                  </a:lnTo>
                  <a:lnTo>
                    <a:pt x="741" y="1749"/>
                  </a:lnTo>
                  <a:lnTo>
                    <a:pt x="732" y="1726"/>
                  </a:lnTo>
                  <a:lnTo>
                    <a:pt x="715" y="1705"/>
                  </a:lnTo>
                  <a:lnTo>
                    <a:pt x="694" y="1689"/>
                  </a:lnTo>
                  <a:lnTo>
                    <a:pt x="669" y="1679"/>
                  </a:lnTo>
                  <a:lnTo>
                    <a:pt x="641" y="1676"/>
                  </a:lnTo>
                  <a:close/>
                  <a:moveTo>
                    <a:pt x="279" y="616"/>
                  </a:moveTo>
                  <a:lnTo>
                    <a:pt x="279" y="730"/>
                  </a:lnTo>
                  <a:lnTo>
                    <a:pt x="997" y="730"/>
                  </a:lnTo>
                  <a:lnTo>
                    <a:pt x="997" y="616"/>
                  </a:lnTo>
                  <a:lnTo>
                    <a:pt x="279" y="616"/>
                  </a:lnTo>
                  <a:close/>
                  <a:moveTo>
                    <a:pt x="279" y="373"/>
                  </a:moveTo>
                  <a:lnTo>
                    <a:pt x="279" y="486"/>
                  </a:lnTo>
                  <a:lnTo>
                    <a:pt x="997" y="486"/>
                  </a:lnTo>
                  <a:lnTo>
                    <a:pt x="997" y="373"/>
                  </a:lnTo>
                  <a:lnTo>
                    <a:pt x="279" y="373"/>
                  </a:lnTo>
                  <a:close/>
                  <a:moveTo>
                    <a:pt x="246" y="0"/>
                  </a:moveTo>
                  <a:lnTo>
                    <a:pt x="1084" y="0"/>
                  </a:lnTo>
                  <a:lnTo>
                    <a:pt x="1118" y="3"/>
                  </a:lnTo>
                  <a:lnTo>
                    <a:pt x="1151" y="11"/>
                  </a:lnTo>
                  <a:lnTo>
                    <a:pt x="1180" y="26"/>
                  </a:lnTo>
                  <a:lnTo>
                    <a:pt x="1206" y="45"/>
                  </a:lnTo>
                  <a:lnTo>
                    <a:pt x="1229" y="68"/>
                  </a:lnTo>
                  <a:lnTo>
                    <a:pt x="1248" y="94"/>
                  </a:lnTo>
                  <a:lnTo>
                    <a:pt x="1263" y="124"/>
                  </a:lnTo>
                  <a:lnTo>
                    <a:pt x="1271" y="156"/>
                  </a:lnTo>
                  <a:lnTo>
                    <a:pt x="1275" y="189"/>
                  </a:lnTo>
                  <a:lnTo>
                    <a:pt x="1275" y="2109"/>
                  </a:lnTo>
                  <a:lnTo>
                    <a:pt x="0" y="2109"/>
                  </a:lnTo>
                  <a:lnTo>
                    <a:pt x="0" y="243"/>
                  </a:lnTo>
                  <a:lnTo>
                    <a:pt x="3" y="204"/>
                  </a:lnTo>
                  <a:lnTo>
                    <a:pt x="13" y="167"/>
                  </a:lnTo>
                  <a:lnTo>
                    <a:pt x="27" y="132"/>
                  </a:lnTo>
                  <a:lnTo>
                    <a:pt x="48" y="100"/>
                  </a:lnTo>
                  <a:lnTo>
                    <a:pt x="72" y="71"/>
                  </a:lnTo>
                  <a:lnTo>
                    <a:pt x="101" y="47"/>
                  </a:lnTo>
                  <a:lnTo>
                    <a:pt x="133" y="27"/>
                  </a:lnTo>
                  <a:lnTo>
                    <a:pt x="168" y="13"/>
                  </a:lnTo>
                  <a:lnTo>
                    <a:pt x="205" y="3"/>
                  </a:lnTo>
                  <a:lnTo>
                    <a:pt x="24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26" name="Freeform 12"/>
          <p:cNvSpPr>
            <a:spLocks noEditPoints="1"/>
          </p:cNvSpPr>
          <p:nvPr/>
        </p:nvSpPr>
        <p:spPr bwMode="auto">
          <a:xfrm>
            <a:off x="6471786" y="1813884"/>
            <a:ext cx="1101725" cy="1143000"/>
          </a:xfrm>
          <a:custGeom>
            <a:avLst/>
            <a:gdLst>
              <a:gd name="T0" fmla="*/ 901 w 3472"/>
              <a:gd name="T1" fmla="*/ 2829 h 3599"/>
              <a:gd name="T2" fmla="*/ 1124 w 3472"/>
              <a:gd name="T3" fmla="*/ 846 h 3599"/>
              <a:gd name="T4" fmla="*/ 3116 w 3472"/>
              <a:gd name="T5" fmla="*/ 773 h 3599"/>
              <a:gd name="T6" fmla="*/ 2927 w 3472"/>
              <a:gd name="T7" fmla="*/ 873 h 3599"/>
              <a:gd name="T8" fmla="*/ 2619 w 3472"/>
              <a:gd name="T9" fmla="*/ 1122 h 3599"/>
              <a:gd name="T10" fmla="*/ 2345 w 3472"/>
              <a:gd name="T11" fmla="*/ 1424 h 3599"/>
              <a:gd name="T12" fmla="*/ 2239 w 3472"/>
              <a:gd name="T13" fmla="*/ 1601 h 3599"/>
              <a:gd name="T14" fmla="*/ 2285 w 3472"/>
              <a:gd name="T15" fmla="*/ 1663 h 3599"/>
              <a:gd name="T16" fmla="*/ 2434 w 3472"/>
              <a:gd name="T17" fmla="*/ 1603 h 3599"/>
              <a:gd name="T18" fmla="*/ 2735 w 3472"/>
              <a:gd name="T19" fmla="*/ 1376 h 3599"/>
              <a:gd name="T20" fmla="*/ 3030 w 3472"/>
              <a:gd name="T21" fmla="*/ 1071 h 3599"/>
              <a:gd name="T22" fmla="*/ 3176 w 3472"/>
              <a:gd name="T23" fmla="*/ 856 h 3599"/>
              <a:gd name="T24" fmla="*/ 3147 w 3472"/>
              <a:gd name="T25" fmla="*/ 784 h 3599"/>
              <a:gd name="T26" fmla="*/ 1988 w 3472"/>
              <a:gd name="T27" fmla="*/ 15 h 3599"/>
              <a:gd name="T28" fmla="*/ 2320 w 3472"/>
              <a:gd name="T29" fmla="*/ 249 h 3599"/>
              <a:gd name="T30" fmla="*/ 2665 w 3472"/>
              <a:gd name="T31" fmla="*/ 255 h 3599"/>
              <a:gd name="T32" fmla="*/ 3003 w 3472"/>
              <a:gd name="T33" fmla="*/ 405 h 3599"/>
              <a:gd name="T34" fmla="*/ 3171 w 3472"/>
              <a:gd name="T35" fmla="*/ 491 h 3599"/>
              <a:gd name="T36" fmla="*/ 3293 w 3472"/>
              <a:gd name="T37" fmla="*/ 482 h 3599"/>
              <a:gd name="T38" fmla="*/ 3418 w 3472"/>
              <a:gd name="T39" fmla="*/ 551 h 3599"/>
              <a:gd name="T40" fmla="*/ 3472 w 3472"/>
              <a:gd name="T41" fmla="*/ 716 h 3599"/>
              <a:gd name="T42" fmla="*/ 3402 w 3472"/>
              <a:gd name="T43" fmla="*/ 945 h 3599"/>
              <a:gd name="T44" fmla="*/ 3200 w 3472"/>
              <a:gd name="T45" fmla="*/ 1242 h 3599"/>
              <a:gd name="T46" fmla="*/ 2917 w 3472"/>
              <a:gd name="T47" fmla="*/ 1536 h 3599"/>
              <a:gd name="T48" fmla="*/ 2667 w 3472"/>
              <a:gd name="T49" fmla="*/ 1738 h 3599"/>
              <a:gd name="T50" fmla="*/ 2405 w 3472"/>
              <a:gd name="T51" fmla="*/ 1893 h 3599"/>
              <a:gd name="T52" fmla="*/ 2169 w 3472"/>
              <a:gd name="T53" fmla="*/ 1955 h 3599"/>
              <a:gd name="T54" fmla="*/ 2073 w 3472"/>
              <a:gd name="T55" fmla="*/ 1927 h 3599"/>
              <a:gd name="T56" fmla="*/ 1981 w 3472"/>
              <a:gd name="T57" fmla="*/ 1835 h 3599"/>
              <a:gd name="T58" fmla="*/ 1953 w 3472"/>
              <a:gd name="T59" fmla="*/ 1674 h 3599"/>
              <a:gd name="T60" fmla="*/ 1848 w 3472"/>
              <a:gd name="T61" fmla="*/ 1391 h 3599"/>
              <a:gd name="T62" fmla="*/ 1752 w 3472"/>
              <a:gd name="T63" fmla="*/ 1038 h 3599"/>
              <a:gd name="T64" fmla="*/ 1797 w 3472"/>
              <a:gd name="T65" fmla="*/ 695 h 3599"/>
              <a:gd name="T66" fmla="*/ 1580 w 3472"/>
              <a:gd name="T67" fmla="*/ 1199 h 3599"/>
              <a:gd name="T68" fmla="*/ 1486 w 3472"/>
              <a:gd name="T69" fmla="*/ 1217 h 3599"/>
              <a:gd name="T70" fmla="*/ 944 w 3472"/>
              <a:gd name="T71" fmla="*/ 1739 h 3599"/>
              <a:gd name="T72" fmla="*/ 952 w 3472"/>
              <a:gd name="T73" fmla="*/ 1830 h 3599"/>
              <a:gd name="T74" fmla="*/ 1367 w 3472"/>
              <a:gd name="T75" fmla="*/ 2840 h 3599"/>
              <a:gd name="T76" fmla="*/ 1630 w 3472"/>
              <a:gd name="T77" fmla="*/ 2998 h 3599"/>
              <a:gd name="T78" fmla="*/ 1828 w 3472"/>
              <a:gd name="T79" fmla="*/ 3105 h 3599"/>
              <a:gd name="T80" fmla="*/ 2035 w 3472"/>
              <a:gd name="T81" fmla="*/ 3246 h 3599"/>
              <a:gd name="T82" fmla="*/ 2117 w 3472"/>
              <a:gd name="T83" fmla="*/ 3489 h 3599"/>
              <a:gd name="T84" fmla="*/ 52 w 3472"/>
              <a:gd name="T85" fmla="*/ 3384 h 3599"/>
              <a:gd name="T86" fmla="*/ 192 w 3472"/>
              <a:gd name="T87" fmla="*/ 3174 h 3599"/>
              <a:gd name="T88" fmla="*/ 434 w 3472"/>
              <a:gd name="T89" fmla="*/ 3090 h 3599"/>
              <a:gd name="T90" fmla="*/ 141 w 3472"/>
              <a:gd name="T91" fmla="*/ 2210 h 3599"/>
              <a:gd name="T92" fmla="*/ 35 w 3472"/>
              <a:gd name="T93" fmla="*/ 2178 h 3599"/>
              <a:gd name="T94" fmla="*/ 0 w 3472"/>
              <a:gd name="T95" fmla="*/ 1506 h 3599"/>
              <a:gd name="T96" fmla="*/ 50 w 3472"/>
              <a:gd name="T97" fmla="*/ 1394 h 3599"/>
              <a:gd name="T98" fmla="*/ 186 w 3472"/>
              <a:gd name="T99" fmla="*/ 1361 h 3599"/>
              <a:gd name="T100" fmla="*/ 946 w 3472"/>
              <a:gd name="T101" fmla="*/ 647 h 3599"/>
              <a:gd name="T102" fmla="*/ 976 w 3472"/>
              <a:gd name="T103" fmla="*/ 591 h 3599"/>
              <a:gd name="T104" fmla="*/ 1582 w 3472"/>
              <a:gd name="T105" fmla="*/ 445 h 3599"/>
              <a:gd name="T106" fmla="*/ 1574 w 3472"/>
              <a:gd name="T107" fmla="*/ 260 h 3599"/>
              <a:gd name="T108" fmla="*/ 1772 w 3472"/>
              <a:gd name="T109" fmla="*/ 42 h 3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472" h="3599">
                <a:moveTo>
                  <a:pt x="640" y="1990"/>
                </a:moveTo>
                <a:lnTo>
                  <a:pt x="383" y="2105"/>
                </a:lnTo>
                <a:lnTo>
                  <a:pt x="795" y="2871"/>
                </a:lnTo>
                <a:lnTo>
                  <a:pt x="847" y="2849"/>
                </a:lnTo>
                <a:lnTo>
                  <a:pt x="901" y="2829"/>
                </a:lnTo>
                <a:lnTo>
                  <a:pt x="957" y="2814"/>
                </a:lnTo>
                <a:lnTo>
                  <a:pt x="1015" y="2804"/>
                </a:lnTo>
                <a:lnTo>
                  <a:pt x="1074" y="2798"/>
                </a:lnTo>
                <a:lnTo>
                  <a:pt x="640" y="1990"/>
                </a:lnTo>
                <a:close/>
                <a:moveTo>
                  <a:pt x="1124" y="846"/>
                </a:moveTo>
                <a:lnTo>
                  <a:pt x="457" y="1491"/>
                </a:lnTo>
                <a:lnTo>
                  <a:pt x="686" y="1602"/>
                </a:lnTo>
                <a:lnTo>
                  <a:pt x="1288" y="1019"/>
                </a:lnTo>
                <a:lnTo>
                  <a:pt x="1124" y="846"/>
                </a:lnTo>
                <a:close/>
                <a:moveTo>
                  <a:pt x="3116" y="773"/>
                </a:moveTo>
                <a:lnTo>
                  <a:pt x="3101" y="774"/>
                </a:lnTo>
                <a:lnTo>
                  <a:pt x="3085" y="780"/>
                </a:lnTo>
                <a:lnTo>
                  <a:pt x="3036" y="807"/>
                </a:lnTo>
                <a:lnTo>
                  <a:pt x="2983" y="836"/>
                </a:lnTo>
                <a:lnTo>
                  <a:pt x="2927" y="873"/>
                </a:lnTo>
                <a:lnTo>
                  <a:pt x="2869" y="913"/>
                </a:lnTo>
                <a:lnTo>
                  <a:pt x="2809" y="958"/>
                </a:lnTo>
                <a:lnTo>
                  <a:pt x="2747" y="1008"/>
                </a:lnTo>
                <a:lnTo>
                  <a:pt x="2684" y="1063"/>
                </a:lnTo>
                <a:lnTo>
                  <a:pt x="2619" y="1122"/>
                </a:lnTo>
                <a:lnTo>
                  <a:pt x="2551" y="1187"/>
                </a:lnTo>
                <a:lnTo>
                  <a:pt x="2491" y="1250"/>
                </a:lnTo>
                <a:lnTo>
                  <a:pt x="2436" y="1311"/>
                </a:lnTo>
                <a:lnTo>
                  <a:pt x="2387" y="1369"/>
                </a:lnTo>
                <a:lnTo>
                  <a:pt x="2345" y="1424"/>
                </a:lnTo>
                <a:lnTo>
                  <a:pt x="2308" y="1476"/>
                </a:lnTo>
                <a:lnTo>
                  <a:pt x="2276" y="1524"/>
                </a:lnTo>
                <a:lnTo>
                  <a:pt x="2248" y="1569"/>
                </a:lnTo>
                <a:lnTo>
                  <a:pt x="2242" y="1584"/>
                </a:lnTo>
                <a:lnTo>
                  <a:pt x="2239" y="1601"/>
                </a:lnTo>
                <a:lnTo>
                  <a:pt x="2242" y="1617"/>
                </a:lnTo>
                <a:lnTo>
                  <a:pt x="2247" y="1632"/>
                </a:lnTo>
                <a:lnTo>
                  <a:pt x="2258" y="1646"/>
                </a:lnTo>
                <a:lnTo>
                  <a:pt x="2270" y="1656"/>
                </a:lnTo>
                <a:lnTo>
                  <a:pt x="2285" y="1663"/>
                </a:lnTo>
                <a:lnTo>
                  <a:pt x="2301" y="1667"/>
                </a:lnTo>
                <a:lnTo>
                  <a:pt x="2317" y="1666"/>
                </a:lnTo>
                <a:lnTo>
                  <a:pt x="2333" y="1660"/>
                </a:lnTo>
                <a:lnTo>
                  <a:pt x="2382" y="1635"/>
                </a:lnTo>
                <a:lnTo>
                  <a:pt x="2434" y="1603"/>
                </a:lnTo>
                <a:lnTo>
                  <a:pt x="2490" y="1568"/>
                </a:lnTo>
                <a:lnTo>
                  <a:pt x="2548" y="1526"/>
                </a:lnTo>
                <a:lnTo>
                  <a:pt x="2608" y="1482"/>
                </a:lnTo>
                <a:lnTo>
                  <a:pt x="2671" y="1431"/>
                </a:lnTo>
                <a:lnTo>
                  <a:pt x="2735" y="1376"/>
                </a:lnTo>
                <a:lnTo>
                  <a:pt x="2800" y="1317"/>
                </a:lnTo>
                <a:lnTo>
                  <a:pt x="2867" y="1252"/>
                </a:lnTo>
                <a:lnTo>
                  <a:pt x="2927" y="1189"/>
                </a:lnTo>
                <a:lnTo>
                  <a:pt x="2981" y="1129"/>
                </a:lnTo>
                <a:lnTo>
                  <a:pt x="3030" y="1071"/>
                </a:lnTo>
                <a:lnTo>
                  <a:pt x="3073" y="1016"/>
                </a:lnTo>
                <a:lnTo>
                  <a:pt x="3110" y="964"/>
                </a:lnTo>
                <a:lnTo>
                  <a:pt x="3143" y="916"/>
                </a:lnTo>
                <a:lnTo>
                  <a:pt x="3169" y="872"/>
                </a:lnTo>
                <a:lnTo>
                  <a:pt x="3176" y="856"/>
                </a:lnTo>
                <a:lnTo>
                  <a:pt x="3178" y="840"/>
                </a:lnTo>
                <a:lnTo>
                  <a:pt x="3176" y="824"/>
                </a:lnTo>
                <a:lnTo>
                  <a:pt x="3170" y="808"/>
                </a:lnTo>
                <a:lnTo>
                  <a:pt x="3161" y="794"/>
                </a:lnTo>
                <a:lnTo>
                  <a:pt x="3147" y="784"/>
                </a:lnTo>
                <a:lnTo>
                  <a:pt x="3132" y="777"/>
                </a:lnTo>
                <a:lnTo>
                  <a:pt x="3116" y="773"/>
                </a:lnTo>
                <a:close/>
                <a:moveTo>
                  <a:pt x="1915" y="0"/>
                </a:moveTo>
                <a:lnTo>
                  <a:pt x="1952" y="5"/>
                </a:lnTo>
                <a:lnTo>
                  <a:pt x="1988" y="15"/>
                </a:lnTo>
                <a:lnTo>
                  <a:pt x="2022" y="30"/>
                </a:lnTo>
                <a:lnTo>
                  <a:pt x="2053" y="51"/>
                </a:lnTo>
                <a:lnTo>
                  <a:pt x="2081" y="77"/>
                </a:lnTo>
                <a:lnTo>
                  <a:pt x="2254" y="265"/>
                </a:lnTo>
                <a:lnTo>
                  <a:pt x="2320" y="249"/>
                </a:lnTo>
                <a:lnTo>
                  <a:pt x="2387" y="238"/>
                </a:lnTo>
                <a:lnTo>
                  <a:pt x="2456" y="234"/>
                </a:lnTo>
                <a:lnTo>
                  <a:pt x="2525" y="235"/>
                </a:lnTo>
                <a:lnTo>
                  <a:pt x="2595" y="242"/>
                </a:lnTo>
                <a:lnTo>
                  <a:pt x="2665" y="255"/>
                </a:lnTo>
                <a:lnTo>
                  <a:pt x="2735" y="274"/>
                </a:lnTo>
                <a:lnTo>
                  <a:pt x="2803" y="298"/>
                </a:lnTo>
                <a:lnTo>
                  <a:pt x="2872" y="328"/>
                </a:lnTo>
                <a:lnTo>
                  <a:pt x="2938" y="364"/>
                </a:lnTo>
                <a:lnTo>
                  <a:pt x="3003" y="405"/>
                </a:lnTo>
                <a:lnTo>
                  <a:pt x="3065" y="451"/>
                </a:lnTo>
                <a:lnTo>
                  <a:pt x="3126" y="504"/>
                </a:lnTo>
                <a:lnTo>
                  <a:pt x="3137" y="501"/>
                </a:lnTo>
                <a:lnTo>
                  <a:pt x="3153" y="496"/>
                </a:lnTo>
                <a:lnTo>
                  <a:pt x="3171" y="491"/>
                </a:lnTo>
                <a:lnTo>
                  <a:pt x="3193" y="487"/>
                </a:lnTo>
                <a:lnTo>
                  <a:pt x="3216" y="483"/>
                </a:lnTo>
                <a:lnTo>
                  <a:pt x="3241" y="481"/>
                </a:lnTo>
                <a:lnTo>
                  <a:pt x="3266" y="480"/>
                </a:lnTo>
                <a:lnTo>
                  <a:pt x="3293" y="482"/>
                </a:lnTo>
                <a:lnTo>
                  <a:pt x="3319" y="488"/>
                </a:lnTo>
                <a:lnTo>
                  <a:pt x="3345" y="497"/>
                </a:lnTo>
                <a:lnTo>
                  <a:pt x="3372" y="510"/>
                </a:lnTo>
                <a:lnTo>
                  <a:pt x="3396" y="528"/>
                </a:lnTo>
                <a:lnTo>
                  <a:pt x="3418" y="551"/>
                </a:lnTo>
                <a:lnTo>
                  <a:pt x="3439" y="579"/>
                </a:lnTo>
                <a:lnTo>
                  <a:pt x="3455" y="610"/>
                </a:lnTo>
                <a:lnTo>
                  <a:pt x="3465" y="643"/>
                </a:lnTo>
                <a:lnTo>
                  <a:pt x="3471" y="678"/>
                </a:lnTo>
                <a:lnTo>
                  <a:pt x="3472" y="716"/>
                </a:lnTo>
                <a:lnTo>
                  <a:pt x="3468" y="756"/>
                </a:lnTo>
                <a:lnTo>
                  <a:pt x="3459" y="800"/>
                </a:lnTo>
                <a:lnTo>
                  <a:pt x="3446" y="844"/>
                </a:lnTo>
                <a:lnTo>
                  <a:pt x="3427" y="893"/>
                </a:lnTo>
                <a:lnTo>
                  <a:pt x="3402" y="945"/>
                </a:lnTo>
                <a:lnTo>
                  <a:pt x="3374" y="997"/>
                </a:lnTo>
                <a:lnTo>
                  <a:pt x="3337" y="1057"/>
                </a:lnTo>
                <a:lnTo>
                  <a:pt x="3295" y="1118"/>
                </a:lnTo>
                <a:lnTo>
                  <a:pt x="3250" y="1179"/>
                </a:lnTo>
                <a:lnTo>
                  <a:pt x="3200" y="1242"/>
                </a:lnTo>
                <a:lnTo>
                  <a:pt x="3145" y="1306"/>
                </a:lnTo>
                <a:lnTo>
                  <a:pt x="3088" y="1369"/>
                </a:lnTo>
                <a:lnTo>
                  <a:pt x="3026" y="1432"/>
                </a:lnTo>
                <a:lnTo>
                  <a:pt x="2963" y="1493"/>
                </a:lnTo>
                <a:lnTo>
                  <a:pt x="2917" y="1536"/>
                </a:lnTo>
                <a:lnTo>
                  <a:pt x="2869" y="1578"/>
                </a:lnTo>
                <a:lnTo>
                  <a:pt x="2820" y="1620"/>
                </a:lnTo>
                <a:lnTo>
                  <a:pt x="2770" y="1660"/>
                </a:lnTo>
                <a:lnTo>
                  <a:pt x="2719" y="1700"/>
                </a:lnTo>
                <a:lnTo>
                  <a:pt x="2667" y="1738"/>
                </a:lnTo>
                <a:lnTo>
                  <a:pt x="2614" y="1775"/>
                </a:lnTo>
                <a:lnTo>
                  <a:pt x="2561" y="1808"/>
                </a:lnTo>
                <a:lnTo>
                  <a:pt x="2508" y="1839"/>
                </a:lnTo>
                <a:lnTo>
                  <a:pt x="2456" y="1868"/>
                </a:lnTo>
                <a:lnTo>
                  <a:pt x="2405" y="1893"/>
                </a:lnTo>
                <a:lnTo>
                  <a:pt x="2354" y="1915"/>
                </a:lnTo>
                <a:lnTo>
                  <a:pt x="2304" y="1932"/>
                </a:lnTo>
                <a:lnTo>
                  <a:pt x="2258" y="1945"/>
                </a:lnTo>
                <a:lnTo>
                  <a:pt x="2212" y="1953"/>
                </a:lnTo>
                <a:lnTo>
                  <a:pt x="2169" y="1955"/>
                </a:lnTo>
                <a:lnTo>
                  <a:pt x="2152" y="1954"/>
                </a:lnTo>
                <a:lnTo>
                  <a:pt x="2133" y="1951"/>
                </a:lnTo>
                <a:lnTo>
                  <a:pt x="2114" y="1945"/>
                </a:lnTo>
                <a:lnTo>
                  <a:pt x="2094" y="1937"/>
                </a:lnTo>
                <a:lnTo>
                  <a:pt x="2073" y="1927"/>
                </a:lnTo>
                <a:lnTo>
                  <a:pt x="2053" y="1913"/>
                </a:lnTo>
                <a:lnTo>
                  <a:pt x="2032" y="1898"/>
                </a:lnTo>
                <a:lnTo>
                  <a:pt x="2014" y="1879"/>
                </a:lnTo>
                <a:lnTo>
                  <a:pt x="1997" y="1858"/>
                </a:lnTo>
                <a:lnTo>
                  <a:pt x="1981" y="1835"/>
                </a:lnTo>
                <a:lnTo>
                  <a:pt x="1968" y="1808"/>
                </a:lnTo>
                <a:lnTo>
                  <a:pt x="1959" y="1778"/>
                </a:lnTo>
                <a:lnTo>
                  <a:pt x="1953" y="1747"/>
                </a:lnTo>
                <a:lnTo>
                  <a:pt x="1951" y="1712"/>
                </a:lnTo>
                <a:lnTo>
                  <a:pt x="1953" y="1674"/>
                </a:lnTo>
                <a:lnTo>
                  <a:pt x="1961" y="1633"/>
                </a:lnTo>
                <a:lnTo>
                  <a:pt x="1974" y="1590"/>
                </a:lnTo>
                <a:lnTo>
                  <a:pt x="1926" y="1525"/>
                </a:lnTo>
                <a:lnTo>
                  <a:pt x="1884" y="1459"/>
                </a:lnTo>
                <a:lnTo>
                  <a:pt x="1848" y="1391"/>
                </a:lnTo>
                <a:lnTo>
                  <a:pt x="1818" y="1322"/>
                </a:lnTo>
                <a:lnTo>
                  <a:pt x="1793" y="1252"/>
                </a:lnTo>
                <a:lnTo>
                  <a:pt x="1773" y="1180"/>
                </a:lnTo>
                <a:lnTo>
                  <a:pt x="1760" y="1109"/>
                </a:lnTo>
                <a:lnTo>
                  <a:pt x="1752" y="1038"/>
                </a:lnTo>
                <a:lnTo>
                  <a:pt x="1750" y="966"/>
                </a:lnTo>
                <a:lnTo>
                  <a:pt x="1753" y="896"/>
                </a:lnTo>
                <a:lnTo>
                  <a:pt x="1762" y="827"/>
                </a:lnTo>
                <a:lnTo>
                  <a:pt x="1777" y="761"/>
                </a:lnTo>
                <a:lnTo>
                  <a:pt x="1797" y="695"/>
                </a:lnTo>
                <a:lnTo>
                  <a:pt x="1701" y="591"/>
                </a:lnTo>
                <a:lnTo>
                  <a:pt x="1609" y="1147"/>
                </a:lnTo>
                <a:lnTo>
                  <a:pt x="1603" y="1166"/>
                </a:lnTo>
                <a:lnTo>
                  <a:pt x="1593" y="1184"/>
                </a:lnTo>
                <a:lnTo>
                  <a:pt x="1580" y="1199"/>
                </a:lnTo>
                <a:lnTo>
                  <a:pt x="1564" y="1211"/>
                </a:lnTo>
                <a:lnTo>
                  <a:pt x="1546" y="1219"/>
                </a:lnTo>
                <a:lnTo>
                  <a:pt x="1526" y="1223"/>
                </a:lnTo>
                <a:lnTo>
                  <a:pt x="1506" y="1222"/>
                </a:lnTo>
                <a:lnTo>
                  <a:pt x="1486" y="1217"/>
                </a:lnTo>
                <a:lnTo>
                  <a:pt x="1469" y="1208"/>
                </a:lnTo>
                <a:lnTo>
                  <a:pt x="1453" y="1194"/>
                </a:lnTo>
                <a:lnTo>
                  <a:pt x="915" y="1715"/>
                </a:lnTo>
                <a:lnTo>
                  <a:pt x="931" y="1725"/>
                </a:lnTo>
                <a:lnTo>
                  <a:pt x="944" y="1739"/>
                </a:lnTo>
                <a:lnTo>
                  <a:pt x="953" y="1756"/>
                </a:lnTo>
                <a:lnTo>
                  <a:pt x="960" y="1774"/>
                </a:lnTo>
                <a:lnTo>
                  <a:pt x="961" y="1793"/>
                </a:lnTo>
                <a:lnTo>
                  <a:pt x="959" y="1813"/>
                </a:lnTo>
                <a:lnTo>
                  <a:pt x="952" y="1830"/>
                </a:lnTo>
                <a:lnTo>
                  <a:pt x="942" y="1846"/>
                </a:lnTo>
                <a:lnTo>
                  <a:pt x="928" y="1860"/>
                </a:lnTo>
                <a:lnTo>
                  <a:pt x="911" y="1869"/>
                </a:lnTo>
                <a:lnTo>
                  <a:pt x="859" y="1893"/>
                </a:lnTo>
                <a:lnTo>
                  <a:pt x="1367" y="2840"/>
                </a:lnTo>
                <a:lnTo>
                  <a:pt x="1425" y="2863"/>
                </a:lnTo>
                <a:lnTo>
                  <a:pt x="1481" y="2890"/>
                </a:lnTo>
                <a:lnTo>
                  <a:pt x="1533" y="2921"/>
                </a:lnTo>
                <a:lnTo>
                  <a:pt x="1583" y="2958"/>
                </a:lnTo>
                <a:lnTo>
                  <a:pt x="1630" y="2998"/>
                </a:lnTo>
                <a:lnTo>
                  <a:pt x="1673" y="3042"/>
                </a:lnTo>
                <a:lnTo>
                  <a:pt x="1713" y="3090"/>
                </a:lnTo>
                <a:lnTo>
                  <a:pt x="1723" y="3090"/>
                </a:lnTo>
                <a:lnTo>
                  <a:pt x="1777" y="3094"/>
                </a:lnTo>
                <a:lnTo>
                  <a:pt x="1828" y="3105"/>
                </a:lnTo>
                <a:lnTo>
                  <a:pt x="1877" y="3123"/>
                </a:lnTo>
                <a:lnTo>
                  <a:pt x="1923" y="3146"/>
                </a:lnTo>
                <a:lnTo>
                  <a:pt x="1965" y="3174"/>
                </a:lnTo>
                <a:lnTo>
                  <a:pt x="2002" y="3208"/>
                </a:lnTo>
                <a:lnTo>
                  <a:pt x="2035" y="3246"/>
                </a:lnTo>
                <a:lnTo>
                  <a:pt x="2064" y="3288"/>
                </a:lnTo>
                <a:lnTo>
                  <a:pt x="2087" y="3334"/>
                </a:lnTo>
                <a:lnTo>
                  <a:pt x="2104" y="3384"/>
                </a:lnTo>
                <a:lnTo>
                  <a:pt x="2114" y="3435"/>
                </a:lnTo>
                <a:lnTo>
                  <a:pt x="2117" y="3489"/>
                </a:lnTo>
                <a:lnTo>
                  <a:pt x="2117" y="3599"/>
                </a:lnTo>
                <a:lnTo>
                  <a:pt x="39" y="3599"/>
                </a:lnTo>
                <a:lnTo>
                  <a:pt x="39" y="3489"/>
                </a:lnTo>
                <a:lnTo>
                  <a:pt x="42" y="3435"/>
                </a:lnTo>
                <a:lnTo>
                  <a:pt x="52" y="3384"/>
                </a:lnTo>
                <a:lnTo>
                  <a:pt x="69" y="3334"/>
                </a:lnTo>
                <a:lnTo>
                  <a:pt x="92" y="3288"/>
                </a:lnTo>
                <a:lnTo>
                  <a:pt x="121" y="3246"/>
                </a:lnTo>
                <a:lnTo>
                  <a:pt x="155" y="3208"/>
                </a:lnTo>
                <a:lnTo>
                  <a:pt x="192" y="3174"/>
                </a:lnTo>
                <a:lnTo>
                  <a:pt x="235" y="3146"/>
                </a:lnTo>
                <a:lnTo>
                  <a:pt x="280" y="3123"/>
                </a:lnTo>
                <a:lnTo>
                  <a:pt x="329" y="3105"/>
                </a:lnTo>
                <a:lnTo>
                  <a:pt x="380" y="3094"/>
                </a:lnTo>
                <a:lnTo>
                  <a:pt x="434" y="3090"/>
                </a:lnTo>
                <a:lnTo>
                  <a:pt x="526" y="3090"/>
                </a:lnTo>
                <a:lnTo>
                  <a:pt x="560" y="3049"/>
                </a:lnTo>
                <a:lnTo>
                  <a:pt x="598" y="3010"/>
                </a:lnTo>
                <a:lnTo>
                  <a:pt x="164" y="2201"/>
                </a:lnTo>
                <a:lnTo>
                  <a:pt x="141" y="2210"/>
                </a:lnTo>
                <a:lnTo>
                  <a:pt x="118" y="2212"/>
                </a:lnTo>
                <a:lnTo>
                  <a:pt x="96" y="2211"/>
                </a:lnTo>
                <a:lnTo>
                  <a:pt x="74" y="2204"/>
                </a:lnTo>
                <a:lnTo>
                  <a:pt x="53" y="2193"/>
                </a:lnTo>
                <a:lnTo>
                  <a:pt x="35" y="2178"/>
                </a:lnTo>
                <a:lnTo>
                  <a:pt x="20" y="2160"/>
                </a:lnTo>
                <a:lnTo>
                  <a:pt x="9" y="2141"/>
                </a:lnTo>
                <a:lnTo>
                  <a:pt x="2" y="2118"/>
                </a:lnTo>
                <a:lnTo>
                  <a:pt x="0" y="2095"/>
                </a:lnTo>
                <a:lnTo>
                  <a:pt x="0" y="1506"/>
                </a:lnTo>
                <a:lnTo>
                  <a:pt x="2" y="1480"/>
                </a:lnTo>
                <a:lnTo>
                  <a:pt x="9" y="1456"/>
                </a:lnTo>
                <a:lnTo>
                  <a:pt x="18" y="1433"/>
                </a:lnTo>
                <a:lnTo>
                  <a:pt x="33" y="1413"/>
                </a:lnTo>
                <a:lnTo>
                  <a:pt x="50" y="1394"/>
                </a:lnTo>
                <a:lnTo>
                  <a:pt x="69" y="1378"/>
                </a:lnTo>
                <a:lnTo>
                  <a:pt x="97" y="1365"/>
                </a:lnTo>
                <a:lnTo>
                  <a:pt x="126" y="1357"/>
                </a:lnTo>
                <a:lnTo>
                  <a:pt x="156" y="1356"/>
                </a:lnTo>
                <a:lnTo>
                  <a:pt x="186" y="1361"/>
                </a:lnTo>
                <a:lnTo>
                  <a:pt x="213" y="1371"/>
                </a:lnTo>
                <a:lnTo>
                  <a:pt x="228" y="1378"/>
                </a:lnTo>
                <a:lnTo>
                  <a:pt x="959" y="671"/>
                </a:lnTo>
                <a:lnTo>
                  <a:pt x="951" y="659"/>
                </a:lnTo>
                <a:lnTo>
                  <a:pt x="946" y="647"/>
                </a:lnTo>
                <a:lnTo>
                  <a:pt x="945" y="633"/>
                </a:lnTo>
                <a:lnTo>
                  <a:pt x="948" y="619"/>
                </a:lnTo>
                <a:lnTo>
                  <a:pt x="954" y="608"/>
                </a:lnTo>
                <a:lnTo>
                  <a:pt x="965" y="597"/>
                </a:lnTo>
                <a:lnTo>
                  <a:pt x="976" y="591"/>
                </a:lnTo>
                <a:lnTo>
                  <a:pt x="990" y="588"/>
                </a:lnTo>
                <a:lnTo>
                  <a:pt x="1645" y="531"/>
                </a:lnTo>
                <a:lnTo>
                  <a:pt x="1624" y="508"/>
                </a:lnTo>
                <a:lnTo>
                  <a:pt x="1600" y="478"/>
                </a:lnTo>
                <a:lnTo>
                  <a:pt x="1582" y="445"/>
                </a:lnTo>
                <a:lnTo>
                  <a:pt x="1570" y="410"/>
                </a:lnTo>
                <a:lnTo>
                  <a:pt x="1562" y="373"/>
                </a:lnTo>
                <a:lnTo>
                  <a:pt x="1559" y="335"/>
                </a:lnTo>
                <a:lnTo>
                  <a:pt x="1564" y="297"/>
                </a:lnTo>
                <a:lnTo>
                  <a:pt x="1574" y="260"/>
                </a:lnTo>
                <a:lnTo>
                  <a:pt x="1590" y="227"/>
                </a:lnTo>
                <a:lnTo>
                  <a:pt x="1611" y="195"/>
                </a:lnTo>
                <a:lnTo>
                  <a:pt x="1636" y="167"/>
                </a:lnTo>
                <a:lnTo>
                  <a:pt x="1743" y="66"/>
                </a:lnTo>
                <a:lnTo>
                  <a:pt x="1772" y="42"/>
                </a:lnTo>
                <a:lnTo>
                  <a:pt x="1805" y="23"/>
                </a:lnTo>
                <a:lnTo>
                  <a:pt x="1841" y="10"/>
                </a:lnTo>
                <a:lnTo>
                  <a:pt x="1877" y="3"/>
                </a:lnTo>
                <a:lnTo>
                  <a:pt x="19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nvGrpSpPr>
          <p:cNvPr id="28" name="Group 15"/>
          <p:cNvGrpSpPr>
            <a:grpSpLocks noChangeAspect="1"/>
          </p:cNvGrpSpPr>
          <p:nvPr/>
        </p:nvGrpSpPr>
        <p:grpSpPr bwMode="auto">
          <a:xfrm>
            <a:off x="4362672" y="3841634"/>
            <a:ext cx="1136486" cy="1214554"/>
            <a:chOff x="2785" y="2376"/>
            <a:chExt cx="757" cy="809"/>
          </a:xfrm>
          <a:solidFill>
            <a:schemeClr val="bg1"/>
          </a:solidFill>
        </p:grpSpPr>
        <p:sp>
          <p:nvSpPr>
            <p:cNvPr id="31" name="Freeform 17"/>
            <p:cNvSpPr>
              <a:spLocks noEditPoints="1"/>
            </p:cNvSpPr>
            <p:nvPr/>
          </p:nvSpPr>
          <p:spPr bwMode="auto">
            <a:xfrm>
              <a:off x="2785" y="2376"/>
              <a:ext cx="757" cy="809"/>
            </a:xfrm>
            <a:custGeom>
              <a:avLst/>
              <a:gdLst>
                <a:gd name="T0" fmla="*/ 1295 w 3027"/>
                <a:gd name="T1" fmla="*/ 2679 h 3239"/>
                <a:gd name="T2" fmla="*/ 1466 w 3027"/>
                <a:gd name="T3" fmla="*/ 2998 h 3239"/>
                <a:gd name="T4" fmla="*/ 1600 w 3027"/>
                <a:gd name="T5" fmla="*/ 2952 h 3239"/>
                <a:gd name="T6" fmla="*/ 1776 w 3027"/>
                <a:gd name="T7" fmla="*/ 2539 h 3239"/>
                <a:gd name="T8" fmla="*/ 1176 w 3027"/>
                <a:gd name="T9" fmla="*/ 2171 h 3239"/>
                <a:gd name="T10" fmla="*/ 1853 w 3027"/>
                <a:gd name="T11" fmla="*/ 2163 h 3239"/>
                <a:gd name="T12" fmla="*/ 421 w 3027"/>
                <a:gd name="T13" fmla="*/ 2023 h 3239"/>
                <a:gd name="T14" fmla="*/ 229 w 3027"/>
                <a:gd name="T15" fmla="*/ 2312 h 3239"/>
                <a:gd name="T16" fmla="*/ 310 w 3027"/>
                <a:gd name="T17" fmla="*/ 2371 h 3239"/>
                <a:gd name="T18" fmla="*/ 749 w 3027"/>
                <a:gd name="T19" fmla="*/ 2317 h 3239"/>
                <a:gd name="T20" fmla="*/ 772 w 3027"/>
                <a:gd name="T21" fmla="*/ 1818 h 3239"/>
                <a:gd name="T22" fmla="*/ 2058 w 3027"/>
                <a:gd name="T23" fmla="*/ 2239 h 3239"/>
                <a:gd name="T24" fmla="*/ 2597 w 3027"/>
                <a:gd name="T25" fmla="*/ 2357 h 3239"/>
                <a:gd name="T26" fmla="*/ 2807 w 3027"/>
                <a:gd name="T27" fmla="*/ 2336 h 3239"/>
                <a:gd name="T28" fmla="*/ 2718 w 3027"/>
                <a:gd name="T29" fmla="*/ 2137 h 3239"/>
                <a:gd name="T30" fmla="*/ 2335 w 3027"/>
                <a:gd name="T31" fmla="*/ 1751 h 3239"/>
                <a:gd name="T32" fmla="*/ 2159 w 3027"/>
                <a:gd name="T33" fmla="*/ 1617 h 3239"/>
                <a:gd name="T34" fmla="*/ 1140 w 3027"/>
                <a:gd name="T35" fmla="*/ 1620 h 3239"/>
                <a:gd name="T36" fmla="*/ 1721 w 3027"/>
                <a:gd name="T37" fmla="*/ 1901 h 3239"/>
                <a:gd name="T38" fmla="*/ 1717 w 3027"/>
                <a:gd name="T39" fmla="*/ 1337 h 3239"/>
                <a:gd name="T40" fmla="*/ 1174 w 3027"/>
                <a:gd name="T41" fmla="*/ 1077 h 3239"/>
                <a:gd name="T42" fmla="*/ 375 w 3027"/>
                <a:gd name="T43" fmla="*/ 880 h 3239"/>
                <a:gd name="T44" fmla="*/ 214 w 3027"/>
                <a:gd name="T45" fmla="*/ 907 h 3239"/>
                <a:gd name="T46" fmla="*/ 340 w 3027"/>
                <a:gd name="T47" fmla="*/ 1143 h 3239"/>
                <a:gd name="T48" fmla="*/ 770 w 3027"/>
                <a:gd name="T49" fmla="*/ 1431 h 3239"/>
                <a:gd name="T50" fmla="*/ 748 w 3027"/>
                <a:gd name="T51" fmla="*/ 935 h 3239"/>
                <a:gd name="T52" fmla="*/ 2598 w 3027"/>
                <a:gd name="T53" fmla="*/ 873 h 3239"/>
                <a:gd name="T54" fmla="*/ 2057 w 3027"/>
                <a:gd name="T55" fmla="*/ 995 h 3239"/>
                <a:gd name="T56" fmla="*/ 2459 w 3027"/>
                <a:gd name="T57" fmla="*/ 1369 h 3239"/>
                <a:gd name="T58" fmla="*/ 2759 w 3027"/>
                <a:gd name="T59" fmla="*/ 1016 h 3239"/>
                <a:gd name="T60" fmla="*/ 2778 w 3027"/>
                <a:gd name="T61" fmla="*/ 884 h 3239"/>
                <a:gd name="T62" fmla="*/ 1484 w 3027"/>
                <a:gd name="T63" fmla="*/ 227 h 3239"/>
                <a:gd name="T64" fmla="*/ 1316 w 3027"/>
                <a:gd name="T65" fmla="*/ 504 h 3239"/>
                <a:gd name="T66" fmla="*/ 1510 w 3027"/>
                <a:gd name="T67" fmla="*/ 988 h 3239"/>
                <a:gd name="T68" fmla="*/ 1711 w 3027"/>
                <a:gd name="T69" fmla="*/ 501 h 3239"/>
                <a:gd name="T70" fmla="*/ 1543 w 3027"/>
                <a:gd name="T71" fmla="*/ 227 h 3239"/>
                <a:gd name="T72" fmla="*/ 1703 w 3027"/>
                <a:gd name="T73" fmla="*/ 88 h 3239"/>
                <a:gd name="T74" fmla="*/ 1950 w 3027"/>
                <a:gd name="T75" fmla="*/ 533 h 3239"/>
                <a:gd name="T76" fmla="*/ 2397 w 3027"/>
                <a:gd name="T77" fmla="*/ 677 h 3239"/>
                <a:gd name="T78" fmla="*/ 2839 w 3027"/>
                <a:gd name="T79" fmla="*/ 675 h 3239"/>
                <a:gd name="T80" fmla="*/ 3018 w 3027"/>
                <a:gd name="T81" fmla="*/ 866 h 3239"/>
                <a:gd name="T82" fmla="*/ 2893 w 3027"/>
                <a:gd name="T83" fmla="*/ 1202 h 3239"/>
                <a:gd name="T84" fmla="*/ 2506 w 3027"/>
                <a:gd name="T85" fmla="*/ 1614 h 3239"/>
                <a:gd name="T86" fmla="*/ 2898 w 3027"/>
                <a:gd name="T87" fmla="*/ 2021 h 3239"/>
                <a:gd name="T88" fmla="*/ 3027 w 3027"/>
                <a:gd name="T89" fmla="*/ 2355 h 3239"/>
                <a:gd name="T90" fmla="*/ 2845 w 3027"/>
                <a:gd name="T91" fmla="*/ 2550 h 3239"/>
                <a:gd name="T92" fmla="*/ 2397 w 3027"/>
                <a:gd name="T93" fmla="*/ 2550 h 3239"/>
                <a:gd name="T94" fmla="*/ 1952 w 3027"/>
                <a:gd name="T95" fmla="*/ 2700 h 3239"/>
                <a:gd name="T96" fmla="*/ 1705 w 3027"/>
                <a:gd name="T97" fmla="*/ 3151 h 3239"/>
                <a:gd name="T98" fmla="*/ 1397 w 3027"/>
                <a:gd name="T99" fmla="*/ 3207 h 3239"/>
                <a:gd name="T100" fmla="*/ 1130 w 3027"/>
                <a:gd name="T101" fmla="*/ 2849 h 3239"/>
                <a:gd name="T102" fmla="*/ 774 w 3027"/>
                <a:gd name="T103" fmla="*/ 2532 h 3239"/>
                <a:gd name="T104" fmla="*/ 274 w 3027"/>
                <a:gd name="T105" fmla="*/ 2583 h 3239"/>
                <a:gd name="T106" fmla="*/ 26 w 3027"/>
                <a:gd name="T107" fmla="*/ 2439 h 3239"/>
                <a:gd name="T108" fmla="*/ 76 w 3027"/>
                <a:gd name="T109" fmla="*/ 2132 h 3239"/>
                <a:gd name="T110" fmla="*/ 403 w 3027"/>
                <a:gd name="T111" fmla="*/ 1733 h 3239"/>
                <a:gd name="T112" fmla="*/ 205 w 3027"/>
                <a:gd name="T113" fmla="*/ 1316 h 3239"/>
                <a:gd name="T114" fmla="*/ 4 w 3027"/>
                <a:gd name="T115" fmla="*/ 958 h 3239"/>
                <a:gd name="T116" fmla="*/ 108 w 3027"/>
                <a:gd name="T117" fmla="*/ 720 h 3239"/>
                <a:gd name="T118" fmla="*/ 496 w 3027"/>
                <a:gd name="T119" fmla="*/ 672 h 3239"/>
                <a:gd name="T120" fmla="*/ 1029 w 3027"/>
                <a:gd name="T121" fmla="*/ 700 h 3239"/>
                <a:gd name="T122" fmla="*/ 1252 w 3027"/>
                <a:gd name="T123" fmla="*/ 169 h 3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27" h="3239">
                  <a:moveTo>
                    <a:pt x="1517" y="2251"/>
                  </a:moveTo>
                  <a:lnTo>
                    <a:pt x="1415" y="2300"/>
                  </a:lnTo>
                  <a:lnTo>
                    <a:pt x="1314" y="2345"/>
                  </a:lnTo>
                  <a:lnTo>
                    <a:pt x="1214" y="2386"/>
                  </a:lnTo>
                  <a:lnTo>
                    <a:pt x="1233" y="2468"/>
                  </a:lnTo>
                  <a:lnTo>
                    <a:pt x="1252" y="2544"/>
                  </a:lnTo>
                  <a:lnTo>
                    <a:pt x="1273" y="2614"/>
                  </a:lnTo>
                  <a:lnTo>
                    <a:pt x="1295" y="2679"/>
                  </a:lnTo>
                  <a:lnTo>
                    <a:pt x="1317" y="2739"/>
                  </a:lnTo>
                  <a:lnTo>
                    <a:pt x="1340" y="2793"/>
                  </a:lnTo>
                  <a:lnTo>
                    <a:pt x="1361" y="2840"/>
                  </a:lnTo>
                  <a:lnTo>
                    <a:pt x="1384" y="2884"/>
                  </a:lnTo>
                  <a:lnTo>
                    <a:pt x="1406" y="2920"/>
                  </a:lnTo>
                  <a:lnTo>
                    <a:pt x="1427" y="2953"/>
                  </a:lnTo>
                  <a:lnTo>
                    <a:pt x="1448" y="2979"/>
                  </a:lnTo>
                  <a:lnTo>
                    <a:pt x="1466" y="2998"/>
                  </a:lnTo>
                  <a:lnTo>
                    <a:pt x="1484" y="3013"/>
                  </a:lnTo>
                  <a:lnTo>
                    <a:pt x="1500" y="3021"/>
                  </a:lnTo>
                  <a:lnTo>
                    <a:pt x="1513" y="3024"/>
                  </a:lnTo>
                  <a:lnTo>
                    <a:pt x="1528" y="3021"/>
                  </a:lnTo>
                  <a:lnTo>
                    <a:pt x="1543" y="3013"/>
                  </a:lnTo>
                  <a:lnTo>
                    <a:pt x="1561" y="2998"/>
                  </a:lnTo>
                  <a:lnTo>
                    <a:pt x="1581" y="2977"/>
                  </a:lnTo>
                  <a:lnTo>
                    <a:pt x="1600" y="2952"/>
                  </a:lnTo>
                  <a:lnTo>
                    <a:pt x="1622" y="2919"/>
                  </a:lnTo>
                  <a:lnTo>
                    <a:pt x="1644" y="2882"/>
                  </a:lnTo>
                  <a:lnTo>
                    <a:pt x="1666" y="2839"/>
                  </a:lnTo>
                  <a:lnTo>
                    <a:pt x="1689" y="2791"/>
                  </a:lnTo>
                  <a:lnTo>
                    <a:pt x="1712" y="2735"/>
                  </a:lnTo>
                  <a:lnTo>
                    <a:pt x="1733" y="2675"/>
                  </a:lnTo>
                  <a:lnTo>
                    <a:pt x="1755" y="2610"/>
                  </a:lnTo>
                  <a:lnTo>
                    <a:pt x="1776" y="2539"/>
                  </a:lnTo>
                  <a:lnTo>
                    <a:pt x="1796" y="2462"/>
                  </a:lnTo>
                  <a:lnTo>
                    <a:pt x="1814" y="2380"/>
                  </a:lnTo>
                  <a:lnTo>
                    <a:pt x="1717" y="2341"/>
                  </a:lnTo>
                  <a:lnTo>
                    <a:pt x="1618" y="2298"/>
                  </a:lnTo>
                  <a:lnTo>
                    <a:pt x="1517" y="2251"/>
                  </a:lnTo>
                  <a:close/>
                  <a:moveTo>
                    <a:pt x="1163" y="2066"/>
                  </a:moveTo>
                  <a:lnTo>
                    <a:pt x="1169" y="2119"/>
                  </a:lnTo>
                  <a:lnTo>
                    <a:pt x="1176" y="2171"/>
                  </a:lnTo>
                  <a:lnTo>
                    <a:pt x="1225" y="2150"/>
                  </a:lnTo>
                  <a:lnTo>
                    <a:pt x="1275" y="2129"/>
                  </a:lnTo>
                  <a:lnTo>
                    <a:pt x="1205" y="2090"/>
                  </a:lnTo>
                  <a:lnTo>
                    <a:pt x="1163" y="2066"/>
                  </a:lnTo>
                  <a:close/>
                  <a:moveTo>
                    <a:pt x="1864" y="2065"/>
                  </a:moveTo>
                  <a:lnTo>
                    <a:pt x="1828" y="2086"/>
                  </a:lnTo>
                  <a:lnTo>
                    <a:pt x="1760" y="2125"/>
                  </a:lnTo>
                  <a:lnTo>
                    <a:pt x="1853" y="2163"/>
                  </a:lnTo>
                  <a:lnTo>
                    <a:pt x="1858" y="2115"/>
                  </a:lnTo>
                  <a:lnTo>
                    <a:pt x="1864" y="2065"/>
                  </a:lnTo>
                  <a:close/>
                  <a:moveTo>
                    <a:pt x="695" y="1762"/>
                  </a:moveTo>
                  <a:lnTo>
                    <a:pt x="630" y="1818"/>
                  </a:lnTo>
                  <a:lnTo>
                    <a:pt x="571" y="1872"/>
                  </a:lnTo>
                  <a:lnTo>
                    <a:pt x="515" y="1924"/>
                  </a:lnTo>
                  <a:lnTo>
                    <a:pt x="466" y="1975"/>
                  </a:lnTo>
                  <a:lnTo>
                    <a:pt x="421" y="2023"/>
                  </a:lnTo>
                  <a:lnTo>
                    <a:pt x="381" y="2069"/>
                  </a:lnTo>
                  <a:lnTo>
                    <a:pt x="346" y="2112"/>
                  </a:lnTo>
                  <a:lnTo>
                    <a:pt x="316" y="2153"/>
                  </a:lnTo>
                  <a:lnTo>
                    <a:pt x="290" y="2191"/>
                  </a:lnTo>
                  <a:lnTo>
                    <a:pt x="268" y="2226"/>
                  </a:lnTo>
                  <a:lnTo>
                    <a:pt x="250" y="2258"/>
                  </a:lnTo>
                  <a:lnTo>
                    <a:pt x="238" y="2287"/>
                  </a:lnTo>
                  <a:lnTo>
                    <a:pt x="229" y="2312"/>
                  </a:lnTo>
                  <a:lnTo>
                    <a:pt x="224" y="2332"/>
                  </a:lnTo>
                  <a:lnTo>
                    <a:pt x="223" y="2349"/>
                  </a:lnTo>
                  <a:lnTo>
                    <a:pt x="229" y="2352"/>
                  </a:lnTo>
                  <a:lnTo>
                    <a:pt x="237" y="2355"/>
                  </a:lnTo>
                  <a:lnTo>
                    <a:pt x="249" y="2359"/>
                  </a:lnTo>
                  <a:lnTo>
                    <a:pt x="265" y="2364"/>
                  </a:lnTo>
                  <a:lnTo>
                    <a:pt x="285" y="2368"/>
                  </a:lnTo>
                  <a:lnTo>
                    <a:pt x="310" y="2371"/>
                  </a:lnTo>
                  <a:lnTo>
                    <a:pt x="340" y="2374"/>
                  </a:lnTo>
                  <a:lnTo>
                    <a:pt x="375" y="2374"/>
                  </a:lnTo>
                  <a:lnTo>
                    <a:pt x="429" y="2373"/>
                  </a:lnTo>
                  <a:lnTo>
                    <a:pt x="487" y="2368"/>
                  </a:lnTo>
                  <a:lnTo>
                    <a:pt x="548" y="2359"/>
                  </a:lnTo>
                  <a:lnTo>
                    <a:pt x="612" y="2349"/>
                  </a:lnTo>
                  <a:lnTo>
                    <a:pt x="680" y="2334"/>
                  </a:lnTo>
                  <a:lnTo>
                    <a:pt x="749" y="2317"/>
                  </a:lnTo>
                  <a:lnTo>
                    <a:pt x="821" y="2297"/>
                  </a:lnTo>
                  <a:lnTo>
                    <a:pt x="895" y="2274"/>
                  </a:lnTo>
                  <a:lnTo>
                    <a:pt x="971" y="2249"/>
                  </a:lnTo>
                  <a:lnTo>
                    <a:pt x="956" y="2145"/>
                  </a:lnTo>
                  <a:lnTo>
                    <a:pt x="945" y="2038"/>
                  </a:lnTo>
                  <a:lnTo>
                    <a:pt x="935" y="1928"/>
                  </a:lnTo>
                  <a:lnTo>
                    <a:pt x="852" y="1873"/>
                  </a:lnTo>
                  <a:lnTo>
                    <a:pt x="772" y="1818"/>
                  </a:lnTo>
                  <a:lnTo>
                    <a:pt x="695" y="1762"/>
                  </a:lnTo>
                  <a:close/>
                  <a:moveTo>
                    <a:pt x="2335" y="1751"/>
                  </a:moveTo>
                  <a:lnTo>
                    <a:pt x="2257" y="1809"/>
                  </a:lnTo>
                  <a:lnTo>
                    <a:pt x="2176" y="1866"/>
                  </a:lnTo>
                  <a:lnTo>
                    <a:pt x="2092" y="1923"/>
                  </a:lnTo>
                  <a:lnTo>
                    <a:pt x="2084" y="2031"/>
                  </a:lnTo>
                  <a:lnTo>
                    <a:pt x="2071" y="2136"/>
                  </a:lnTo>
                  <a:lnTo>
                    <a:pt x="2058" y="2239"/>
                  </a:lnTo>
                  <a:lnTo>
                    <a:pt x="2133" y="2263"/>
                  </a:lnTo>
                  <a:lnTo>
                    <a:pt x="2207" y="2285"/>
                  </a:lnTo>
                  <a:lnTo>
                    <a:pt x="2279" y="2304"/>
                  </a:lnTo>
                  <a:lnTo>
                    <a:pt x="2348" y="2321"/>
                  </a:lnTo>
                  <a:lnTo>
                    <a:pt x="2415" y="2334"/>
                  </a:lnTo>
                  <a:lnTo>
                    <a:pt x="2479" y="2345"/>
                  </a:lnTo>
                  <a:lnTo>
                    <a:pt x="2540" y="2353"/>
                  </a:lnTo>
                  <a:lnTo>
                    <a:pt x="2597" y="2357"/>
                  </a:lnTo>
                  <a:lnTo>
                    <a:pt x="2652" y="2359"/>
                  </a:lnTo>
                  <a:lnTo>
                    <a:pt x="2688" y="2358"/>
                  </a:lnTo>
                  <a:lnTo>
                    <a:pt x="2720" y="2356"/>
                  </a:lnTo>
                  <a:lnTo>
                    <a:pt x="2746" y="2352"/>
                  </a:lnTo>
                  <a:lnTo>
                    <a:pt x="2766" y="2349"/>
                  </a:lnTo>
                  <a:lnTo>
                    <a:pt x="2784" y="2344"/>
                  </a:lnTo>
                  <a:lnTo>
                    <a:pt x="2798" y="2340"/>
                  </a:lnTo>
                  <a:lnTo>
                    <a:pt x="2807" y="2336"/>
                  </a:lnTo>
                  <a:lnTo>
                    <a:pt x="2813" y="2332"/>
                  </a:lnTo>
                  <a:lnTo>
                    <a:pt x="2812" y="2315"/>
                  </a:lnTo>
                  <a:lnTo>
                    <a:pt x="2807" y="2294"/>
                  </a:lnTo>
                  <a:lnTo>
                    <a:pt x="2798" y="2269"/>
                  </a:lnTo>
                  <a:lnTo>
                    <a:pt x="2784" y="2241"/>
                  </a:lnTo>
                  <a:lnTo>
                    <a:pt x="2766" y="2209"/>
                  </a:lnTo>
                  <a:lnTo>
                    <a:pt x="2745" y="2175"/>
                  </a:lnTo>
                  <a:lnTo>
                    <a:pt x="2718" y="2137"/>
                  </a:lnTo>
                  <a:lnTo>
                    <a:pt x="2686" y="2097"/>
                  </a:lnTo>
                  <a:lnTo>
                    <a:pt x="2651" y="2053"/>
                  </a:lnTo>
                  <a:lnTo>
                    <a:pt x="2610" y="2008"/>
                  </a:lnTo>
                  <a:lnTo>
                    <a:pt x="2566" y="1961"/>
                  </a:lnTo>
                  <a:lnTo>
                    <a:pt x="2516" y="1911"/>
                  </a:lnTo>
                  <a:lnTo>
                    <a:pt x="2461" y="1859"/>
                  </a:lnTo>
                  <a:lnTo>
                    <a:pt x="2401" y="1806"/>
                  </a:lnTo>
                  <a:lnTo>
                    <a:pt x="2335" y="1751"/>
                  </a:lnTo>
                  <a:close/>
                  <a:moveTo>
                    <a:pt x="925" y="1586"/>
                  </a:moveTo>
                  <a:lnTo>
                    <a:pt x="871" y="1625"/>
                  </a:lnTo>
                  <a:lnTo>
                    <a:pt x="925" y="1663"/>
                  </a:lnTo>
                  <a:lnTo>
                    <a:pt x="925" y="1620"/>
                  </a:lnTo>
                  <a:lnTo>
                    <a:pt x="925" y="1586"/>
                  </a:lnTo>
                  <a:close/>
                  <a:moveTo>
                    <a:pt x="2102" y="1576"/>
                  </a:moveTo>
                  <a:lnTo>
                    <a:pt x="2102" y="1658"/>
                  </a:lnTo>
                  <a:lnTo>
                    <a:pt x="2159" y="1617"/>
                  </a:lnTo>
                  <a:lnTo>
                    <a:pt x="2102" y="1576"/>
                  </a:lnTo>
                  <a:close/>
                  <a:moveTo>
                    <a:pt x="1514" y="1229"/>
                  </a:moveTo>
                  <a:lnTo>
                    <a:pt x="1410" y="1284"/>
                  </a:lnTo>
                  <a:lnTo>
                    <a:pt x="1306" y="1342"/>
                  </a:lnTo>
                  <a:lnTo>
                    <a:pt x="1223" y="1391"/>
                  </a:lnTo>
                  <a:lnTo>
                    <a:pt x="1143" y="1440"/>
                  </a:lnTo>
                  <a:lnTo>
                    <a:pt x="1141" y="1528"/>
                  </a:lnTo>
                  <a:lnTo>
                    <a:pt x="1140" y="1620"/>
                  </a:lnTo>
                  <a:lnTo>
                    <a:pt x="1141" y="1714"/>
                  </a:lnTo>
                  <a:lnTo>
                    <a:pt x="1143" y="1806"/>
                  </a:lnTo>
                  <a:lnTo>
                    <a:pt x="1225" y="1855"/>
                  </a:lnTo>
                  <a:lnTo>
                    <a:pt x="1310" y="1903"/>
                  </a:lnTo>
                  <a:lnTo>
                    <a:pt x="1413" y="1959"/>
                  </a:lnTo>
                  <a:lnTo>
                    <a:pt x="1517" y="2012"/>
                  </a:lnTo>
                  <a:lnTo>
                    <a:pt x="1619" y="1958"/>
                  </a:lnTo>
                  <a:lnTo>
                    <a:pt x="1721" y="1901"/>
                  </a:lnTo>
                  <a:lnTo>
                    <a:pt x="1804" y="1852"/>
                  </a:lnTo>
                  <a:lnTo>
                    <a:pt x="1884" y="1804"/>
                  </a:lnTo>
                  <a:lnTo>
                    <a:pt x="1886" y="1713"/>
                  </a:lnTo>
                  <a:lnTo>
                    <a:pt x="1887" y="1620"/>
                  </a:lnTo>
                  <a:lnTo>
                    <a:pt x="1886" y="1525"/>
                  </a:lnTo>
                  <a:lnTo>
                    <a:pt x="1884" y="1435"/>
                  </a:lnTo>
                  <a:lnTo>
                    <a:pt x="1802" y="1386"/>
                  </a:lnTo>
                  <a:lnTo>
                    <a:pt x="1717" y="1337"/>
                  </a:lnTo>
                  <a:lnTo>
                    <a:pt x="1616" y="1282"/>
                  </a:lnTo>
                  <a:lnTo>
                    <a:pt x="1514" y="1229"/>
                  </a:lnTo>
                  <a:close/>
                  <a:moveTo>
                    <a:pt x="1174" y="1077"/>
                  </a:moveTo>
                  <a:lnTo>
                    <a:pt x="1163" y="1174"/>
                  </a:lnTo>
                  <a:lnTo>
                    <a:pt x="1199" y="1153"/>
                  </a:lnTo>
                  <a:lnTo>
                    <a:pt x="1234" y="1134"/>
                  </a:lnTo>
                  <a:lnTo>
                    <a:pt x="1267" y="1115"/>
                  </a:lnTo>
                  <a:lnTo>
                    <a:pt x="1174" y="1077"/>
                  </a:lnTo>
                  <a:close/>
                  <a:moveTo>
                    <a:pt x="1852" y="1073"/>
                  </a:moveTo>
                  <a:lnTo>
                    <a:pt x="1757" y="1114"/>
                  </a:lnTo>
                  <a:lnTo>
                    <a:pt x="1822" y="1149"/>
                  </a:lnTo>
                  <a:lnTo>
                    <a:pt x="1844" y="1161"/>
                  </a:lnTo>
                  <a:lnTo>
                    <a:pt x="1864" y="1173"/>
                  </a:lnTo>
                  <a:lnTo>
                    <a:pt x="1858" y="1122"/>
                  </a:lnTo>
                  <a:lnTo>
                    <a:pt x="1852" y="1073"/>
                  </a:lnTo>
                  <a:close/>
                  <a:moveTo>
                    <a:pt x="375" y="880"/>
                  </a:moveTo>
                  <a:lnTo>
                    <a:pt x="339" y="881"/>
                  </a:lnTo>
                  <a:lnTo>
                    <a:pt x="308" y="883"/>
                  </a:lnTo>
                  <a:lnTo>
                    <a:pt x="282" y="887"/>
                  </a:lnTo>
                  <a:lnTo>
                    <a:pt x="260" y="892"/>
                  </a:lnTo>
                  <a:lnTo>
                    <a:pt x="243" y="896"/>
                  </a:lnTo>
                  <a:lnTo>
                    <a:pt x="230" y="900"/>
                  </a:lnTo>
                  <a:lnTo>
                    <a:pt x="220" y="904"/>
                  </a:lnTo>
                  <a:lnTo>
                    <a:pt x="214" y="907"/>
                  </a:lnTo>
                  <a:lnTo>
                    <a:pt x="215" y="925"/>
                  </a:lnTo>
                  <a:lnTo>
                    <a:pt x="220" y="946"/>
                  </a:lnTo>
                  <a:lnTo>
                    <a:pt x="230" y="971"/>
                  </a:lnTo>
                  <a:lnTo>
                    <a:pt x="243" y="999"/>
                  </a:lnTo>
                  <a:lnTo>
                    <a:pt x="261" y="1031"/>
                  </a:lnTo>
                  <a:lnTo>
                    <a:pt x="283" y="1065"/>
                  </a:lnTo>
                  <a:lnTo>
                    <a:pt x="310" y="1104"/>
                  </a:lnTo>
                  <a:lnTo>
                    <a:pt x="340" y="1143"/>
                  </a:lnTo>
                  <a:lnTo>
                    <a:pt x="376" y="1187"/>
                  </a:lnTo>
                  <a:lnTo>
                    <a:pt x="416" y="1232"/>
                  </a:lnTo>
                  <a:lnTo>
                    <a:pt x="461" y="1280"/>
                  </a:lnTo>
                  <a:lnTo>
                    <a:pt x="511" y="1329"/>
                  </a:lnTo>
                  <a:lnTo>
                    <a:pt x="566" y="1381"/>
                  </a:lnTo>
                  <a:lnTo>
                    <a:pt x="627" y="1434"/>
                  </a:lnTo>
                  <a:lnTo>
                    <a:pt x="692" y="1489"/>
                  </a:lnTo>
                  <a:lnTo>
                    <a:pt x="770" y="1431"/>
                  </a:lnTo>
                  <a:lnTo>
                    <a:pt x="851" y="1374"/>
                  </a:lnTo>
                  <a:lnTo>
                    <a:pt x="935" y="1316"/>
                  </a:lnTo>
                  <a:lnTo>
                    <a:pt x="944" y="1208"/>
                  </a:lnTo>
                  <a:lnTo>
                    <a:pt x="955" y="1104"/>
                  </a:lnTo>
                  <a:lnTo>
                    <a:pt x="970" y="1001"/>
                  </a:lnTo>
                  <a:lnTo>
                    <a:pt x="894" y="977"/>
                  </a:lnTo>
                  <a:lnTo>
                    <a:pt x="820" y="955"/>
                  </a:lnTo>
                  <a:lnTo>
                    <a:pt x="748" y="935"/>
                  </a:lnTo>
                  <a:lnTo>
                    <a:pt x="680" y="919"/>
                  </a:lnTo>
                  <a:lnTo>
                    <a:pt x="612" y="905"/>
                  </a:lnTo>
                  <a:lnTo>
                    <a:pt x="549" y="895"/>
                  </a:lnTo>
                  <a:lnTo>
                    <a:pt x="487" y="886"/>
                  </a:lnTo>
                  <a:lnTo>
                    <a:pt x="429" y="882"/>
                  </a:lnTo>
                  <a:lnTo>
                    <a:pt x="375" y="880"/>
                  </a:lnTo>
                  <a:close/>
                  <a:moveTo>
                    <a:pt x="2653" y="872"/>
                  </a:moveTo>
                  <a:lnTo>
                    <a:pt x="2598" y="873"/>
                  </a:lnTo>
                  <a:lnTo>
                    <a:pt x="2541" y="878"/>
                  </a:lnTo>
                  <a:lnTo>
                    <a:pt x="2480" y="886"/>
                  </a:lnTo>
                  <a:lnTo>
                    <a:pt x="2415" y="897"/>
                  </a:lnTo>
                  <a:lnTo>
                    <a:pt x="2349" y="911"/>
                  </a:lnTo>
                  <a:lnTo>
                    <a:pt x="2279" y="928"/>
                  </a:lnTo>
                  <a:lnTo>
                    <a:pt x="2206" y="948"/>
                  </a:lnTo>
                  <a:lnTo>
                    <a:pt x="2132" y="971"/>
                  </a:lnTo>
                  <a:lnTo>
                    <a:pt x="2057" y="995"/>
                  </a:lnTo>
                  <a:lnTo>
                    <a:pt x="2071" y="1098"/>
                  </a:lnTo>
                  <a:lnTo>
                    <a:pt x="2083" y="1203"/>
                  </a:lnTo>
                  <a:lnTo>
                    <a:pt x="2092" y="1311"/>
                  </a:lnTo>
                  <a:lnTo>
                    <a:pt x="2175" y="1367"/>
                  </a:lnTo>
                  <a:lnTo>
                    <a:pt x="2256" y="1422"/>
                  </a:lnTo>
                  <a:lnTo>
                    <a:pt x="2334" y="1480"/>
                  </a:lnTo>
                  <a:lnTo>
                    <a:pt x="2400" y="1423"/>
                  </a:lnTo>
                  <a:lnTo>
                    <a:pt x="2459" y="1369"/>
                  </a:lnTo>
                  <a:lnTo>
                    <a:pt x="2513" y="1318"/>
                  </a:lnTo>
                  <a:lnTo>
                    <a:pt x="2563" y="1267"/>
                  </a:lnTo>
                  <a:lnTo>
                    <a:pt x="2607" y="1219"/>
                  </a:lnTo>
                  <a:lnTo>
                    <a:pt x="2647" y="1173"/>
                  </a:lnTo>
                  <a:lnTo>
                    <a:pt x="2681" y="1129"/>
                  </a:lnTo>
                  <a:lnTo>
                    <a:pt x="2712" y="1089"/>
                  </a:lnTo>
                  <a:lnTo>
                    <a:pt x="2737" y="1052"/>
                  </a:lnTo>
                  <a:lnTo>
                    <a:pt x="2759" y="1016"/>
                  </a:lnTo>
                  <a:lnTo>
                    <a:pt x="2777" y="985"/>
                  </a:lnTo>
                  <a:lnTo>
                    <a:pt x="2789" y="956"/>
                  </a:lnTo>
                  <a:lnTo>
                    <a:pt x="2799" y="931"/>
                  </a:lnTo>
                  <a:lnTo>
                    <a:pt x="2803" y="910"/>
                  </a:lnTo>
                  <a:lnTo>
                    <a:pt x="2804" y="893"/>
                  </a:lnTo>
                  <a:lnTo>
                    <a:pt x="2799" y="891"/>
                  </a:lnTo>
                  <a:lnTo>
                    <a:pt x="2790" y="887"/>
                  </a:lnTo>
                  <a:lnTo>
                    <a:pt x="2778" y="884"/>
                  </a:lnTo>
                  <a:lnTo>
                    <a:pt x="2762" y="880"/>
                  </a:lnTo>
                  <a:lnTo>
                    <a:pt x="2742" y="877"/>
                  </a:lnTo>
                  <a:lnTo>
                    <a:pt x="2718" y="874"/>
                  </a:lnTo>
                  <a:lnTo>
                    <a:pt x="2687" y="872"/>
                  </a:lnTo>
                  <a:lnTo>
                    <a:pt x="2653" y="872"/>
                  </a:lnTo>
                  <a:close/>
                  <a:moveTo>
                    <a:pt x="1513" y="215"/>
                  </a:moveTo>
                  <a:lnTo>
                    <a:pt x="1500" y="218"/>
                  </a:lnTo>
                  <a:lnTo>
                    <a:pt x="1484" y="227"/>
                  </a:lnTo>
                  <a:lnTo>
                    <a:pt x="1466" y="241"/>
                  </a:lnTo>
                  <a:lnTo>
                    <a:pt x="1447" y="262"/>
                  </a:lnTo>
                  <a:lnTo>
                    <a:pt x="1427" y="288"/>
                  </a:lnTo>
                  <a:lnTo>
                    <a:pt x="1405" y="320"/>
                  </a:lnTo>
                  <a:lnTo>
                    <a:pt x="1383" y="358"/>
                  </a:lnTo>
                  <a:lnTo>
                    <a:pt x="1361" y="401"/>
                  </a:lnTo>
                  <a:lnTo>
                    <a:pt x="1339" y="450"/>
                  </a:lnTo>
                  <a:lnTo>
                    <a:pt x="1316" y="504"/>
                  </a:lnTo>
                  <a:lnTo>
                    <a:pt x="1294" y="564"/>
                  </a:lnTo>
                  <a:lnTo>
                    <a:pt x="1272" y="630"/>
                  </a:lnTo>
                  <a:lnTo>
                    <a:pt x="1251" y="702"/>
                  </a:lnTo>
                  <a:lnTo>
                    <a:pt x="1231" y="778"/>
                  </a:lnTo>
                  <a:lnTo>
                    <a:pt x="1213" y="860"/>
                  </a:lnTo>
                  <a:lnTo>
                    <a:pt x="1310" y="899"/>
                  </a:lnTo>
                  <a:lnTo>
                    <a:pt x="1409" y="943"/>
                  </a:lnTo>
                  <a:lnTo>
                    <a:pt x="1510" y="988"/>
                  </a:lnTo>
                  <a:lnTo>
                    <a:pt x="1612" y="939"/>
                  </a:lnTo>
                  <a:lnTo>
                    <a:pt x="1714" y="895"/>
                  </a:lnTo>
                  <a:lnTo>
                    <a:pt x="1813" y="853"/>
                  </a:lnTo>
                  <a:lnTo>
                    <a:pt x="1795" y="771"/>
                  </a:lnTo>
                  <a:lnTo>
                    <a:pt x="1775" y="695"/>
                  </a:lnTo>
                  <a:lnTo>
                    <a:pt x="1754" y="626"/>
                  </a:lnTo>
                  <a:lnTo>
                    <a:pt x="1732" y="560"/>
                  </a:lnTo>
                  <a:lnTo>
                    <a:pt x="1711" y="501"/>
                  </a:lnTo>
                  <a:lnTo>
                    <a:pt x="1688" y="447"/>
                  </a:lnTo>
                  <a:lnTo>
                    <a:pt x="1665" y="399"/>
                  </a:lnTo>
                  <a:lnTo>
                    <a:pt x="1643" y="356"/>
                  </a:lnTo>
                  <a:lnTo>
                    <a:pt x="1621" y="319"/>
                  </a:lnTo>
                  <a:lnTo>
                    <a:pt x="1600" y="287"/>
                  </a:lnTo>
                  <a:lnTo>
                    <a:pt x="1580" y="262"/>
                  </a:lnTo>
                  <a:lnTo>
                    <a:pt x="1561" y="241"/>
                  </a:lnTo>
                  <a:lnTo>
                    <a:pt x="1543" y="227"/>
                  </a:lnTo>
                  <a:lnTo>
                    <a:pt x="1528" y="218"/>
                  </a:lnTo>
                  <a:lnTo>
                    <a:pt x="1513" y="215"/>
                  </a:lnTo>
                  <a:close/>
                  <a:moveTo>
                    <a:pt x="1513" y="0"/>
                  </a:moveTo>
                  <a:lnTo>
                    <a:pt x="1554" y="4"/>
                  </a:lnTo>
                  <a:lnTo>
                    <a:pt x="1592" y="15"/>
                  </a:lnTo>
                  <a:lnTo>
                    <a:pt x="1631" y="33"/>
                  </a:lnTo>
                  <a:lnTo>
                    <a:pt x="1667" y="56"/>
                  </a:lnTo>
                  <a:lnTo>
                    <a:pt x="1703" y="88"/>
                  </a:lnTo>
                  <a:lnTo>
                    <a:pt x="1739" y="124"/>
                  </a:lnTo>
                  <a:lnTo>
                    <a:pt x="1773" y="167"/>
                  </a:lnTo>
                  <a:lnTo>
                    <a:pt x="1806" y="214"/>
                  </a:lnTo>
                  <a:lnTo>
                    <a:pt x="1837" y="268"/>
                  </a:lnTo>
                  <a:lnTo>
                    <a:pt x="1867" y="328"/>
                  </a:lnTo>
                  <a:lnTo>
                    <a:pt x="1897" y="391"/>
                  </a:lnTo>
                  <a:lnTo>
                    <a:pt x="1924" y="461"/>
                  </a:lnTo>
                  <a:lnTo>
                    <a:pt x="1950" y="533"/>
                  </a:lnTo>
                  <a:lnTo>
                    <a:pt x="1973" y="611"/>
                  </a:lnTo>
                  <a:lnTo>
                    <a:pt x="1996" y="692"/>
                  </a:lnTo>
                  <a:lnTo>
                    <a:pt x="2016" y="777"/>
                  </a:lnTo>
                  <a:lnTo>
                    <a:pt x="2097" y="751"/>
                  </a:lnTo>
                  <a:lnTo>
                    <a:pt x="2176" y="729"/>
                  </a:lnTo>
                  <a:lnTo>
                    <a:pt x="2252" y="709"/>
                  </a:lnTo>
                  <a:lnTo>
                    <a:pt x="2327" y="691"/>
                  </a:lnTo>
                  <a:lnTo>
                    <a:pt x="2397" y="677"/>
                  </a:lnTo>
                  <a:lnTo>
                    <a:pt x="2466" y="666"/>
                  </a:lnTo>
                  <a:lnTo>
                    <a:pt x="2532" y="658"/>
                  </a:lnTo>
                  <a:lnTo>
                    <a:pt x="2594" y="653"/>
                  </a:lnTo>
                  <a:lnTo>
                    <a:pt x="2653" y="652"/>
                  </a:lnTo>
                  <a:lnTo>
                    <a:pt x="2704" y="653"/>
                  </a:lnTo>
                  <a:lnTo>
                    <a:pt x="2753" y="657"/>
                  </a:lnTo>
                  <a:lnTo>
                    <a:pt x="2798" y="664"/>
                  </a:lnTo>
                  <a:lnTo>
                    <a:pt x="2839" y="675"/>
                  </a:lnTo>
                  <a:lnTo>
                    <a:pt x="2877" y="688"/>
                  </a:lnTo>
                  <a:lnTo>
                    <a:pt x="2910" y="705"/>
                  </a:lnTo>
                  <a:lnTo>
                    <a:pt x="2940" y="723"/>
                  </a:lnTo>
                  <a:lnTo>
                    <a:pt x="2965" y="746"/>
                  </a:lnTo>
                  <a:lnTo>
                    <a:pt x="2986" y="771"/>
                  </a:lnTo>
                  <a:lnTo>
                    <a:pt x="3001" y="800"/>
                  </a:lnTo>
                  <a:lnTo>
                    <a:pt x="3012" y="831"/>
                  </a:lnTo>
                  <a:lnTo>
                    <a:pt x="3018" y="866"/>
                  </a:lnTo>
                  <a:lnTo>
                    <a:pt x="3018" y="901"/>
                  </a:lnTo>
                  <a:lnTo>
                    <a:pt x="3014" y="939"/>
                  </a:lnTo>
                  <a:lnTo>
                    <a:pt x="3005" y="979"/>
                  </a:lnTo>
                  <a:lnTo>
                    <a:pt x="2992" y="1020"/>
                  </a:lnTo>
                  <a:lnTo>
                    <a:pt x="2973" y="1063"/>
                  </a:lnTo>
                  <a:lnTo>
                    <a:pt x="2950" y="1108"/>
                  </a:lnTo>
                  <a:lnTo>
                    <a:pt x="2924" y="1154"/>
                  </a:lnTo>
                  <a:lnTo>
                    <a:pt x="2893" y="1202"/>
                  </a:lnTo>
                  <a:lnTo>
                    <a:pt x="2858" y="1250"/>
                  </a:lnTo>
                  <a:lnTo>
                    <a:pt x="2818" y="1300"/>
                  </a:lnTo>
                  <a:lnTo>
                    <a:pt x="2776" y="1351"/>
                  </a:lnTo>
                  <a:lnTo>
                    <a:pt x="2728" y="1403"/>
                  </a:lnTo>
                  <a:lnTo>
                    <a:pt x="2678" y="1455"/>
                  </a:lnTo>
                  <a:lnTo>
                    <a:pt x="2624" y="1507"/>
                  </a:lnTo>
                  <a:lnTo>
                    <a:pt x="2566" y="1561"/>
                  </a:lnTo>
                  <a:lnTo>
                    <a:pt x="2506" y="1614"/>
                  </a:lnTo>
                  <a:lnTo>
                    <a:pt x="2567" y="1667"/>
                  </a:lnTo>
                  <a:lnTo>
                    <a:pt x="2625" y="1718"/>
                  </a:lnTo>
                  <a:lnTo>
                    <a:pt x="2680" y="1770"/>
                  </a:lnTo>
                  <a:lnTo>
                    <a:pt x="2731" y="1822"/>
                  </a:lnTo>
                  <a:lnTo>
                    <a:pt x="2779" y="1873"/>
                  </a:lnTo>
                  <a:lnTo>
                    <a:pt x="2822" y="1923"/>
                  </a:lnTo>
                  <a:lnTo>
                    <a:pt x="2862" y="1972"/>
                  </a:lnTo>
                  <a:lnTo>
                    <a:pt x="2898" y="2021"/>
                  </a:lnTo>
                  <a:lnTo>
                    <a:pt x="2930" y="2068"/>
                  </a:lnTo>
                  <a:lnTo>
                    <a:pt x="2958" y="2113"/>
                  </a:lnTo>
                  <a:lnTo>
                    <a:pt x="2980" y="2158"/>
                  </a:lnTo>
                  <a:lnTo>
                    <a:pt x="2999" y="2200"/>
                  </a:lnTo>
                  <a:lnTo>
                    <a:pt x="3013" y="2242"/>
                  </a:lnTo>
                  <a:lnTo>
                    <a:pt x="3022" y="2282"/>
                  </a:lnTo>
                  <a:lnTo>
                    <a:pt x="3027" y="2320"/>
                  </a:lnTo>
                  <a:lnTo>
                    <a:pt x="3027" y="2355"/>
                  </a:lnTo>
                  <a:lnTo>
                    <a:pt x="3022" y="2390"/>
                  </a:lnTo>
                  <a:lnTo>
                    <a:pt x="3012" y="2421"/>
                  </a:lnTo>
                  <a:lnTo>
                    <a:pt x="2996" y="2450"/>
                  </a:lnTo>
                  <a:lnTo>
                    <a:pt x="2974" y="2476"/>
                  </a:lnTo>
                  <a:lnTo>
                    <a:pt x="2949" y="2500"/>
                  </a:lnTo>
                  <a:lnTo>
                    <a:pt x="2919" y="2519"/>
                  </a:lnTo>
                  <a:lnTo>
                    <a:pt x="2884" y="2536"/>
                  </a:lnTo>
                  <a:lnTo>
                    <a:pt x="2845" y="2550"/>
                  </a:lnTo>
                  <a:lnTo>
                    <a:pt x="2803" y="2560"/>
                  </a:lnTo>
                  <a:lnTo>
                    <a:pt x="2756" y="2568"/>
                  </a:lnTo>
                  <a:lnTo>
                    <a:pt x="2705" y="2572"/>
                  </a:lnTo>
                  <a:lnTo>
                    <a:pt x="2651" y="2573"/>
                  </a:lnTo>
                  <a:lnTo>
                    <a:pt x="2593" y="2572"/>
                  </a:lnTo>
                  <a:lnTo>
                    <a:pt x="2530" y="2567"/>
                  </a:lnTo>
                  <a:lnTo>
                    <a:pt x="2465" y="2560"/>
                  </a:lnTo>
                  <a:lnTo>
                    <a:pt x="2397" y="2550"/>
                  </a:lnTo>
                  <a:lnTo>
                    <a:pt x="2326" y="2536"/>
                  </a:lnTo>
                  <a:lnTo>
                    <a:pt x="2253" y="2519"/>
                  </a:lnTo>
                  <a:lnTo>
                    <a:pt x="2177" y="2500"/>
                  </a:lnTo>
                  <a:lnTo>
                    <a:pt x="2099" y="2478"/>
                  </a:lnTo>
                  <a:lnTo>
                    <a:pt x="2018" y="2453"/>
                  </a:lnTo>
                  <a:lnTo>
                    <a:pt x="1998" y="2539"/>
                  </a:lnTo>
                  <a:lnTo>
                    <a:pt x="1977" y="2622"/>
                  </a:lnTo>
                  <a:lnTo>
                    <a:pt x="1952" y="2700"/>
                  </a:lnTo>
                  <a:lnTo>
                    <a:pt x="1927" y="2774"/>
                  </a:lnTo>
                  <a:lnTo>
                    <a:pt x="1899" y="2843"/>
                  </a:lnTo>
                  <a:lnTo>
                    <a:pt x="1870" y="2909"/>
                  </a:lnTo>
                  <a:lnTo>
                    <a:pt x="1839" y="2968"/>
                  </a:lnTo>
                  <a:lnTo>
                    <a:pt x="1808" y="3022"/>
                  </a:lnTo>
                  <a:lnTo>
                    <a:pt x="1775" y="3071"/>
                  </a:lnTo>
                  <a:lnTo>
                    <a:pt x="1741" y="3115"/>
                  </a:lnTo>
                  <a:lnTo>
                    <a:pt x="1705" y="3151"/>
                  </a:lnTo>
                  <a:lnTo>
                    <a:pt x="1668" y="3182"/>
                  </a:lnTo>
                  <a:lnTo>
                    <a:pt x="1631" y="3207"/>
                  </a:lnTo>
                  <a:lnTo>
                    <a:pt x="1592" y="3225"/>
                  </a:lnTo>
                  <a:lnTo>
                    <a:pt x="1554" y="3235"/>
                  </a:lnTo>
                  <a:lnTo>
                    <a:pt x="1513" y="3239"/>
                  </a:lnTo>
                  <a:lnTo>
                    <a:pt x="1474" y="3235"/>
                  </a:lnTo>
                  <a:lnTo>
                    <a:pt x="1435" y="3225"/>
                  </a:lnTo>
                  <a:lnTo>
                    <a:pt x="1397" y="3207"/>
                  </a:lnTo>
                  <a:lnTo>
                    <a:pt x="1359" y="3183"/>
                  </a:lnTo>
                  <a:lnTo>
                    <a:pt x="1323" y="3152"/>
                  </a:lnTo>
                  <a:lnTo>
                    <a:pt x="1288" y="3116"/>
                  </a:lnTo>
                  <a:lnTo>
                    <a:pt x="1253" y="3073"/>
                  </a:lnTo>
                  <a:lnTo>
                    <a:pt x="1221" y="3025"/>
                  </a:lnTo>
                  <a:lnTo>
                    <a:pt x="1189" y="2971"/>
                  </a:lnTo>
                  <a:lnTo>
                    <a:pt x="1159" y="2912"/>
                  </a:lnTo>
                  <a:lnTo>
                    <a:pt x="1130" y="2849"/>
                  </a:lnTo>
                  <a:lnTo>
                    <a:pt x="1103" y="2780"/>
                  </a:lnTo>
                  <a:lnTo>
                    <a:pt x="1077" y="2706"/>
                  </a:lnTo>
                  <a:lnTo>
                    <a:pt x="1053" y="2629"/>
                  </a:lnTo>
                  <a:lnTo>
                    <a:pt x="1031" y="2547"/>
                  </a:lnTo>
                  <a:lnTo>
                    <a:pt x="1010" y="2462"/>
                  </a:lnTo>
                  <a:lnTo>
                    <a:pt x="930" y="2488"/>
                  </a:lnTo>
                  <a:lnTo>
                    <a:pt x="851" y="2511"/>
                  </a:lnTo>
                  <a:lnTo>
                    <a:pt x="774" y="2532"/>
                  </a:lnTo>
                  <a:lnTo>
                    <a:pt x="700" y="2548"/>
                  </a:lnTo>
                  <a:lnTo>
                    <a:pt x="629" y="2563"/>
                  </a:lnTo>
                  <a:lnTo>
                    <a:pt x="560" y="2573"/>
                  </a:lnTo>
                  <a:lnTo>
                    <a:pt x="496" y="2582"/>
                  </a:lnTo>
                  <a:lnTo>
                    <a:pt x="433" y="2587"/>
                  </a:lnTo>
                  <a:lnTo>
                    <a:pt x="374" y="2588"/>
                  </a:lnTo>
                  <a:lnTo>
                    <a:pt x="322" y="2587"/>
                  </a:lnTo>
                  <a:lnTo>
                    <a:pt x="274" y="2583"/>
                  </a:lnTo>
                  <a:lnTo>
                    <a:pt x="229" y="2575"/>
                  </a:lnTo>
                  <a:lnTo>
                    <a:pt x="188" y="2565"/>
                  </a:lnTo>
                  <a:lnTo>
                    <a:pt x="151" y="2552"/>
                  </a:lnTo>
                  <a:lnTo>
                    <a:pt x="116" y="2536"/>
                  </a:lnTo>
                  <a:lnTo>
                    <a:pt x="87" y="2516"/>
                  </a:lnTo>
                  <a:lnTo>
                    <a:pt x="62" y="2493"/>
                  </a:lnTo>
                  <a:lnTo>
                    <a:pt x="42" y="2468"/>
                  </a:lnTo>
                  <a:lnTo>
                    <a:pt x="26" y="2439"/>
                  </a:lnTo>
                  <a:lnTo>
                    <a:pt x="16" y="2408"/>
                  </a:lnTo>
                  <a:lnTo>
                    <a:pt x="9" y="2374"/>
                  </a:lnTo>
                  <a:lnTo>
                    <a:pt x="8" y="2339"/>
                  </a:lnTo>
                  <a:lnTo>
                    <a:pt x="12" y="2301"/>
                  </a:lnTo>
                  <a:lnTo>
                    <a:pt x="22" y="2261"/>
                  </a:lnTo>
                  <a:lnTo>
                    <a:pt x="35" y="2219"/>
                  </a:lnTo>
                  <a:lnTo>
                    <a:pt x="53" y="2177"/>
                  </a:lnTo>
                  <a:lnTo>
                    <a:pt x="76" y="2132"/>
                  </a:lnTo>
                  <a:lnTo>
                    <a:pt x="103" y="2085"/>
                  </a:lnTo>
                  <a:lnTo>
                    <a:pt x="134" y="2037"/>
                  </a:lnTo>
                  <a:lnTo>
                    <a:pt x="169" y="1990"/>
                  </a:lnTo>
                  <a:lnTo>
                    <a:pt x="208" y="1940"/>
                  </a:lnTo>
                  <a:lnTo>
                    <a:pt x="251" y="1889"/>
                  </a:lnTo>
                  <a:lnTo>
                    <a:pt x="298" y="1837"/>
                  </a:lnTo>
                  <a:lnTo>
                    <a:pt x="349" y="1785"/>
                  </a:lnTo>
                  <a:lnTo>
                    <a:pt x="403" y="1733"/>
                  </a:lnTo>
                  <a:lnTo>
                    <a:pt x="460" y="1679"/>
                  </a:lnTo>
                  <a:lnTo>
                    <a:pt x="522" y="1626"/>
                  </a:lnTo>
                  <a:lnTo>
                    <a:pt x="459" y="1573"/>
                  </a:lnTo>
                  <a:lnTo>
                    <a:pt x="401" y="1521"/>
                  </a:lnTo>
                  <a:lnTo>
                    <a:pt x="347" y="1469"/>
                  </a:lnTo>
                  <a:lnTo>
                    <a:pt x="296" y="1417"/>
                  </a:lnTo>
                  <a:lnTo>
                    <a:pt x="248" y="1366"/>
                  </a:lnTo>
                  <a:lnTo>
                    <a:pt x="205" y="1316"/>
                  </a:lnTo>
                  <a:lnTo>
                    <a:pt x="164" y="1268"/>
                  </a:lnTo>
                  <a:lnTo>
                    <a:pt x="129" y="1219"/>
                  </a:lnTo>
                  <a:lnTo>
                    <a:pt x="98" y="1172"/>
                  </a:lnTo>
                  <a:lnTo>
                    <a:pt x="70" y="1126"/>
                  </a:lnTo>
                  <a:lnTo>
                    <a:pt x="47" y="1082"/>
                  </a:lnTo>
                  <a:lnTo>
                    <a:pt x="28" y="1039"/>
                  </a:lnTo>
                  <a:lnTo>
                    <a:pt x="14" y="998"/>
                  </a:lnTo>
                  <a:lnTo>
                    <a:pt x="4" y="958"/>
                  </a:lnTo>
                  <a:lnTo>
                    <a:pt x="0" y="921"/>
                  </a:lnTo>
                  <a:lnTo>
                    <a:pt x="0" y="884"/>
                  </a:lnTo>
                  <a:lnTo>
                    <a:pt x="5" y="851"/>
                  </a:lnTo>
                  <a:lnTo>
                    <a:pt x="16" y="819"/>
                  </a:lnTo>
                  <a:lnTo>
                    <a:pt x="31" y="790"/>
                  </a:lnTo>
                  <a:lnTo>
                    <a:pt x="52" y="764"/>
                  </a:lnTo>
                  <a:lnTo>
                    <a:pt x="78" y="741"/>
                  </a:lnTo>
                  <a:lnTo>
                    <a:pt x="108" y="720"/>
                  </a:lnTo>
                  <a:lnTo>
                    <a:pt x="142" y="704"/>
                  </a:lnTo>
                  <a:lnTo>
                    <a:pt x="182" y="690"/>
                  </a:lnTo>
                  <a:lnTo>
                    <a:pt x="224" y="680"/>
                  </a:lnTo>
                  <a:lnTo>
                    <a:pt x="271" y="671"/>
                  </a:lnTo>
                  <a:lnTo>
                    <a:pt x="321" y="667"/>
                  </a:lnTo>
                  <a:lnTo>
                    <a:pt x="375" y="666"/>
                  </a:lnTo>
                  <a:lnTo>
                    <a:pt x="434" y="667"/>
                  </a:lnTo>
                  <a:lnTo>
                    <a:pt x="496" y="672"/>
                  </a:lnTo>
                  <a:lnTo>
                    <a:pt x="561" y="680"/>
                  </a:lnTo>
                  <a:lnTo>
                    <a:pt x="630" y="690"/>
                  </a:lnTo>
                  <a:lnTo>
                    <a:pt x="700" y="704"/>
                  </a:lnTo>
                  <a:lnTo>
                    <a:pt x="774" y="720"/>
                  </a:lnTo>
                  <a:lnTo>
                    <a:pt x="850" y="740"/>
                  </a:lnTo>
                  <a:lnTo>
                    <a:pt x="928" y="763"/>
                  </a:lnTo>
                  <a:lnTo>
                    <a:pt x="1008" y="788"/>
                  </a:lnTo>
                  <a:lnTo>
                    <a:pt x="1029" y="700"/>
                  </a:lnTo>
                  <a:lnTo>
                    <a:pt x="1051" y="618"/>
                  </a:lnTo>
                  <a:lnTo>
                    <a:pt x="1075" y="539"/>
                  </a:lnTo>
                  <a:lnTo>
                    <a:pt x="1101" y="466"/>
                  </a:lnTo>
                  <a:lnTo>
                    <a:pt x="1128" y="396"/>
                  </a:lnTo>
                  <a:lnTo>
                    <a:pt x="1157" y="332"/>
                  </a:lnTo>
                  <a:lnTo>
                    <a:pt x="1187" y="271"/>
                  </a:lnTo>
                  <a:lnTo>
                    <a:pt x="1219" y="217"/>
                  </a:lnTo>
                  <a:lnTo>
                    <a:pt x="1252" y="169"/>
                  </a:lnTo>
                  <a:lnTo>
                    <a:pt x="1287" y="125"/>
                  </a:lnTo>
                  <a:lnTo>
                    <a:pt x="1322" y="89"/>
                  </a:lnTo>
                  <a:lnTo>
                    <a:pt x="1358" y="57"/>
                  </a:lnTo>
                  <a:lnTo>
                    <a:pt x="1396" y="33"/>
                  </a:lnTo>
                  <a:lnTo>
                    <a:pt x="1434" y="15"/>
                  </a:lnTo>
                  <a:lnTo>
                    <a:pt x="1474" y="4"/>
                  </a:lnTo>
                  <a:lnTo>
                    <a:pt x="151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32" name="Freeform 18"/>
            <p:cNvSpPr>
              <a:spLocks/>
            </p:cNvSpPr>
            <p:nvPr/>
          </p:nvSpPr>
          <p:spPr bwMode="auto">
            <a:xfrm>
              <a:off x="3111" y="2725"/>
              <a:ext cx="105" cy="105"/>
            </a:xfrm>
            <a:custGeom>
              <a:avLst/>
              <a:gdLst>
                <a:gd name="T0" fmla="*/ 210 w 421"/>
                <a:gd name="T1" fmla="*/ 0 h 420"/>
                <a:gd name="T2" fmla="*/ 244 w 421"/>
                <a:gd name="T3" fmla="*/ 4 h 420"/>
                <a:gd name="T4" fmla="*/ 277 w 421"/>
                <a:gd name="T5" fmla="*/ 11 h 420"/>
                <a:gd name="T6" fmla="*/ 307 w 421"/>
                <a:gd name="T7" fmla="*/ 23 h 420"/>
                <a:gd name="T8" fmla="*/ 335 w 421"/>
                <a:gd name="T9" fmla="*/ 41 h 420"/>
                <a:gd name="T10" fmla="*/ 360 w 421"/>
                <a:gd name="T11" fmla="*/ 62 h 420"/>
                <a:gd name="T12" fmla="*/ 381 w 421"/>
                <a:gd name="T13" fmla="*/ 87 h 420"/>
                <a:gd name="T14" fmla="*/ 397 w 421"/>
                <a:gd name="T15" fmla="*/ 114 h 420"/>
                <a:gd name="T16" fmla="*/ 411 w 421"/>
                <a:gd name="T17" fmla="*/ 144 h 420"/>
                <a:gd name="T18" fmla="*/ 418 w 421"/>
                <a:gd name="T19" fmla="*/ 176 h 420"/>
                <a:gd name="T20" fmla="*/ 421 w 421"/>
                <a:gd name="T21" fmla="*/ 210 h 420"/>
                <a:gd name="T22" fmla="*/ 418 w 421"/>
                <a:gd name="T23" fmla="*/ 245 h 420"/>
                <a:gd name="T24" fmla="*/ 411 w 421"/>
                <a:gd name="T25" fmla="*/ 277 h 420"/>
                <a:gd name="T26" fmla="*/ 397 w 421"/>
                <a:gd name="T27" fmla="*/ 307 h 420"/>
                <a:gd name="T28" fmla="*/ 381 w 421"/>
                <a:gd name="T29" fmla="*/ 334 h 420"/>
                <a:gd name="T30" fmla="*/ 360 w 421"/>
                <a:gd name="T31" fmla="*/ 359 h 420"/>
                <a:gd name="T32" fmla="*/ 335 w 421"/>
                <a:gd name="T33" fmla="*/ 380 h 420"/>
                <a:gd name="T34" fmla="*/ 307 w 421"/>
                <a:gd name="T35" fmla="*/ 397 h 420"/>
                <a:gd name="T36" fmla="*/ 277 w 421"/>
                <a:gd name="T37" fmla="*/ 410 h 420"/>
                <a:gd name="T38" fmla="*/ 244 w 421"/>
                <a:gd name="T39" fmla="*/ 418 h 420"/>
                <a:gd name="T40" fmla="*/ 210 w 421"/>
                <a:gd name="T41" fmla="*/ 420 h 420"/>
                <a:gd name="T42" fmla="*/ 177 w 421"/>
                <a:gd name="T43" fmla="*/ 418 h 420"/>
                <a:gd name="T44" fmla="*/ 145 w 421"/>
                <a:gd name="T45" fmla="*/ 410 h 420"/>
                <a:gd name="T46" fmla="*/ 113 w 421"/>
                <a:gd name="T47" fmla="*/ 397 h 420"/>
                <a:gd name="T48" fmla="*/ 86 w 421"/>
                <a:gd name="T49" fmla="*/ 380 h 420"/>
                <a:gd name="T50" fmla="*/ 61 w 421"/>
                <a:gd name="T51" fmla="*/ 359 h 420"/>
                <a:gd name="T52" fmla="*/ 41 w 421"/>
                <a:gd name="T53" fmla="*/ 334 h 420"/>
                <a:gd name="T54" fmla="*/ 24 w 421"/>
                <a:gd name="T55" fmla="*/ 307 h 420"/>
                <a:gd name="T56" fmla="*/ 11 w 421"/>
                <a:gd name="T57" fmla="*/ 277 h 420"/>
                <a:gd name="T58" fmla="*/ 3 w 421"/>
                <a:gd name="T59" fmla="*/ 245 h 420"/>
                <a:gd name="T60" fmla="*/ 0 w 421"/>
                <a:gd name="T61" fmla="*/ 210 h 420"/>
                <a:gd name="T62" fmla="*/ 3 w 421"/>
                <a:gd name="T63" fmla="*/ 176 h 420"/>
                <a:gd name="T64" fmla="*/ 11 w 421"/>
                <a:gd name="T65" fmla="*/ 144 h 420"/>
                <a:gd name="T66" fmla="*/ 24 w 421"/>
                <a:gd name="T67" fmla="*/ 114 h 420"/>
                <a:gd name="T68" fmla="*/ 41 w 421"/>
                <a:gd name="T69" fmla="*/ 87 h 420"/>
                <a:gd name="T70" fmla="*/ 61 w 421"/>
                <a:gd name="T71" fmla="*/ 62 h 420"/>
                <a:gd name="T72" fmla="*/ 86 w 421"/>
                <a:gd name="T73" fmla="*/ 41 h 420"/>
                <a:gd name="T74" fmla="*/ 113 w 421"/>
                <a:gd name="T75" fmla="*/ 23 h 420"/>
                <a:gd name="T76" fmla="*/ 145 w 421"/>
                <a:gd name="T77" fmla="*/ 11 h 420"/>
                <a:gd name="T78" fmla="*/ 177 w 421"/>
                <a:gd name="T79" fmla="*/ 4 h 420"/>
                <a:gd name="T80" fmla="*/ 210 w 421"/>
                <a:gd name="T81" fmla="*/ 0 h 4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21" h="420">
                  <a:moveTo>
                    <a:pt x="210" y="0"/>
                  </a:moveTo>
                  <a:lnTo>
                    <a:pt x="244" y="4"/>
                  </a:lnTo>
                  <a:lnTo>
                    <a:pt x="277" y="11"/>
                  </a:lnTo>
                  <a:lnTo>
                    <a:pt x="307" y="23"/>
                  </a:lnTo>
                  <a:lnTo>
                    <a:pt x="335" y="41"/>
                  </a:lnTo>
                  <a:lnTo>
                    <a:pt x="360" y="62"/>
                  </a:lnTo>
                  <a:lnTo>
                    <a:pt x="381" y="87"/>
                  </a:lnTo>
                  <a:lnTo>
                    <a:pt x="397" y="114"/>
                  </a:lnTo>
                  <a:lnTo>
                    <a:pt x="411" y="144"/>
                  </a:lnTo>
                  <a:lnTo>
                    <a:pt x="418" y="176"/>
                  </a:lnTo>
                  <a:lnTo>
                    <a:pt x="421" y="210"/>
                  </a:lnTo>
                  <a:lnTo>
                    <a:pt x="418" y="245"/>
                  </a:lnTo>
                  <a:lnTo>
                    <a:pt x="411" y="277"/>
                  </a:lnTo>
                  <a:lnTo>
                    <a:pt x="397" y="307"/>
                  </a:lnTo>
                  <a:lnTo>
                    <a:pt x="381" y="334"/>
                  </a:lnTo>
                  <a:lnTo>
                    <a:pt x="360" y="359"/>
                  </a:lnTo>
                  <a:lnTo>
                    <a:pt x="335" y="380"/>
                  </a:lnTo>
                  <a:lnTo>
                    <a:pt x="307" y="397"/>
                  </a:lnTo>
                  <a:lnTo>
                    <a:pt x="277" y="410"/>
                  </a:lnTo>
                  <a:lnTo>
                    <a:pt x="244" y="418"/>
                  </a:lnTo>
                  <a:lnTo>
                    <a:pt x="210" y="420"/>
                  </a:lnTo>
                  <a:lnTo>
                    <a:pt x="177" y="418"/>
                  </a:lnTo>
                  <a:lnTo>
                    <a:pt x="145" y="410"/>
                  </a:lnTo>
                  <a:lnTo>
                    <a:pt x="113" y="397"/>
                  </a:lnTo>
                  <a:lnTo>
                    <a:pt x="86" y="380"/>
                  </a:lnTo>
                  <a:lnTo>
                    <a:pt x="61" y="359"/>
                  </a:lnTo>
                  <a:lnTo>
                    <a:pt x="41" y="334"/>
                  </a:lnTo>
                  <a:lnTo>
                    <a:pt x="24" y="307"/>
                  </a:lnTo>
                  <a:lnTo>
                    <a:pt x="11" y="277"/>
                  </a:lnTo>
                  <a:lnTo>
                    <a:pt x="3" y="245"/>
                  </a:lnTo>
                  <a:lnTo>
                    <a:pt x="0" y="210"/>
                  </a:lnTo>
                  <a:lnTo>
                    <a:pt x="3" y="176"/>
                  </a:lnTo>
                  <a:lnTo>
                    <a:pt x="11" y="144"/>
                  </a:lnTo>
                  <a:lnTo>
                    <a:pt x="24" y="114"/>
                  </a:lnTo>
                  <a:lnTo>
                    <a:pt x="41" y="87"/>
                  </a:lnTo>
                  <a:lnTo>
                    <a:pt x="61" y="62"/>
                  </a:lnTo>
                  <a:lnTo>
                    <a:pt x="86" y="41"/>
                  </a:lnTo>
                  <a:lnTo>
                    <a:pt x="113" y="23"/>
                  </a:lnTo>
                  <a:lnTo>
                    <a:pt x="145" y="11"/>
                  </a:lnTo>
                  <a:lnTo>
                    <a:pt x="177" y="4"/>
                  </a:lnTo>
                  <a:lnTo>
                    <a:pt x="21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grpSp>
        <p:nvGrpSpPr>
          <p:cNvPr id="34" name="Group 21"/>
          <p:cNvGrpSpPr>
            <a:grpSpLocks noChangeAspect="1"/>
          </p:cNvGrpSpPr>
          <p:nvPr/>
        </p:nvGrpSpPr>
        <p:grpSpPr bwMode="auto">
          <a:xfrm>
            <a:off x="6564654" y="3990917"/>
            <a:ext cx="915988" cy="915988"/>
            <a:chOff x="4082" y="2554"/>
            <a:chExt cx="577" cy="577"/>
          </a:xfrm>
          <a:solidFill>
            <a:schemeClr val="bg1"/>
          </a:solidFill>
        </p:grpSpPr>
        <p:sp>
          <p:nvSpPr>
            <p:cNvPr id="37" name="Freeform 23"/>
            <p:cNvSpPr>
              <a:spLocks noEditPoints="1"/>
            </p:cNvSpPr>
            <p:nvPr/>
          </p:nvSpPr>
          <p:spPr bwMode="auto">
            <a:xfrm>
              <a:off x="4310" y="2591"/>
              <a:ext cx="284" cy="289"/>
            </a:xfrm>
            <a:custGeom>
              <a:avLst/>
              <a:gdLst>
                <a:gd name="T0" fmla="*/ 936 w 1705"/>
                <a:gd name="T1" fmla="*/ 308 h 1731"/>
                <a:gd name="T2" fmla="*/ 922 w 1705"/>
                <a:gd name="T3" fmla="*/ 311 h 1731"/>
                <a:gd name="T4" fmla="*/ 907 w 1705"/>
                <a:gd name="T5" fmla="*/ 318 h 1731"/>
                <a:gd name="T6" fmla="*/ 896 w 1705"/>
                <a:gd name="T7" fmla="*/ 328 h 1731"/>
                <a:gd name="T8" fmla="*/ 375 w 1705"/>
                <a:gd name="T9" fmla="*/ 912 h 1731"/>
                <a:gd name="T10" fmla="*/ 366 w 1705"/>
                <a:gd name="T11" fmla="*/ 926 h 1731"/>
                <a:gd name="T12" fmla="*/ 361 w 1705"/>
                <a:gd name="T13" fmla="*/ 940 h 1731"/>
                <a:gd name="T14" fmla="*/ 360 w 1705"/>
                <a:gd name="T15" fmla="*/ 956 h 1731"/>
                <a:gd name="T16" fmla="*/ 363 w 1705"/>
                <a:gd name="T17" fmla="*/ 970 h 1731"/>
                <a:gd name="T18" fmla="*/ 370 w 1705"/>
                <a:gd name="T19" fmla="*/ 985 h 1731"/>
                <a:gd name="T20" fmla="*/ 380 w 1705"/>
                <a:gd name="T21" fmla="*/ 997 h 1731"/>
                <a:gd name="T22" fmla="*/ 419 w 1705"/>
                <a:gd name="T23" fmla="*/ 1030 h 1731"/>
                <a:gd name="T24" fmla="*/ 432 w 1705"/>
                <a:gd name="T25" fmla="*/ 1039 h 1731"/>
                <a:gd name="T26" fmla="*/ 447 w 1705"/>
                <a:gd name="T27" fmla="*/ 1044 h 1731"/>
                <a:gd name="T28" fmla="*/ 463 w 1705"/>
                <a:gd name="T29" fmla="*/ 1046 h 1731"/>
                <a:gd name="T30" fmla="*/ 478 w 1705"/>
                <a:gd name="T31" fmla="*/ 1042 h 1731"/>
                <a:gd name="T32" fmla="*/ 492 w 1705"/>
                <a:gd name="T33" fmla="*/ 1036 h 1731"/>
                <a:gd name="T34" fmla="*/ 504 w 1705"/>
                <a:gd name="T35" fmla="*/ 1026 h 1731"/>
                <a:gd name="T36" fmla="*/ 1025 w 1705"/>
                <a:gd name="T37" fmla="*/ 441 h 1731"/>
                <a:gd name="T38" fmla="*/ 1034 w 1705"/>
                <a:gd name="T39" fmla="*/ 428 h 1731"/>
                <a:gd name="T40" fmla="*/ 1038 w 1705"/>
                <a:gd name="T41" fmla="*/ 413 h 1731"/>
                <a:gd name="T42" fmla="*/ 1039 w 1705"/>
                <a:gd name="T43" fmla="*/ 398 h 1731"/>
                <a:gd name="T44" fmla="*/ 1036 w 1705"/>
                <a:gd name="T45" fmla="*/ 382 h 1731"/>
                <a:gd name="T46" fmla="*/ 1029 w 1705"/>
                <a:gd name="T47" fmla="*/ 369 h 1731"/>
                <a:gd name="T48" fmla="*/ 1019 w 1705"/>
                <a:gd name="T49" fmla="*/ 357 h 1731"/>
                <a:gd name="T50" fmla="*/ 980 w 1705"/>
                <a:gd name="T51" fmla="*/ 322 h 1731"/>
                <a:gd name="T52" fmla="*/ 968 w 1705"/>
                <a:gd name="T53" fmla="*/ 315 h 1731"/>
                <a:gd name="T54" fmla="*/ 953 w 1705"/>
                <a:gd name="T55" fmla="*/ 309 h 1731"/>
                <a:gd name="T56" fmla="*/ 936 w 1705"/>
                <a:gd name="T57" fmla="*/ 308 h 1731"/>
                <a:gd name="T58" fmla="*/ 981 w 1705"/>
                <a:gd name="T59" fmla="*/ 0 h 1731"/>
                <a:gd name="T60" fmla="*/ 1705 w 1705"/>
                <a:gd name="T61" fmla="*/ 632 h 1731"/>
                <a:gd name="T62" fmla="*/ 724 w 1705"/>
                <a:gd name="T63" fmla="*/ 1731 h 1731"/>
                <a:gd name="T64" fmla="*/ 0 w 1705"/>
                <a:gd name="T65" fmla="*/ 1100 h 1731"/>
                <a:gd name="T66" fmla="*/ 981 w 1705"/>
                <a:gd name="T67" fmla="*/ 0 h 17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705" h="1731">
                  <a:moveTo>
                    <a:pt x="936" y="308"/>
                  </a:moveTo>
                  <a:lnTo>
                    <a:pt x="922" y="311"/>
                  </a:lnTo>
                  <a:lnTo>
                    <a:pt x="907" y="318"/>
                  </a:lnTo>
                  <a:lnTo>
                    <a:pt x="896" y="328"/>
                  </a:lnTo>
                  <a:lnTo>
                    <a:pt x="375" y="912"/>
                  </a:lnTo>
                  <a:lnTo>
                    <a:pt x="366" y="926"/>
                  </a:lnTo>
                  <a:lnTo>
                    <a:pt x="361" y="940"/>
                  </a:lnTo>
                  <a:lnTo>
                    <a:pt x="360" y="956"/>
                  </a:lnTo>
                  <a:lnTo>
                    <a:pt x="363" y="970"/>
                  </a:lnTo>
                  <a:lnTo>
                    <a:pt x="370" y="985"/>
                  </a:lnTo>
                  <a:lnTo>
                    <a:pt x="380" y="997"/>
                  </a:lnTo>
                  <a:lnTo>
                    <a:pt x="419" y="1030"/>
                  </a:lnTo>
                  <a:lnTo>
                    <a:pt x="432" y="1039"/>
                  </a:lnTo>
                  <a:lnTo>
                    <a:pt x="447" y="1044"/>
                  </a:lnTo>
                  <a:lnTo>
                    <a:pt x="463" y="1046"/>
                  </a:lnTo>
                  <a:lnTo>
                    <a:pt x="478" y="1042"/>
                  </a:lnTo>
                  <a:lnTo>
                    <a:pt x="492" y="1036"/>
                  </a:lnTo>
                  <a:lnTo>
                    <a:pt x="504" y="1026"/>
                  </a:lnTo>
                  <a:lnTo>
                    <a:pt x="1025" y="441"/>
                  </a:lnTo>
                  <a:lnTo>
                    <a:pt x="1034" y="428"/>
                  </a:lnTo>
                  <a:lnTo>
                    <a:pt x="1038" y="413"/>
                  </a:lnTo>
                  <a:lnTo>
                    <a:pt x="1039" y="398"/>
                  </a:lnTo>
                  <a:lnTo>
                    <a:pt x="1036" y="382"/>
                  </a:lnTo>
                  <a:lnTo>
                    <a:pt x="1029" y="369"/>
                  </a:lnTo>
                  <a:lnTo>
                    <a:pt x="1019" y="357"/>
                  </a:lnTo>
                  <a:lnTo>
                    <a:pt x="980" y="322"/>
                  </a:lnTo>
                  <a:lnTo>
                    <a:pt x="968" y="315"/>
                  </a:lnTo>
                  <a:lnTo>
                    <a:pt x="953" y="309"/>
                  </a:lnTo>
                  <a:lnTo>
                    <a:pt x="936" y="308"/>
                  </a:lnTo>
                  <a:close/>
                  <a:moveTo>
                    <a:pt x="981" y="0"/>
                  </a:moveTo>
                  <a:lnTo>
                    <a:pt x="1705" y="632"/>
                  </a:lnTo>
                  <a:lnTo>
                    <a:pt x="724" y="1731"/>
                  </a:lnTo>
                  <a:lnTo>
                    <a:pt x="0" y="1100"/>
                  </a:lnTo>
                  <a:lnTo>
                    <a:pt x="98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38" name="Freeform 24"/>
            <p:cNvSpPr>
              <a:spLocks noEditPoints="1"/>
            </p:cNvSpPr>
            <p:nvPr/>
          </p:nvSpPr>
          <p:spPr bwMode="auto">
            <a:xfrm>
              <a:off x="4082" y="2994"/>
              <a:ext cx="136" cy="137"/>
            </a:xfrm>
            <a:custGeom>
              <a:avLst/>
              <a:gdLst>
                <a:gd name="T0" fmla="*/ 268 w 816"/>
                <a:gd name="T1" fmla="*/ 241 h 825"/>
                <a:gd name="T2" fmla="*/ 180 w 816"/>
                <a:gd name="T3" fmla="*/ 562 h 825"/>
                <a:gd name="T4" fmla="*/ 179 w 816"/>
                <a:gd name="T5" fmla="*/ 577 h 825"/>
                <a:gd name="T6" fmla="*/ 181 w 816"/>
                <a:gd name="T7" fmla="*/ 592 h 825"/>
                <a:gd name="T8" fmla="*/ 187 w 816"/>
                <a:gd name="T9" fmla="*/ 605 h 825"/>
                <a:gd name="T10" fmla="*/ 197 w 816"/>
                <a:gd name="T11" fmla="*/ 616 h 825"/>
                <a:gd name="T12" fmla="*/ 210 w 816"/>
                <a:gd name="T13" fmla="*/ 624 h 825"/>
                <a:gd name="T14" fmla="*/ 224 w 816"/>
                <a:gd name="T15" fmla="*/ 629 h 825"/>
                <a:gd name="T16" fmla="*/ 238 w 816"/>
                <a:gd name="T17" fmla="*/ 629 h 825"/>
                <a:gd name="T18" fmla="*/ 253 w 816"/>
                <a:gd name="T19" fmla="*/ 625 h 825"/>
                <a:gd name="T20" fmla="*/ 564 w 816"/>
                <a:gd name="T21" fmla="*/ 501 h 825"/>
                <a:gd name="T22" fmla="*/ 268 w 816"/>
                <a:gd name="T23" fmla="*/ 241 h 825"/>
                <a:gd name="T24" fmla="*/ 193 w 816"/>
                <a:gd name="T25" fmla="*/ 0 h 825"/>
                <a:gd name="T26" fmla="*/ 816 w 816"/>
                <a:gd name="T27" fmla="*/ 543 h 825"/>
                <a:gd name="T28" fmla="*/ 134 w 816"/>
                <a:gd name="T29" fmla="*/ 817 h 825"/>
                <a:gd name="T30" fmla="*/ 113 w 816"/>
                <a:gd name="T31" fmla="*/ 824 h 825"/>
                <a:gd name="T32" fmla="*/ 92 w 816"/>
                <a:gd name="T33" fmla="*/ 825 h 825"/>
                <a:gd name="T34" fmla="*/ 70 w 816"/>
                <a:gd name="T35" fmla="*/ 820 h 825"/>
                <a:gd name="T36" fmla="*/ 51 w 816"/>
                <a:gd name="T37" fmla="*/ 812 h 825"/>
                <a:gd name="T38" fmla="*/ 33 w 816"/>
                <a:gd name="T39" fmla="*/ 800 h 825"/>
                <a:gd name="T40" fmla="*/ 19 w 816"/>
                <a:gd name="T41" fmla="*/ 785 h 825"/>
                <a:gd name="T42" fmla="*/ 8 w 816"/>
                <a:gd name="T43" fmla="*/ 766 h 825"/>
                <a:gd name="T44" fmla="*/ 2 w 816"/>
                <a:gd name="T45" fmla="*/ 746 h 825"/>
                <a:gd name="T46" fmla="*/ 0 w 816"/>
                <a:gd name="T47" fmla="*/ 725 h 825"/>
                <a:gd name="T48" fmla="*/ 0 w 816"/>
                <a:gd name="T49" fmla="*/ 724 h 825"/>
                <a:gd name="T50" fmla="*/ 3 w 816"/>
                <a:gd name="T51" fmla="*/ 703 h 825"/>
                <a:gd name="T52" fmla="*/ 193 w 816"/>
                <a:gd name="T53" fmla="*/ 0 h 8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16" h="825">
                  <a:moveTo>
                    <a:pt x="268" y="241"/>
                  </a:moveTo>
                  <a:lnTo>
                    <a:pt x="180" y="562"/>
                  </a:lnTo>
                  <a:lnTo>
                    <a:pt x="179" y="577"/>
                  </a:lnTo>
                  <a:lnTo>
                    <a:pt x="181" y="592"/>
                  </a:lnTo>
                  <a:lnTo>
                    <a:pt x="187" y="605"/>
                  </a:lnTo>
                  <a:lnTo>
                    <a:pt x="197" y="616"/>
                  </a:lnTo>
                  <a:lnTo>
                    <a:pt x="210" y="624"/>
                  </a:lnTo>
                  <a:lnTo>
                    <a:pt x="224" y="629"/>
                  </a:lnTo>
                  <a:lnTo>
                    <a:pt x="238" y="629"/>
                  </a:lnTo>
                  <a:lnTo>
                    <a:pt x="253" y="625"/>
                  </a:lnTo>
                  <a:lnTo>
                    <a:pt x="564" y="501"/>
                  </a:lnTo>
                  <a:lnTo>
                    <a:pt x="268" y="241"/>
                  </a:lnTo>
                  <a:close/>
                  <a:moveTo>
                    <a:pt x="193" y="0"/>
                  </a:moveTo>
                  <a:lnTo>
                    <a:pt x="816" y="543"/>
                  </a:lnTo>
                  <a:lnTo>
                    <a:pt x="134" y="817"/>
                  </a:lnTo>
                  <a:lnTo>
                    <a:pt x="113" y="824"/>
                  </a:lnTo>
                  <a:lnTo>
                    <a:pt x="92" y="825"/>
                  </a:lnTo>
                  <a:lnTo>
                    <a:pt x="70" y="820"/>
                  </a:lnTo>
                  <a:lnTo>
                    <a:pt x="51" y="812"/>
                  </a:lnTo>
                  <a:lnTo>
                    <a:pt x="33" y="800"/>
                  </a:lnTo>
                  <a:lnTo>
                    <a:pt x="19" y="785"/>
                  </a:lnTo>
                  <a:lnTo>
                    <a:pt x="8" y="766"/>
                  </a:lnTo>
                  <a:lnTo>
                    <a:pt x="2" y="746"/>
                  </a:lnTo>
                  <a:lnTo>
                    <a:pt x="0" y="725"/>
                  </a:lnTo>
                  <a:lnTo>
                    <a:pt x="0" y="724"/>
                  </a:lnTo>
                  <a:lnTo>
                    <a:pt x="3" y="703"/>
                  </a:lnTo>
                  <a:lnTo>
                    <a:pt x="19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39" name="Freeform 25"/>
            <p:cNvSpPr>
              <a:spLocks noEditPoints="1"/>
            </p:cNvSpPr>
            <p:nvPr/>
          </p:nvSpPr>
          <p:spPr bwMode="auto">
            <a:xfrm>
              <a:off x="4132" y="2791"/>
              <a:ext cx="263" cy="271"/>
            </a:xfrm>
            <a:custGeom>
              <a:avLst/>
              <a:gdLst>
                <a:gd name="T0" fmla="*/ 968 w 1581"/>
                <a:gd name="T1" fmla="*/ 294 h 1626"/>
                <a:gd name="T2" fmla="*/ 952 w 1581"/>
                <a:gd name="T3" fmla="*/ 297 h 1626"/>
                <a:gd name="T4" fmla="*/ 938 w 1581"/>
                <a:gd name="T5" fmla="*/ 304 h 1626"/>
                <a:gd name="T6" fmla="*/ 926 w 1581"/>
                <a:gd name="T7" fmla="*/ 314 h 1626"/>
                <a:gd name="T8" fmla="*/ 316 w 1581"/>
                <a:gd name="T9" fmla="*/ 999 h 1626"/>
                <a:gd name="T10" fmla="*/ 307 w 1581"/>
                <a:gd name="T11" fmla="*/ 1011 h 1626"/>
                <a:gd name="T12" fmla="*/ 302 w 1581"/>
                <a:gd name="T13" fmla="*/ 1027 h 1626"/>
                <a:gd name="T14" fmla="*/ 301 w 1581"/>
                <a:gd name="T15" fmla="*/ 1042 h 1626"/>
                <a:gd name="T16" fmla="*/ 305 w 1581"/>
                <a:gd name="T17" fmla="*/ 1057 h 1626"/>
                <a:gd name="T18" fmla="*/ 311 w 1581"/>
                <a:gd name="T19" fmla="*/ 1071 h 1626"/>
                <a:gd name="T20" fmla="*/ 321 w 1581"/>
                <a:gd name="T21" fmla="*/ 1082 h 1626"/>
                <a:gd name="T22" fmla="*/ 361 w 1581"/>
                <a:gd name="T23" fmla="*/ 1117 h 1626"/>
                <a:gd name="T24" fmla="*/ 374 w 1581"/>
                <a:gd name="T25" fmla="*/ 1125 h 1626"/>
                <a:gd name="T26" fmla="*/ 389 w 1581"/>
                <a:gd name="T27" fmla="*/ 1130 h 1626"/>
                <a:gd name="T28" fmla="*/ 403 w 1581"/>
                <a:gd name="T29" fmla="*/ 1131 h 1626"/>
                <a:gd name="T30" fmla="*/ 419 w 1581"/>
                <a:gd name="T31" fmla="*/ 1129 h 1626"/>
                <a:gd name="T32" fmla="*/ 432 w 1581"/>
                <a:gd name="T33" fmla="*/ 1122 h 1626"/>
                <a:gd name="T34" fmla="*/ 445 w 1581"/>
                <a:gd name="T35" fmla="*/ 1111 h 1626"/>
                <a:gd name="T36" fmla="*/ 1055 w 1581"/>
                <a:gd name="T37" fmla="*/ 427 h 1626"/>
                <a:gd name="T38" fmla="*/ 1064 w 1581"/>
                <a:gd name="T39" fmla="*/ 413 h 1626"/>
                <a:gd name="T40" fmla="*/ 1068 w 1581"/>
                <a:gd name="T41" fmla="*/ 399 h 1626"/>
                <a:gd name="T42" fmla="*/ 1069 w 1581"/>
                <a:gd name="T43" fmla="*/ 383 h 1626"/>
                <a:gd name="T44" fmla="*/ 1067 w 1581"/>
                <a:gd name="T45" fmla="*/ 368 h 1626"/>
                <a:gd name="T46" fmla="*/ 1060 w 1581"/>
                <a:gd name="T47" fmla="*/ 355 h 1626"/>
                <a:gd name="T48" fmla="*/ 1050 w 1581"/>
                <a:gd name="T49" fmla="*/ 342 h 1626"/>
                <a:gd name="T50" fmla="*/ 1011 w 1581"/>
                <a:gd name="T51" fmla="*/ 308 h 1626"/>
                <a:gd name="T52" fmla="*/ 998 w 1581"/>
                <a:gd name="T53" fmla="*/ 299 h 1626"/>
                <a:gd name="T54" fmla="*/ 983 w 1581"/>
                <a:gd name="T55" fmla="*/ 295 h 1626"/>
                <a:gd name="T56" fmla="*/ 968 w 1581"/>
                <a:gd name="T57" fmla="*/ 294 h 1626"/>
                <a:gd name="T58" fmla="*/ 979 w 1581"/>
                <a:gd name="T59" fmla="*/ 0 h 1626"/>
                <a:gd name="T60" fmla="*/ 1581 w 1581"/>
                <a:gd name="T61" fmla="*/ 527 h 1626"/>
                <a:gd name="T62" fmla="*/ 602 w 1581"/>
                <a:gd name="T63" fmla="*/ 1626 h 1626"/>
                <a:gd name="T64" fmla="*/ 0 w 1581"/>
                <a:gd name="T65" fmla="*/ 1099 h 1626"/>
                <a:gd name="T66" fmla="*/ 979 w 1581"/>
                <a:gd name="T67" fmla="*/ 0 h 16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581" h="1626">
                  <a:moveTo>
                    <a:pt x="968" y="294"/>
                  </a:moveTo>
                  <a:lnTo>
                    <a:pt x="952" y="297"/>
                  </a:lnTo>
                  <a:lnTo>
                    <a:pt x="938" y="304"/>
                  </a:lnTo>
                  <a:lnTo>
                    <a:pt x="926" y="314"/>
                  </a:lnTo>
                  <a:lnTo>
                    <a:pt x="316" y="999"/>
                  </a:lnTo>
                  <a:lnTo>
                    <a:pt x="307" y="1011"/>
                  </a:lnTo>
                  <a:lnTo>
                    <a:pt x="302" y="1027"/>
                  </a:lnTo>
                  <a:lnTo>
                    <a:pt x="301" y="1042"/>
                  </a:lnTo>
                  <a:lnTo>
                    <a:pt x="305" y="1057"/>
                  </a:lnTo>
                  <a:lnTo>
                    <a:pt x="311" y="1071"/>
                  </a:lnTo>
                  <a:lnTo>
                    <a:pt x="321" y="1082"/>
                  </a:lnTo>
                  <a:lnTo>
                    <a:pt x="361" y="1117"/>
                  </a:lnTo>
                  <a:lnTo>
                    <a:pt x="374" y="1125"/>
                  </a:lnTo>
                  <a:lnTo>
                    <a:pt x="389" y="1130"/>
                  </a:lnTo>
                  <a:lnTo>
                    <a:pt x="403" y="1131"/>
                  </a:lnTo>
                  <a:lnTo>
                    <a:pt x="419" y="1129"/>
                  </a:lnTo>
                  <a:lnTo>
                    <a:pt x="432" y="1122"/>
                  </a:lnTo>
                  <a:lnTo>
                    <a:pt x="445" y="1111"/>
                  </a:lnTo>
                  <a:lnTo>
                    <a:pt x="1055" y="427"/>
                  </a:lnTo>
                  <a:lnTo>
                    <a:pt x="1064" y="413"/>
                  </a:lnTo>
                  <a:lnTo>
                    <a:pt x="1068" y="399"/>
                  </a:lnTo>
                  <a:lnTo>
                    <a:pt x="1069" y="383"/>
                  </a:lnTo>
                  <a:lnTo>
                    <a:pt x="1067" y="368"/>
                  </a:lnTo>
                  <a:lnTo>
                    <a:pt x="1060" y="355"/>
                  </a:lnTo>
                  <a:lnTo>
                    <a:pt x="1050" y="342"/>
                  </a:lnTo>
                  <a:lnTo>
                    <a:pt x="1011" y="308"/>
                  </a:lnTo>
                  <a:lnTo>
                    <a:pt x="998" y="299"/>
                  </a:lnTo>
                  <a:lnTo>
                    <a:pt x="983" y="295"/>
                  </a:lnTo>
                  <a:lnTo>
                    <a:pt x="968" y="294"/>
                  </a:lnTo>
                  <a:close/>
                  <a:moveTo>
                    <a:pt x="979" y="0"/>
                  </a:moveTo>
                  <a:lnTo>
                    <a:pt x="1581" y="527"/>
                  </a:lnTo>
                  <a:lnTo>
                    <a:pt x="602" y="1626"/>
                  </a:lnTo>
                  <a:lnTo>
                    <a:pt x="0" y="1099"/>
                  </a:lnTo>
                  <a:lnTo>
                    <a:pt x="97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40" name="Freeform 26"/>
            <p:cNvSpPr>
              <a:spLocks/>
            </p:cNvSpPr>
            <p:nvPr/>
          </p:nvSpPr>
          <p:spPr bwMode="auto">
            <a:xfrm>
              <a:off x="4343" y="2680"/>
              <a:ext cx="316" cy="355"/>
            </a:xfrm>
            <a:custGeom>
              <a:avLst/>
              <a:gdLst>
                <a:gd name="T0" fmla="*/ 1748 w 1893"/>
                <a:gd name="T1" fmla="*/ 0 h 2127"/>
                <a:gd name="T2" fmla="*/ 1829 w 1893"/>
                <a:gd name="T3" fmla="*/ 70 h 2127"/>
                <a:gd name="T4" fmla="*/ 1852 w 1893"/>
                <a:gd name="T5" fmla="*/ 95 h 2127"/>
                <a:gd name="T6" fmla="*/ 1870 w 1893"/>
                <a:gd name="T7" fmla="*/ 122 h 2127"/>
                <a:gd name="T8" fmla="*/ 1882 w 1893"/>
                <a:gd name="T9" fmla="*/ 151 h 2127"/>
                <a:gd name="T10" fmla="*/ 1890 w 1893"/>
                <a:gd name="T11" fmla="*/ 183 h 2127"/>
                <a:gd name="T12" fmla="*/ 1893 w 1893"/>
                <a:gd name="T13" fmla="*/ 214 h 2127"/>
                <a:gd name="T14" fmla="*/ 1889 w 1893"/>
                <a:gd name="T15" fmla="*/ 246 h 2127"/>
                <a:gd name="T16" fmla="*/ 1880 w 1893"/>
                <a:gd name="T17" fmla="*/ 277 h 2127"/>
                <a:gd name="T18" fmla="*/ 1866 w 1893"/>
                <a:gd name="T19" fmla="*/ 306 h 2127"/>
                <a:gd name="T20" fmla="*/ 1846 w 1893"/>
                <a:gd name="T21" fmla="*/ 333 h 2127"/>
                <a:gd name="T22" fmla="*/ 277 w 1893"/>
                <a:gd name="T23" fmla="*/ 2093 h 2127"/>
                <a:gd name="T24" fmla="*/ 262 w 1893"/>
                <a:gd name="T25" fmla="*/ 2107 h 2127"/>
                <a:gd name="T26" fmla="*/ 245 w 1893"/>
                <a:gd name="T27" fmla="*/ 2117 h 2127"/>
                <a:gd name="T28" fmla="*/ 227 w 1893"/>
                <a:gd name="T29" fmla="*/ 2123 h 2127"/>
                <a:gd name="T30" fmla="*/ 208 w 1893"/>
                <a:gd name="T31" fmla="*/ 2127 h 2127"/>
                <a:gd name="T32" fmla="*/ 188 w 1893"/>
                <a:gd name="T33" fmla="*/ 2126 h 2127"/>
                <a:gd name="T34" fmla="*/ 169 w 1893"/>
                <a:gd name="T35" fmla="*/ 2121 h 2127"/>
                <a:gd name="T36" fmla="*/ 151 w 1893"/>
                <a:gd name="T37" fmla="*/ 2113 h 2127"/>
                <a:gd name="T38" fmla="*/ 135 w 1893"/>
                <a:gd name="T39" fmla="*/ 2102 h 2127"/>
                <a:gd name="T40" fmla="*/ 84 w 1893"/>
                <a:gd name="T41" fmla="*/ 2057 h 2127"/>
                <a:gd name="T42" fmla="*/ 57 w 1893"/>
                <a:gd name="T43" fmla="*/ 2029 h 2127"/>
                <a:gd name="T44" fmla="*/ 35 w 1893"/>
                <a:gd name="T45" fmla="*/ 1997 h 2127"/>
                <a:gd name="T46" fmla="*/ 18 w 1893"/>
                <a:gd name="T47" fmla="*/ 1963 h 2127"/>
                <a:gd name="T48" fmla="*/ 5 w 1893"/>
                <a:gd name="T49" fmla="*/ 1926 h 2127"/>
                <a:gd name="T50" fmla="*/ 0 w 1893"/>
                <a:gd name="T51" fmla="*/ 1888 h 2127"/>
                <a:gd name="T52" fmla="*/ 1 w 1893"/>
                <a:gd name="T53" fmla="*/ 1849 h 2127"/>
                <a:gd name="T54" fmla="*/ 8 w 1893"/>
                <a:gd name="T55" fmla="*/ 1812 h 2127"/>
                <a:gd name="T56" fmla="*/ 20 w 1893"/>
                <a:gd name="T57" fmla="*/ 1775 h 2127"/>
                <a:gd name="T58" fmla="*/ 38 w 1893"/>
                <a:gd name="T59" fmla="*/ 1741 h 2127"/>
                <a:gd name="T60" fmla="*/ 61 w 1893"/>
                <a:gd name="T61" fmla="*/ 1710 h 2127"/>
                <a:gd name="T62" fmla="*/ 279 w 1893"/>
                <a:gd name="T63" fmla="*/ 1467 h 2127"/>
                <a:gd name="T64" fmla="*/ 296 w 1893"/>
                <a:gd name="T65" fmla="*/ 1451 h 2127"/>
                <a:gd name="T66" fmla="*/ 315 w 1893"/>
                <a:gd name="T67" fmla="*/ 1441 h 2127"/>
                <a:gd name="T68" fmla="*/ 335 w 1893"/>
                <a:gd name="T69" fmla="*/ 1436 h 2127"/>
                <a:gd name="T70" fmla="*/ 356 w 1893"/>
                <a:gd name="T71" fmla="*/ 1435 h 2127"/>
                <a:gd name="T72" fmla="*/ 377 w 1893"/>
                <a:gd name="T73" fmla="*/ 1438 h 2127"/>
                <a:gd name="T74" fmla="*/ 397 w 1893"/>
                <a:gd name="T75" fmla="*/ 1446 h 2127"/>
                <a:gd name="T76" fmla="*/ 417 w 1893"/>
                <a:gd name="T77" fmla="*/ 1458 h 2127"/>
                <a:gd name="T78" fmla="*/ 434 w 1893"/>
                <a:gd name="T79" fmla="*/ 1475 h 2127"/>
                <a:gd name="T80" fmla="*/ 1748 w 1893"/>
                <a:gd name="T81" fmla="*/ 0 h 2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893" h="2127">
                  <a:moveTo>
                    <a:pt x="1748" y="0"/>
                  </a:moveTo>
                  <a:lnTo>
                    <a:pt x="1829" y="70"/>
                  </a:lnTo>
                  <a:lnTo>
                    <a:pt x="1852" y="95"/>
                  </a:lnTo>
                  <a:lnTo>
                    <a:pt x="1870" y="122"/>
                  </a:lnTo>
                  <a:lnTo>
                    <a:pt x="1882" y="151"/>
                  </a:lnTo>
                  <a:lnTo>
                    <a:pt x="1890" y="183"/>
                  </a:lnTo>
                  <a:lnTo>
                    <a:pt x="1893" y="214"/>
                  </a:lnTo>
                  <a:lnTo>
                    <a:pt x="1889" y="246"/>
                  </a:lnTo>
                  <a:lnTo>
                    <a:pt x="1880" y="277"/>
                  </a:lnTo>
                  <a:lnTo>
                    <a:pt x="1866" y="306"/>
                  </a:lnTo>
                  <a:lnTo>
                    <a:pt x="1846" y="333"/>
                  </a:lnTo>
                  <a:lnTo>
                    <a:pt x="277" y="2093"/>
                  </a:lnTo>
                  <a:lnTo>
                    <a:pt x="262" y="2107"/>
                  </a:lnTo>
                  <a:lnTo>
                    <a:pt x="245" y="2117"/>
                  </a:lnTo>
                  <a:lnTo>
                    <a:pt x="227" y="2123"/>
                  </a:lnTo>
                  <a:lnTo>
                    <a:pt x="208" y="2127"/>
                  </a:lnTo>
                  <a:lnTo>
                    <a:pt x="188" y="2126"/>
                  </a:lnTo>
                  <a:lnTo>
                    <a:pt x="169" y="2121"/>
                  </a:lnTo>
                  <a:lnTo>
                    <a:pt x="151" y="2113"/>
                  </a:lnTo>
                  <a:lnTo>
                    <a:pt x="135" y="2102"/>
                  </a:lnTo>
                  <a:lnTo>
                    <a:pt x="84" y="2057"/>
                  </a:lnTo>
                  <a:lnTo>
                    <a:pt x="57" y="2029"/>
                  </a:lnTo>
                  <a:lnTo>
                    <a:pt x="35" y="1997"/>
                  </a:lnTo>
                  <a:lnTo>
                    <a:pt x="18" y="1963"/>
                  </a:lnTo>
                  <a:lnTo>
                    <a:pt x="5" y="1926"/>
                  </a:lnTo>
                  <a:lnTo>
                    <a:pt x="0" y="1888"/>
                  </a:lnTo>
                  <a:lnTo>
                    <a:pt x="1" y="1849"/>
                  </a:lnTo>
                  <a:lnTo>
                    <a:pt x="8" y="1812"/>
                  </a:lnTo>
                  <a:lnTo>
                    <a:pt x="20" y="1775"/>
                  </a:lnTo>
                  <a:lnTo>
                    <a:pt x="38" y="1741"/>
                  </a:lnTo>
                  <a:lnTo>
                    <a:pt x="61" y="1710"/>
                  </a:lnTo>
                  <a:lnTo>
                    <a:pt x="279" y="1467"/>
                  </a:lnTo>
                  <a:lnTo>
                    <a:pt x="296" y="1451"/>
                  </a:lnTo>
                  <a:lnTo>
                    <a:pt x="315" y="1441"/>
                  </a:lnTo>
                  <a:lnTo>
                    <a:pt x="335" y="1436"/>
                  </a:lnTo>
                  <a:lnTo>
                    <a:pt x="356" y="1435"/>
                  </a:lnTo>
                  <a:lnTo>
                    <a:pt x="377" y="1438"/>
                  </a:lnTo>
                  <a:lnTo>
                    <a:pt x="397" y="1446"/>
                  </a:lnTo>
                  <a:lnTo>
                    <a:pt x="417" y="1458"/>
                  </a:lnTo>
                  <a:lnTo>
                    <a:pt x="434" y="1475"/>
                  </a:lnTo>
                  <a:lnTo>
                    <a:pt x="1748"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41" name="Freeform 27"/>
            <p:cNvSpPr>
              <a:spLocks/>
            </p:cNvSpPr>
            <p:nvPr/>
          </p:nvSpPr>
          <p:spPr bwMode="auto">
            <a:xfrm>
              <a:off x="4491" y="2554"/>
              <a:ext cx="117" cy="111"/>
            </a:xfrm>
            <a:custGeom>
              <a:avLst/>
              <a:gdLst>
                <a:gd name="T0" fmla="*/ 321 w 706"/>
                <a:gd name="T1" fmla="*/ 0 h 663"/>
                <a:gd name="T2" fmla="*/ 366 w 706"/>
                <a:gd name="T3" fmla="*/ 5 h 663"/>
                <a:gd name="T4" fmla="*/ 409 w 706"/>
                <a:gd name="T5" fmla="*/ 13 h 663"/>
                <a:gd name="T6" fmla="*/ 452 w 706"/>
                <a:gd name="T7" fmla="*/ 28 h 663"/>
                <a:gd name="T8" fmla="*/ 493 w 706"/>
                <a:gd name="T9" fmla="*/ 47 h 663"/>
                <a:gd name="T10" fmla="*/ 533 w 706"/>
                <a:gd name="T11" fmla="*/ 70 h 663"/>
                <a:gd name="T12" fmla="*/ 570 w 706"/>
                <a:gd name="T13" fmla="*/ 99 h 663"/>
                <a:gd name="T14" fmla="*/ 603 w 706"/>
                <a:gd name="T15" fmla="*/ 132 h 663"/>
                <a:gd name="T16" fmla="*/ 632 w 706"/>
                <a:gd name="T17" fmla="*/ 168 h 663"/>
                <a:gd name="T18" fmla="*/ 656 w 706"/>
                <a:gd name="T19" fmla="*/ 206 h 663"/>
                <a:gd name="T20" fmla="*/ 676 w 706"/>
                <a:gd name="T21" fmla="*/ 246 h 663"/>
                <a:gd name="T22" fmla="*/ 691 w 706"/>
                <a:gd name="T23" fmla="*/ 287 h 663"/>
                <a:gd name="T24" fmla="*/ 701 w 706"/>
                <a:gd name="T25" fmla="*/ 331 h 663"/>
                <a:gd name="T26" fmla="*/ 705 w 706"/>
                <a:gd name="T27" fmla="*/ 374 h 663"/>
                <a:gd name="T28" fmla="*/ 706 w 706"/>
                <a:gd name="T29" fmla="*/ 418 h 663"/>
                <a:gd name="T30" fmla="*/ 702 w 706"/>
                <a:gd name="T31" fmla="*/ 461 h 663"/>
                <a:gd name="T32" fmla="*/ 692 w 706"/>
                <a:gd name="T33" fmla="*/ 505 h 663"/>
                <a:gd name="T34" fmla="*/ 677 w 706"/>
                <a:gd name="T35" fmla="*/ 547 h 663"/>
                <a:gd name="T36" fmla="*/ 658 w 706"/>
                <a:gd name="T37" fmla="*/ 588 h 663"/>
                <a:gd name="T38" fmla="*/ 635 w 706"/>
                <a:gd name="T39" fmla="*/ 627 h 663"/>
                <a:gd name="T40" fmla="*/ 605 w 706"/>
                <a:gd name="T41" fmla="*/ 663 h 663"/>
                <a:gd name="T42" fmla="*/ 0 w 706"/>
                <a:gd name="T43" fmla="*/ 134 h 663"/>
                <a:gd name="T44" fmla="*/ 33 w 706"/>
                <a:gd name="T45" fmla="*/ 101 h 663"/>
                <a:gd name="T46" fmla="*/ 69 w 706"/>
                <a:gd name="T47" fmla="*/ 73 h 663"/>
                <a:gd name="T48" fmla="*/ 107 w 706"/>
                <a:gd name="T49" fmla="*/ 49 h 663"/>
                <a:gd name="T50" fmla="*/ 147 w 706"/>
                <a:gd name="T51" fmla="*/ 30 h 663"/>
                <a:gd name="T52" fmla="*/ 190 w 706"/>
                <a:gd name="T53" fmla="*/ 15 h 663"/>
                <a:gd name="T54" fmla="*/ 234 w 706"/>
                <a:gd name="T55" fmla="*/ 6 h 663"/>
                <a:gd name="T56" fmla="*/ 277 w 706"/>
                <a:gd name="T57" fmla="*/ 0 h 663"/>
                <a:gd name="T58" fmla="*/ 321 w 706"/>
                <a:gd name="T59" fmla="*/ 0 h 6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706" h="663">
                  <a:moveTo>
                    <a:pt x="321" y="0"/>
                  </a:moveTo>
                  <a:lnTo>
                    <a:pt x="366" y="5"/>
                  </a:lnTo>
                  <a:lnTo>
                    <a:pt x="409" y="13"/>
                  </a:lnTo>
                  <a:lnTo>
                    <a:pt x="452" y="28"/>
                  </a:lnTo>
                  <a:lnTo>
                    <a:pt x="493" y="47"/>
                  </a:lnTo>
                  <a:lnTo>
                    <a:pt x="533" y="70"/>
                  </a:lnTo>
                  <a:lnTo>
                    <a:pt x="570" y="99"/>
                  </a:lnTo>
                  <a:lnTo>
                    <a:pt x="603" y="132"/>
                  </a:lnTo>
                  <a:lnTo>
                    <a:pt x="632" y="168"/>
                  </a:lnTo>
                  <a:lnTo>
                    <a:pt x="656" y="206"/>
                  </a:lnTo>
                  <a:lnTo>
                    <a:pt x="676" y="246"/>
                  </a:lnTo>
                  <a:lnTo>
                    <a:pt x="691" y="287"/>
                  </a:lnTo>
                  <a:lnTo>
                    <a:pt x="701" y="331"/>
                  </a:lnTo>
                  <a:lnTo>
                    <a:pt x="705" y="374"/>
                  </a:lnTo>
                  <a:lnTo>
                    <a:pt x="706" y="418"/>
                  </a:lnTo>
                  <a:lnTo>
                    <a:pt x="702" y="461"/>
                  </a:lnTo>
                  <a:lnTo>
                    <a:pt x="692" y="505"/>
                  </a:lnTo>
                  <a:lnTo>
                    <a:pt x="677" y="547"/>
                  </a:lnTo>
                  <a:lnTo>
                    <a:pt x="658" y="588"/>
                  </a:lnTo>
                  <a:lnTo>
                    <a:pt x="635" y="627"/>
                  </a:lnTo>
                  <a:lnTo>
                    <a:pt x="605" y="663"/>
                  </a:lnTo>
                  <a:lnTo>
                    <a:pt x="0" y="134"/>
                  </a:lnTo>
                  <a:lnTo>
                    <a:pt x="33" y="101"/>
                  </a:lnTo>
                  <a:lnTo>
                    <a:pt x="69" y="73"/>
                  </a:lnTo>
                  <a:lnTo>
                    <a:pt x="107" y="49"/>
                  </a:lnTo>
                  <a:lnTo>
                    <a:pt x="147" y="30"/>
                  </a:lnTo>
                  <a:lnTo>
                    <a:pt x="190" y="15"/>
                  </a:lnTo>
                  <a:lnTo>
                    <a:pt x="234" y="6"/>
                  </a:lnTo>
                  <a:lnTo>
                    <a:pt x="277" y="0"/>
                  </a:lnTo>
                  <a:lnTo>
                    <a:pt x="32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29" name="Title 1">
            <a:extLst>
              <a:ext uri="{FF2B5EF4-FFF2-40B4-BE49-F238E27FC236}">
                <a16:creationId xmlns:a16="http://schemas.microsoft.com/office/drawing/2014/main" xmlns="" id="{7CFAD080-A7BC-EB4A-960D-CF3B39E1A644}"/>
              </a:ext>
            </a:extLst>
          </p:cNvPr>
          <p:cNvSpPr txBox="1">
            <a:spLocks/>
          </p:cNvSpPr>
          <p:nvPr/>
        </p:nvSpPr>
        <p:spPr>
          <a:xfrm>
            <a:off x="1598859" y="286298"/>
            <a:ext cx="9374451" cy="532590"/>
          </a:xfrm>
          <a:prstGeom prst="rect">
            <a:avLst/>
          </a:prstGeom>
        </p:spPr>
        <p:txBody>
          <a:bodyPr>
            <a:normAutofit fontScale="60000" lnSpcReduction="2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lvl="0"/>
            <a:r>
              <a:rPr lang="en-ZA" b="1" dirty="0">
                <a:solidFill>
                  <a:schemeClr val="accent2"/>
                </a:solidFill>
                <a:latin typeface="Arial" panose="020B0604020202020204" pitchFamily="34" charset="0"/>
                <a:cs typeface="Times New Roman" panose="02020603050405020304" pitchFamily="18" charset="0"/>
              </a:rPr>
              <a:t>Un formato de </a:t>
            </a:r>
            <a:r>
              <a:rPr lang="en-ZA" b="1" dirty="0" smtClean="0">
                <a:solidFill>
                  <a:schemeClr val="accent2"/>
                </a:solidFill>
                <a:latin typeface="Arial" panose="020B0604020202020204" pitchFamily="34" charset="0"/>
                <a:cs typeface="Times New Roman" panose="02020603050405020304" pitchFamily="18" charset="0"/>
              </a:rPr>
              <a:t>informes </a:t>
            </a:r>
            <a:r>
              <a:rPr lang="en-ZA" b="1" dirty="0">
                <a:solidFill>
                  <a:schemeClr val="accent2"/>
                </a:solidFill>
                <a:latin typeface="Arial" panose="020B0604020202020204" pitchFamily="34" charset="0"/>
                <a:cs typeface="Times New Roman" panose="02020603050405020304" pitchFamily="18" charset="0"/>
              </a:rPr>
              <a:t>para sintetizar las discusiones</a:t>
            </a:r>
            <a:endParaRPr lang="en-US" sz="8000" b="1" dirty="0">
              <a:solidFill>
                <a:schemeClr val="accent2"/>
              </a:solidFill>
              <a:latin typeface="Arial" panose="020B0604020202020204" pitchFamily="34" charset="0"/>
              <a:cs typeface="Arial" panose="020B0604020202020204" pitchFamily="34" charset="0"/>
            </a:endParaRPr>
          </a:p>
          <a:p>
            <a:endParaRPr lang="en-US" sz="8000" b="1" dirty="0">
              <a:solidFill>
                <a:schemeClr val="accent2"/>
              </a:solidFill>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41226506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3739433884"/>
              </p:ext>
            </p:extLst>
          </p:nvPr>
        </p:nvGraphicFramePr>
        <p:xfrm>
          <a:off x="0" y="-2"/>
          <a:ext cx="12192000" cy="6858001"/>
        </p:xfrm>
        <a:graphic>
          <a:graphicData uri="http://schemas.openxmlformats.org/drawingml/2006/table">
            <a:tbl>
              <a:tblPr firstRow="1" bandRow="1">
                <a:tableStyleId>{5C22544A-7EE6-4342-B048-85BDC9FD1C3A}</a:tableStyleId>
              </a:tblPr>
              <a:tblGrid>
                <a:gridCol w="4138047">
                  <a:extLst>
                    <a:ext uri="{9D8B030D-6E8A-4147-A177-3AD203B41FA5}">
                      <a16:colId xmlns:a16="http://schemas.microsoft.com/office/drawing/2014/main" xmlns="" val="20000"/>
                    </a:ext>
                  </a:extLst>
                </a:gridCol>
                <a:gridCol w="8053953">
                  <a:extLst>
                    <a:ext uri="{9D8B030D-6E8A-4147-A177-3AD203B41FA5}">
                      <a16:colId xmlns:a16="http://schemas.microsoft.com/office/drawing/2014/main" xmlns="" val="20001"/>
                    </a:ext>
                  </a:extLst>
                </a:gridCol>
              </a:tblGrid>
              <a:tr h="1535082">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3000" i="0" dirty="0" smtClean="0">
                          <a:solidFill>
                            <a:schemeClr val="bg1"/>
                          </a:solidFill>
                        </a:rPr>
                        <a:t>Rendir</a:t>
                      </a:r>
                      <a:r>
                        <a:rPr lang="en-US" sz="3000" i="0" baseline="0" dirty="0" smtClean="0">
                          <a:solidFill>
                            <a:schemeClr val="bg1"/>
                          </a:solidFill>
                        </a:rPr>
                        <a:t> cuentas: informar a la Estrategia de ONUSIDA</a:t>
                      </a:r>
                      <a:endParaRPr lang="en-US" sz="3000" i="0" dirty="0">
                        <a:solidFill>
                          <a:schemeClr val="bg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2"/>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xmlns="" val="10001"/>
                  </a:ext>
                </a:extLst>
              </a:tr>
              <a:tr h="3604683">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s-VE" sz="2500" dirty="0" smtClean="0">
                          <a:latin typeface="Arial" panose="020B0604020202020204" pitchFamily="34" charset="0"/>
                          <a:cs typeface="Arial" panose="020B0604020202020204" pitchFamily="34" charset="0"/>
                        </a:rPr>
                        <a:t>Recopila las plantillas usadas por los participantes en un documento. Puedes ingresar tu informe directamente en un formulario de Survey Monkey.</a:t>
                      </a:r>
                      <a:endParaRPr lang="en-US" sz="2500" dirty="0">
                        <a:latin typeface="Arial" panose="020B0604020202020204" pitchFamily="34" charset="0"/>
                        <a:cs typeface="Arial" panose="020B0604020202020204" pitchFamily="34" charset="0"/>
                      </a:endParaRPr>
                    </a:p>
                  </a:txBody>
                  <a:tcPr>
                    <a:lnT w="38100" cmpd="sng">
                      <a:noFill/>
                    </a:lnT>
                    <a:lnB w="12700" cmpd="sng">
                      <a:noFill/>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GB" sz="2500" b="1" u="sng" kern="1200" dirty="0">
                          <a:solidFill>
                            <a:schemeClr val="accent2"/>
                          </a:solidFill>
                          <a:effectLst/>
                          <a:latin typeface="+mn-lt"/>
                          <a:ea typeface="+mn-ea"/>
                          <a:cs typeface="+mn-cs"/>
                          <a:hlinkClick r:id="rId2">
                            <a:extLst>
                              <a:ext uri="{A12FA001-AC4F-418D-AE19-62706E023703}">
                                <ahyp:hlinkClr xmlns:ahyp="http://schemas.microsoft.com/office/drawing/2018/hyperlinkcolor" xmlns="" val="tx"/>
                              </a:ext>
                            </a:extLst>
                          </a:hlinkClick>
                        </a:rPr>
                        <a:t>https://www.surveymonkey.com/r/3HC9Q6M</a:t>
                      </a:r>
                      <a:r>
                        <a:rPr lang="en-GB" sz="2500" b="1" kern="1200" dirty="0">
                          <a:solidFill>
                            <a:schemeClr val="accent2"/>
                          </a:solidFill>
                          <a:effectLst/>
                          <a:latin typeface="+mn-lt"/>
                          <a:ea typeface="+mn-ea"/>
                          <a:cs typeface="+mn-cs"/>
                        </a:rPr>
                        <a:t> </a:t>
                      </a:r>
                      <a:endParaRPr lang="en-ZA" sz="2500" b="1" kern="1200" dirty="0">
                        <a:solidFill>
                          <a:schemeClr val="accent2"/>
                        </a:solidFill>
                        <a:effectLst/>
                        <a:latin typeface="+mn-lt"/>
                        <a:ea typeface="+mn-ea"/>
                        <a:cs typeface="+mn-cs"/>
                      </a:endParaRPr>
                    </a:p>
                    <a:p>
                      <a:pPr marL="0" lvl="0" indent="0">
                        <a:buFont typeface="Arial" panose="020B0604020202020204" pitchFamily="34" charset="0"/>
                        <a:buNone/>
                      </a:pPr>
                      <a:endParaRPr lang="en-ZA" sz="2500" kern="1200" dirty="0">
                        <a:solidFill>
                          <a:schemeClr val="dk1"/>
                        </a:solidFill>
                        <a:effectLst/>
                        <a:latin typeface="+mn-lt"/>
                        <a:ea typeface="+mn-ea"/>
                        <a:cs typeface="+mn-cs"/>
                      </a:endParaRPr>
                    </a:p>
                    <a:p>
                      <a:pPr marL="0" lvl="0" indent="0">
                        <a:buFont typeface="Arial" panose="020B0604020202020204" pitchFamily="34" charset="0"/>
                        <a:buNone/>
                      </a:pPr>
                      <a:endParaRPr lang="en-ZA" sz="2500" kern="1200" dirty="0">
                        <a:solidFill>
                          <a:schemeClr val="dk1"/>
                        </a:solidFill>
                        <a:effectLst/>
                        <a:latin typeface="+mn-lt"/>
                        <a:ea typeface="+mn-ea"/>
                        <a:cs typeface="+mn-cs"/>
                      </a:endParaRPr>
                    </a:p>
                    <a:p>
                      <a:pPr marL="0" lvl="0" indent="0">
                        <a:buFont typeface="Arial" panose="020B0604020202020204" pitchFamily="34" charset="0"/>
                        <a:buNone/>
                      </a:pPr>
                      <a:r>
                        <a:rPr lang="es-VE" sz="2500" kern="1200" dirty="0" smtClean="0">
                          <a:solidFill>
                            <a:schemeClr val="dk1"/>
                          </a:solidFill>
                          <a:effectLst/>
                          <a:latin typeface="+mn-lt"/>
                          <a:ea typeface="+mn-ea"/>
                          <a:cs typeface="+mn-cs"/>
                        </a:rPr>
                        <a:t>Si no puedes ingresarlo en línea, encontrarás las plantillas más adelante y como archivo adjunto.</a:t>
                      </a:r>
                      <a:endParaRPr lang="en-ZA" sz="2500" kern="1200" dirty="0">
                        <a:solidFill>
                          <a:schemeClr val="dk1"/>
                        </a:solidFill>
                        <a:effectLst/>
                        <a:latin typeface="+mn-lt"/>
                        <a:ea typeface="+mn-ea"/>
                        <a:cs typeface="+mn-cs"/>
                      </a:endParaRPr>
                    </a:p>
                  </a:txBody>
                  <a:tcPr>
                    <a:lnT w="38100" cmpd="sng">
                      <a:noFill/>
                    </a:lnT>
                    <a:lnB w="12700" cmpd="sng">
                      <a:noFill/>
                    </a:lnB>
                    <a:solidFill>
                      <a:schemeClr val="bg1"/>
                    </a:solidFill>
                  </a:tcPr>
                </a:tc>
                <a:extLst>
                  <a:ext uri="{0D108BD9-81ED-4DB2-BD59-A6C34878D82A}">
                    <a16:rowId xmlns:a16="http://schemas.microsoft.com/office/drawing/2014/main" xmlns="" val="10005"/>
                  </a:ext>
                </a:extLst>
              </a:tr>
              <a:tr h="1718236">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s-VE" sz="2500" dirty="0" smtClean="0">
                          <a:latin typeface="Arial" panose="020B0604020202020204" pitchFamily="34" charset="0"/>
                          <a:cs typeface="Arial" panose="020B0604020202020204" pitchFamily="34" charset="0"/>
                        </a:rPr>
                        <a:t>Puedes enviarnos una copia por correo:</a:t>
                      </a:r>
                      <a:endParaRPr lang="en-US" sz="2500" dirty="0">
                        <a:latin typeface="Arial" panose="020B0604020202020204" pitchFamily="34" charset="0"/>
                        <a:cs typeface="Arial" panose="020B0604020202020204" pitchFamily="34" charset="0"/>
                      </a:endParaRPr>
                    </a:p>
                  </a:txBody>
                  <a:tcPr>
                    <a:lnT w="38100" cmpd="sng">
                      <a:noFill/>
                    </a:lnT>
                    <a:lnB w="12700" cmpd="sng">
                      <a:noFill/>
                    </a:lnB>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GB" sz="2500" b="0" kern="1200" dirty="0">
                          <a:solidFill>
                            <a:schemeClr val="accent2"/>
                          </a:solidFill>
                          <a:effectLst/>
                          <a:latin typeface="+mn-lt"/>
                          <a:ea typeface="+mn-ea"/>
                          <a:cs typeface="+mn-cs"/>
                          <a:hlinkClick r:id="rId3">
                            <a:extLst>
                              <a:ext uri="{A12FA001-AC4F-418D-AE19-62706E023703}">
                                <ahyp:hlinkClr xmlns:ahyp="http://schemas.microsoft.com/office/drawing/2018/hyperlinkcolor" xmlns="" val="tx"/>
                              </a:ext>
                            </a:extLst>
                          </a:hlinkClick>
                        </a:rPr>
                        <a:t>strategyteam@unaids.org</a:t>
                      </a:r>
                      <a:endParaRPr lang="en-ZA" sz="2500" b="0" kern="1200" dirty="0">
                        <a:solidFill>
                          <a:schemeClr val="accent2"/>
                        </a:solidFill>
                        <a:effectLst/>
                        <a:latin typeface="+mn-lt"/>
                        <a:ea typeface="+mn-ea"/>
                        <a:cs typeface="+mn-cs"/>
                      </a:endParaRPr>
                    </a:p>
                  </a:txBody>
                  <a:tcPr>
                    <a:lnT w="38100" cmpd="sng">
                      <a:noFill/>
                    </a:lnT>
                    <a:lnB w="12700" cmpd="sng">
                      <a:noFill/>
                    </a:lnB>
                    <a:solidFill>
                      <a:schemeClr val="bg1">
                        <a:lumMod val="85000"/>
                      </a:schemeClr>
                    </a:solidFill>
                  </a:tcPr>
                </a:tc>
                <a:extLst>
                  <a:ext uri="{0D108BD9-81ED-4DB2-BD59-A6C34878D82A}">
                    <a16:rowId xmlns:a16="http://schemas.microsoft.com/office/drawing/2014/main" xmlns="" val="3802084437"/>
                  </a:ext>
                </a:extLst>
              </a:tr>
            </a:tbl>
          </a:graphicData>
        </a:graphic>
      </p:graphicFrame>
    </p:spTree>
    <p:extLst>
      <p:ext uri="{BB962C8B-B14F-4D97-AF65-F5344CB8AC3E}">
        <p14:creationId xmlns:p14="http://schemas.microsoft.com/office/powerpoint/2010/main" val="3726337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1303685610"/>
              </p:ext>
            </p:extLst>
          </p:nvPr>
        </p:nvGraphicFramePr>
        <p:xfrm>
          <a:off x="0" y="-2"/>
          <a:ext cx="12192000" cy="6858000"/>
        </p:xfrm>
        <a:graphic>
          <a:graphicData uri="http://schemas.openxmlformats.org/drawingml/2006/table">
            <a:tbl>
              <a:tblPr firstRow="1" bandRow="1">
                <a:tableStyleId>{5C22544A-7EE6-4342-B048-85BDC9FD1C3A}</a:tableStyleId>
              </a:tblPr>
              <a:tblGrid>
                <a:gridCol w="4138047">
                  <a:extLst>
                    <a:ext uri="{9D8B030D-6E8A-4147-A177-3AD203B41FA5}">
                      <a16:colId xmlns:a16="http://schemas.microsoft.com/office/drawing/2014/main" xmlns="" val="20000"/>
                    </a:ext>
                  </a:extLst>
                </a:gridCol>
                <a:gridCol w="8053953">
                  <a:extLst>
                    <a:ext uri="{9D8B030D-6E8A-4147-A177-3AD203B41FA5}">
                      <a16:colId xmlns:a16="http://schemas.microsoft.com/office/drawing/2014/main" xmlns="" val="20001"/>
                    </a:ext>
                  </a:extLst>
                </a:gridCol>
              </a:tblGrid>
              <a:tr h="887347">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3000" i="0" dirty="0" smtClean="0">
                          <a:solidFill>
                            <a:schemeClr val="bg1"/>
                          </a:solidFill>
                        </a:rPr>
                        <a:t>Plantilla</a:t>
                      </a:r>
                      <a:r>
                        <a:rPr lang="en-US" sz="3000" i="0" baseline="0" dirty="0" smtClean="0">
                          <a:solidFill>
                            <a:schemeClr val="bg1"/>
                          </a:solidFill>
                        </a:rPr>
                        <a:t> de reporte</a:t>
                      </a:r>
                      <a:endParaRPr lang="en-US" sz="3000" i="0" dirty="0">
                        <a:solidFill>
                          <a:schemeClr val="bg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2"/>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xmlns="" val="10001"/>
                  </a:ext>
                </a:extLst>
              </a:tr>
              <a:tr h="2413511">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s-VE" sz="1800" dirty="0" smtClean="0">
                          <a:latin typeface="Arial" panose="020B0604020202020204" pitchFamily="34" charset="0"/>
                          <a:cs typeface="Arial" panose="020B0604020202020204" pitchFamily="34" charset="0"/>
                        </a:rPr>
                        <a:t>Sobre la discusión en el grupo de</a:t>
                      </a:r>
                      <a:r>
                        <a:rPr lang="es-VE" sz="1800" baseline="0" dirty="0" smtClean="0">
                          <a:latin typeface="Arial" panose="020B0604020202020204" pitchFamily="34" charset="0"/>
                          <a:cs typeface="Arial" panose="020B0604020202020204" pitchFamily="34" charset="0"/>
                        </a:rPr>
                        <a:t> enfoque</a:t>
                      </a:r>
                      <a:endParaRPr lang="en-US" sz="1800" dirty="0">
                        <a:latin typeface="Arial" panose="020B0604020202020204" pitchFamily="34" charset="0"/>
                        <a:cs typeface="Arial" panose="020B0604020202020204" pitchFamily="34" charset="0"/>
                      </a:endParaRPr>
                    </a:p>
                  </a:txBody>
                  <a:tcPr>
                    <a:lnT w="38100" cmpd="sng">
                      <a:noFill/>
                    </a:lnT>
                    <a:lnB w="12700" cmpd="sng">
                      <a:noFill/>
                    </a:lnB>
                    <a:solidFill>
                      <a:schemeClr val="bg1"/>
                    </a:solidFill>
                  </a:tcPr>
                </a:tc>
                <a:tc>
                  <a:txBody>
                    <a:bodyPr/>
                    <a:lstStyle/>
                    <a:p>
                      <a:r>
                        <a:rPr lang="es-VE" sz="1800" b="0" kern="1200" dirty="0" smtClean="0">
                          <a:solidFill>
                            <a:schemeClr val="dk1"/>
                          </a:solidFill>
                          <a:effectLst/>
                          <a:latin typeface="+mn-lt"/>
                          <a:ea typeface="+mn-ea"/>
                          <a:cs typeface="+mn-cs"/>
                        </a:rPr>
                        <a:t>Organización a la cabecera de la consulta</a:t>
                      </a:r>
                      <a:r>
                        <a:rPr lang="en-ZA" sz="1800" b="0" kern="1200" dirty="0" smtClean="0">
                          <a:solidFill>
                            <a:schemeClr val="dk1"/>
                          </a:solidFill>
                          <a:effectLst/>
                          <a:latin typeface="+mn-lt"/>
                          <a:ea typeface="+mn-ea"/>
                          <a:cs typeface="+mn-cs"/>
                        </a:rPr>
                        <a:t>:</a:t>
                      </a:r>
                      <a:endParaRPr lang="en-ZA" sz="1800" b="0" kern="1200" dirty="0">
                        <a:solidFill>
                          <a:schemeClr val="dk1"/>
                        </a:solidFill>
                        <a:effectLst/>
                        <a:latin typeface="+mn-lt"/>
                        <a:ea typeface="+mn-ea"/>
                        <a:cs typeface="+mn-cs"/>
                      </a:endParaRPr>
                    </a:p>
                    <a:p>
                      <a:endParaRPr lang="en-ZA" sz="1800" b="0" kern="1200" dirty="0" smtClean="0">
                        <a:solidFill>
                          <a:schemeClr val="dk1"/>
                        </a:solidFill>
                        <a:effectLst/>
                        <a:latin typeface="+mn-lt"/>
                        <a:ea typeface="+mn-ea"/>
                        <a:cs typeface="+mn-cs"/>
                      </a:endParaRPr>
                    </a:p>
                    <a:p>
                      <a:r>
                        <a:rPr lang="en-ZA" sz="1800" b="0" kern="1200" dirty="0" smtClean="0">
                          <a:solidFill>
                            <a:schemeClr val="dk1"/>
                          </a:solidFill>
                          <a:effectLst/>
                          <a:latin typeface="+mn-lt"/>
                          <a:ea typeface="+mn-ea"/>
                          <a:cs typeface="+mn-cs"/>
                        </a:rPr>
                        <a:t>Tema discutido:</a:t>
                      </a:r>
                    </a:p>
                    <a:p>
                      <a:endParaRPr lang="en-ZA" sz="1800" b="0" kern="1200" dirty="0" smtClean="0">
                        <a:solidFill>
                          <a:schemeClr val="dk1"/>
                        </a:solidFill>
                        <a:effectLst/>
                        <a:latin typeface="+mn-lt"/>
                        <a:ea typeface="+mn-ea"/>
                        <a:cs typeface="+mn-cs"/>
                      </a:endParaRPr>
                    </a:p>
                    <a:p>
                      <a:r>
                        <a:rPr lang="en-ZA" sz="1800" b="0" kern="1200" dirty="0" smtClean="0">
                          <a:solidFill>
                            <a:schemeClr val="dk1"/>
                          </a:solidFill>
                          <a:effectLst/>
                          <a:latin typeface="+mn-lt"/>
                          <a:ea typeface="+mn-ea"/>
                          <a:cs typeface="+mn-cs"/>
                        </a:rPr>
                        <a:t>Participantes (descripción general):</a:t>
                      </a:r>
                    </a:p>
                    <a:p>
                      <a:endParaRPr lang="en-ZA" sz="1800" b="0" kern="1200" dirty="0" smtClean="0">
                        <a:solidFill>
                          <a:schemeClr val="dk1"/>
                        </a:solidFill>
                        <a:effectLst/>
                        <a:latin typeface="+mn-lt"/>
                        <a:ea typeface="+mn-ea"/>
                        <a:cs typeface="+mn-cs"/>
                      </a:endParaRPr>
                    </a:p>
                    <a:p>
                      <a:r>
                        <a:rPr lang="en-ZA" sz="1800" b="0" kern="1200" dirty="0" smtClean="0">
                          <a:solidFill>
                            <a:schemeClr val="dk1"/>
                          </a:solidFill>
                          <a:effectLst/>
                          <a:latin typeface="+mn-lt"/>
                          <a:ea typeface="+mn-ea"/>
                          <a:cs typeface="+mn-cs"/>
                        </a:rPr>
                        <a:t>Foco geográfico (nacional, regional, global</a:t>
                      </a:r>
                      <a:r>
                        <a:rPr lang="en-ZA" sz="1800" b="0" kern="1200" dirty="0" smtClean="0">
                          <a:solidFill>
                            <a:schemeClr val="dk1"/>
                          </a:solidFill>
                          <a:effectLst/>
                          <a:latin typeface="+mn-lt"/>
                          <a:ea typeface="+mn-ea"/>
                          <a:cs typeface="+mn-cs"/>
                        </a:rPr>
                        <a:t>):</a:t>
                      </a:r>
                      <a:endParaRPr lang="en-ZA" sz="1800" b="0" kern="1200" dirty="0">
                        <a:solidFill>
                          <a:schemeClr val="dk1"/>
                        </a:solidFill>
                        <a:effectLst/>
                        <a:latin typeface="+mn-lt"/>
                        <a:ea typeface="+mn-ea"/>
                        <a:cs typeface="+mn-cs"/>
                      </a:endParaRPr>
                    </a:p>
                  </a:txBody>
                  <a:tcPr>
                    <a:lnT w="38100" cmpd="sng">
                      <a:noFill/>
                    </a:lnT>
                    <a:lnB w="12700" cmpd="sng">
                      <a:noFill/>
                    </a:lnB>
                    <a:solidFill>
                      <a:schemeClr val="bg1"/>
                    </a:solidFill>
                  </a:tcPr>
                </a:tc>
                <a:extLst>
                  <a:ext uri="{0D108BD9-81ED-4DB2-BD59-A6C34878D82A}">
                    <a16:rowId xmlns:a16="http://schemas.microsoft.com/office/drawing/2014/main" xmlns="" val="10005"/>
                  </a:ext>
                </a:extLst>
              </a:tr>
              <a:tr h="178245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s-VE" sz="1800" dirty="0" smtClean="0">
                          <a:latin typeface="Arial" panose="020B0604020202020204" pitchFamily="34" charset="0"/>
                          <a:cs typeface="Arial" panose="020B0604020202020204" pitchFamily="34" charset="0"/>
                        </a:rPr>
                        <a:t>Presentación del tema (puntos principales de la introducción)</a:t>
                      </a:r>
                      <a:endParaRPr lang="en-US" sz="1800" dirty="0">
                        <a:latin typeface="Arial" panose="020B0604020202020204" pitchFamily="34" charset="0"/>
                        <a:cs typeface="Arial" panose="020B0604020202020204" pitchFamily="34" charset="0"/>
                      </a:endParaRPr>
                    </a:p>
                  </a:txBody>
                  <a:tcPr>
                    <a:lnT w="38100" cmpd="sng">
                      <a:noFill/>
                    </a:lnT>
                    <a:lnB w="12700" cmpd="sng">
                      <a:noFill/>
                    </a:lnB>
                    <a:solidFill>
                      <a:schemeClr val="bg1">
                        <a:lumMod val="85000"/>
                      </a:schemeClr>
                    </a:solidFill>
                  </a:tcPr>
                </a:tc>
                <a:tc>
                  <a:txBody>
                    <a:bodyPr/>
                    <a:lstStyle/>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txBody>
                  <a:tcPr>
                    <a:lnT w="38100" cmpd="sng">
                      <a:noFill/>
                    </a:lnT>
                    <a:lnB w="12700" cmpd="sng">
                      <a:noFill/>
                    </a:lnB>
                    <a:solidFill>
                      <a:schemeClr val="bg1">
                        <a:lumMod val="85000"/>
                      </a:schemeClr>
                    </a:solidFill>
                  </a:tcPr>
                </a:tc>
                <a:extLst>
                  <a:ext uri="{0D108BD9-81ED-4DB2-BD59-A6C34878D82A}">
                    <a16:rowId xmlns:a16="http://schemas.microsoft.com/office/drawing/2014/main" xmlns="" val="3802084437"/>
                  </a:ext>
                </a:extLst>
              </a:tr>
              <a:tr h="1774692">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sz="2000" dirty="0">
                        <a:latin typeface="Arial" panose="020B0604020202020204" pitchFamily="34" charset="0"/>
                        <a:cs typeface="Arial" panose="020B0604020202020204" pitchFamily="34" charset="0"/>
                      </a:endParaRPr>
                    </a:p>
                  </a:txBody>
                  <a:tcPr>
                    <a:lnT w="38100" cmpd="sng">
                      <a:noFill/>
                    </a:lnT>
                    <a:lnB w="12700" cmpd="sng">
                      <a:noFill/>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ZA" sz="2000" b="0" kern="1200" dirty="0">
                        <a:solidFill>
                          <a:schemeClr val="dk1"/>
                        </a:solidFill>
                        <a:effectLst/>
                        <a:latin typeface="+mn-lt"/>
                        <a:ea typeface="+mn-ea"/>
                        <a:cs typeface="+mn-cs"/>
                      </a:endParaRPr>
                    </a:p>
                  </a:txBody>
                  <a:tcPr>
                    <a:lnT w="38100" cmpd="sng">
                      <a:noFill/>
                    </a:lnT>
                    <a:lnB w="12700" cmpd="sng">
                      <a:noFill/>
                    </a:lnB>
                    <a:solidFill>
                      <a:schemeClr val="bg1"/>
                    </a:solidFill>
                  </a:tcPr>
                </a:tc>
                <a:extLst>
                  <a:ext uri="{0D108BD9-81ED-4DB2-BD59-A6C34878D82A}">
                    <a16:rowId xmlns:a16="http://schemas.microsoft.com/office/drawing/2014/main" xmlns="" val="2889281821"/>
                  </a:ext>
                </a:extLst>
              </a:tr>
            </a:tbl>
          </a:graphicData>
        </a:graphic>
      </p:graphicFrame>
    </p:spTree>
    <p:extLst>
      <p:ext uri="{BB962C8B-B14F-4D97-AF65-F5344CB8AC3E}">
        <p14:creationId xmlns:p14="http://schemas.microsoft.com/office/powerpoint/2010/main" val="35645403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1656506669"/>
              </p:ext>
            </p:extLst>
          </p:nvPr>
        </p:nvGraphicFramePr>
        <p:xfrm>
          <a:off x="0" y="1"/>
          <a:ext cx="12192000" cy="6857999"/>
        </p:xfrm>
        <a:graphic>
          <a:graphicData uri="http://schemas.openxmlformats.org/drawingml/2006/table">
            <a:tbl>
              <a:tblPr firstRow="1" bandRow="1">
                <a:tableStyleId>{5C22544A-7EE6-4342-B048-85BDC9FD1C3A}</a:tableStyleId>
              </a:tblPr>
              <a:tblGrid>
                <a:gridCol w="4138047">
                  <a:extLst>
                    <a:ext uri="{9D8B030D-6E8A-4147-A177-3AD203B41FA5}">
                      <a16:colId xmlns:a16="http://schemas.microsoft.com/office/drawing/2014/main" xmlns="" val="20000"/>
                    </a:ext>
                  </a:extLst>
                </a:gridCol>
                <a:gridCol w="8053953">
                  <a:extLst>
                    <a:ext uri="{9D8B030D-6E8A-4147-A177-3AD203B41FA5}">
                      <a16:colId xmlns:a16="http://schemas.microsoft.com/office/drawing/2014/main" xmlns="" val="20001"/>
                    </a:ext>
                  </a:extLst>
                </a:gridCol>
              </a:tblGrid>
              <a:tr h="696662">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900" i="0" dirty="0" smtClean="0">
                          <a:solidFill>
                            <a:schemeClr val="bg1"/>
                          </a:solidFill>
                        </a:rPr>
                        <a:t>Plantilla</a:t>
                      </a:r>
                      <a:r>
                        <a:rPr lang="en-US" sz="2900" i="0" baseline="0" dirty="0" smtClean="0">
                          <a:solidFill>
                            <a:schemeClr val="bg1"/>
                          </a:solidFill>
                        </a:rPr>
                        <a:t> </a:t>
                      </a:r>
                      <a:r>
                        <a:rPr lang="en-US" sz="2900" i="0" baseline="0" dirty="0" smtClean="0">
                          <a:solidFill>
                            <a:schemeClr val="bg1"/>
                          </a:solidFill>
                        </a:rPr>
                        <a:t>de reporte</a:t>
                      </a:r>
                      <a:r>
                        <a:rPr lang="en-US" sz="2900" i="0" dirty="0" smtClean="0">
                          <a:solidFill>
                            <a:schemeClr val="bg1"/>
                          </a:solidFill>
                        </a:rPr>
                        <a:t>: Grupos</a:t>
                      </a:r>
                      <a:r>
                        <a:rPr lang="en-US" sz="2900" i="0" baseline="0" dirty="0" smtClean="0">
                          <a:solidFill>
                            <a:schemeClr val="bg1"/>
                          </a:solidFill>
                        </a:rPr>
                        <a:t> pequeños</a:t>
                      </a:r>
                      <a:r>
                        <a:rPr lang="en-US" sz="2900" i="0" dirty="0" smtClean="0">
                          <a:solidFill>
                            <a:schemeClr val="bg1"/>
                          </a:solidFill>
                        </a:rPr>
                        <a:t>,</a:t>
                      </a:r>
                      <a:r>
                        <a:rPr lang="en-US" sz="2900" i="0" baseline="0" dirty="0" smtClean="0">
                          <a:solidFill>
                            <a:schemeClr val="bg1"/>
                          </a:solidFill>
                        </a:rPr>
                        <a:t> llegar a los más necesitados</a:t>
                      </a:r>
                      <a:endParaRPr lang="en-US" sz="2900" i="0" dirty="0">
                        <a:solidFill>
                          <a:schemeClr val="bg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2"/>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xmlns="" val="10001"/>
                  </a:ext>
                </a:extLst>
              </a:tr>
              <a:tr h="1471364">
                <a:tc>
                  <a:txBody>
                    <a:bodyPr/>
                    <a:lstStyle/>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es-VE" sz="1800" kern="1000" dirty="0" smtClean="0">
                          <a:solidFill>
                            <a:schemeClr val="tx1"/>
                          </a:solidFill>
                          <a:effectLst/>
                          <a:latin typeface="+mn-lt"/>
                          <a:ea typeface="+mn-ea"/>
                          <a:cs typeface="+mn-cs"/>
                        </a:rPr>
                        <a:t>¿Cómo vemos la situación actual?</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dirty="0">
                        <a:latin typeface="Arial" panose="020B0604020202020204" pitchFamily="34" charset="0"/>
                        <a:cs typeface="Arial" panose="020B0604020202020204" pitchFamily="34" charset="0"/>
                      </a:endParaRPr>
                    </a:p>
                  </a:txBody>
                  <a:tcPr>
                    <a:lnT w="38100" cmpd="sng">
                      <a:noFill/>
                    </a:lnT>
                    <a:lnB w="12700" cmpd="sng">
                      <a:noFill/>
                    </a:lnB>
                    <a:solidFill>
                      <a:schemeClr val="bg1"/>
                    </a:solidFill>
                  </a:tcPr>
                </a:tc>
                <a:tc>
                  <a:txBody>
                    <a:bodyPr/>
                    <a:lstStyle/>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txBody>
                  <a:tcPr>
                    <a:lnT w="38100" cmpd="sng">
                      <a:noFill/>
                    </a:lnT>
                    <a:lnB w="12700" cmpd="sng">
                      <a:noFill/>
                    </a:lnB>
                    <a:solidFill>
                      <a:schemeClr val="bg1"/>
                    </a:solidFill>
                  </a:tcPr>
                </a:tc>
                <a:extLst>
                  <a:ext uri="{0D108BD9-81ED-4DB2-BD59-A6C34878D82A}">
                    <a16:rowId xmlns:a16="http://schemas.microsoft.com/office/drawing/2014/main" xmlns="" val="10005"/>
                  </a:ext>
                </a:extLst>
              </a:tr>
              <a:tr h="1471364">
                <a:tc>
                  <a:txBody>
                    <a:bodyPr/>
                    <a:lstStyle/>
                    <a:p>
                      <a:pPr marL="0" marR="0" lvl="0" indent="0" algn="l" defTabSz="914400" rtl="0" eaLnBrk="1" fontAlgn="auto" latinLnBrk="0" hangingPunct="1">
                        <a:lnSpc>
                          <a:spcPct val="107000"/>
                        </a:lnSpc>
                        <a:spcBef>
                          <a:spcPts val="600"/>
                        </a:spcBef>
                        <a:spcAft>
                          <a:spcPts val="800"/>
                        </a:spcAft>
                        <a:buClrTx/>
                        <a:buSzTx/>
                        <a:buFontTx/>
                        <a:buNone/>
                        <a:tabLst/>
                        <a:defRPr/>
                      </a:pPr>
                      <a:r>
                        <a:rPr lang="en-ZA" sz="1800" dirty="0" smtClean="0">
                          <a:effectLst/>
                          <a:latin typeface="+mj-lt"/>
                          <a:ea typeface="Calibri" panose="020F0502020204030204" pitchFamily="34" charset="0"/>
                          <a:cs typeface="Times New Roman" panose="02020603050405020304" pitchFamily="18" charset="0"/>
                        </a:rPr>
                        <a:t>¿Qué</a:t>
                      </a:r>
                      <a:r>
                        <a:rPr lang="en-ZA" sz="1800" baseline="0" dirty="0" smtClean="0">
                          <a:effectLst/>
                          <a:latin typeface="+mj-lt"/>
                          <a:ea typeface="Calibri" panose="020F0502020204030204" pitchFamily="34" charset="0"/>
                          <a:cs typeface="Times New Roman" panose="02020603050405020304" pitchFamily="18" charset="0"/>
                        </a:rPr>
                        <a:t> nos preocupa?</a:t>
                      </a:r>
                      <a:endParaRPr lang="en-ZA" sz="1800" dirty="0">
                        <a:effectLst/>
                        <a:latin typeface="+mj-lt"/>
                        <a:ea typeface="Calibri" panose="020F0502020204030204" pitchFamily="34" charset="0"/>
                        <a:cs typeface="Times New Roman" panose="02020603050405020304" pitchFamily="18" charset="0"/>
                      </a:endParaRPr>
                    </a:p>
                  </a:txBody>
                  <a:tcPr marL="68580" marR="68580" marT="0" marB="0">
                    <a:lnT w="38100" cmpd="sng">
                      <a:noFill/>
                    </a:lnT>
                    <a:lnB w="12700" cmpd="sng">
                      <a:noFill/>
                    </a:lnB>
                    <a:solidFill>
                      <a:schemeClr val="bg1">
                        <a:lumMod val="85000"/>
                      </a:schemeClr>
                    </a:solidFill>
                  </a:tcPr>
                </a:tc>
                <a:tc>
                  <a:txBody>
                    <a:bodyPr/>
                    <a:lstStyle/>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txBody>
                  <a:tcPr>
                    <a:lnT w="38100" cmpd="sng">
                      <a:noFill/>
                    </a:lnT>
                    <a:lnB w="12700" cmpd="sng">
                      <a:noFill/>
                    </a:lnB>
                    <a:solidFill>
                      <a:schemeClr val="bg1">
                        <a:lumMod val="85000"/>
                      </a:schemeClr>
                    </a:solidFill>
                  </a:tcPr>
                </a:tc>
                <a:extLst>
                  <a:ext uri="{0D108BD9-81ED-4DB2-BD59-A6C34878D82A}">
                    <a16:rowId xmlns:a16="http://schemas.microsoft.com/office/drawing/2014/main" xmlns="" val="3802084437"/>
                  </a:ext>
                </a:extLst>
              </a:tr>
              <a:tr h="147136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s-VE" sz="1800" kern="1000" dirty="0" smtClean="0">
                          <a:solidFill>
                            <a:schemeClr val="tx1"/>
                          </a:solidFill>
                          <a:effectLst/>
                          <a:latin typeface="+mn-lt"/>
                          <a:ea typeface="+mn-ea"/>
                          <a:cs typeface="+mn-cs"/>
                        </a:rPr>
                        <a:t>¿Qué nos da esperanza?</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800" dirty="0">
                        <a:latin typeface="Arial" panose="020B0604020202020204" pitchFamily="34" charset="0"/>
                        <a:cs typeface="Arial" panose="020B0604020202020204" pitchFamily="34" charset="0"/>
                      </a:endParaRPr>
                    </a:p>
                  </a:txBody>
                  <a:tcPr>
                    <a:lnT w="38100" cmpd="sng">
                      <a:noFill/>
                    </a:lnT>
                    <a:lnB w="12700" cmpd="sng">
                      <a:noFill/>
                    </a:lnB>
                    <a:solidFill>
                      <a:schemeClr val="bg1"/>
                    </a:solidFill>
                  </a:tcPr>
                </a:tc>
                <a:tc>
                  <a:txBody>
                    <a:bodyPr/>
                    <a:lstStyle/>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txBody>
                  <a:tcPr>
                    <a:lnT w="38100" cmpd="sng">
                      <a:noFill/>
                    </a:lnT>
                    <a:lnB w="12700" cmpd="sng">
                      <a:noFill/>
                    </a:lnB>
                    <a:solidFill>
                      <a:schemeClr val="bg1"/>
                    </a:solidFill>
                  </a:tcPr>
                </a:tc>
                <a:extLst>
                  <a:ext uri="{0D108BD9-81ED-4DB2-BD59-A6C34878D82A}">
                    <a16:rowId xmlns:a16="http://schemas.microsoft.com/office/drawing/2014/main" xmlns="" val="2889281821"/>
                  </a:ext>
                </a:extLst>
              </a:tr>
              <a:tr h="174724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s-VE" sz="1800" kern="1000" dirty="0" smtClean="0">
                          <a:solidFill>
                            <a:schemeClr val="tx1"/>
                          </a:solidFill>
                          <a:effectLst/>
                          <a:latin typeface="+mn-lt"/>
                          <a:ea typeface="+mn-ea"/>
                          <a:cs typeface="+mn-cs"/>
                        </a:rPr>
                        <a:t>¿Qué limita nuestra habilidad para alcanzar metas?</a:t>
                      </a:r>
                      <a:endParaRPr lang="en-US" sz="1800" kern="1000" dirty="0" smtClean="0">
                        <a:solidFill>
                          <a:schemeClr val="tx1"/>
                        </a:solidFill>
                        <a:effectLst/>
                        <a:latin typeface="+mn-lt"/>
                        <a:ea typeface="+mn-ea"/>
                        <a:cs typeface="+mn-cs"/>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en-US" sz="1800" dirty="0">
                        <a:latin typeface="Arial" panose="020B0604020202020204" pitchFamily="34" charset="0"/>
                        <a:cs typeface="Arial" panose="020B0604020202020204" pitchFamily="34" charset="0"/>
                      </a:endParaRPr>
                    </a:p>
                  </a:txBody>
                  <a:tcPr>
                    <a:lnT w="38100" cmpd="sng">
                      <a:noFill/>
                    </a:lnT>
                    <a:lnB w="12700" cmpd="sng">
                      <a:noFill/>
                    </a:lnB>
                    <a:solidFill>
                      <a:schemeClr val="bg1">
                        <a:lumMod val="85000"/>
                      </a:schemeClr>
                    </a:solidFill>
                  </a:tcPr>
                </a:tc>
                <a:tc>
                  <a:txBody>
                    <a:bodyPr/>
                    <a:lstStyle/>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ZA" sz="1800" b="0" kern="1200" dirty="0">
                        <a:solidFill>
                          <a:schemeClr val="dk1"/>
                        </a:solidFill>
                        <a:effectLst/>
                        <a:latin typeface="+mn-lt"/>
                        <a:ea typeface="+mn-ea"/>
                        <a:cs typeface="+mn-cs"/>
                      </a:endParaRPr>
                    </a:p>
                  </a:txBody>
                  <a:tcPr>
                    <a:lnT w="38100" cmpd="sng">
                      <a:noFill/>
                    </a:lnT>
                    <a:lnB w="12700" cmpd="sng">
                      <a:noFill/>
                    </a:lnB>
                    <a:solidFill>
                      <a:schemeClr val="bg1">
                        <a:lumMod val="85000"/>
                      </a:schemeClr>
                    </a:solidFill>
                  </a:tcPr>
                </a:tc>
                <a:extLst>
                  <a:ext uri="{0D108BD9-81ED-4DB2-BD59-A6C34878D82A}">
                    <a16:rowId xmlns:a16="http://schemas.microsoft.com/office/drawing/2014/main" xmlns="" val="56528888"/>
                  </a:ext>
                </a:extLst>
              </a:tr>
            </a:tbl>
          </a:graphicData>
        </a:graphic>
      </p:graphicFrame>
    </p:spTree>
    <p:extLst>
      <p:ext uri="{BB962C8B-B14F-4D97-AF65-F5344CB8AC3E}">
        <p14:creationId xmlns:p14="http://schemas.microsoft.com/office/powerpoint/2010/main" val="29331330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1123557234"/>
              </p:ext>
            </p:extLst>
          </p:nvPr>
        </p:nvGraphicFramePr>
        <p:xfrm>
          <a:off x="0" y="1"/>
          <a:ext cx="12192000" cy="6857998"/>
        </p:xfrm>
        <a:graphic>
          <a:graphicData uri="http://schemas.openxmlformats.org/drawingml/2006/table">
            <a:tbl>
              <a:tblPr firstRow="1" bandRow="1">
                <a:tableStyleId>{5C22544A-7EE6-4342-B048-85BDC9FD1C3A}</a:tableStyleId>
              </a:tblPr>
              <a:tblGrid>
                <a:gridCol w="4138047">
                  <a:extLst>
                    <a:ext uri="{9D8B030D-6E8A-4147-A177-3AD203B41FA5}">
                      <a16:colId xmlns:a16="http://schemas.microsoft.com/office/drawing/2014/main" xmlns="" val="20000"/>
                    </a:ext>
                  </a:extLst>
                </a:gridCol>
                <a:gridCol w="8053953">
                  <a:extLst>
                    <a:ext uri="{9D8B030D-6E8A-4147-A177-3AD203B41FA5}">
                      <a16:colId xmlns:a16="http://schemas.microsoft.com/office/drawing/2014/main" xmlns="" val="20001"/>
                    </a:ext>
                  </a:extLst>
                </a:gridCol>
              </a:tblGrid>
              <a:tr h="676578">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3000" i="0" dirty="0" smtClean="0">
                          <a:solidFill>
                            <a:schemeClr val="bg1"/>
                          </a:solidFill>
                        </a:rPr>
                        <a:t>Plantilla</a:t>
                      </a:r>
                      <a:r>
                        <a:rPr lang="en-US" sz="3000" i="0" baseline="0" dirty="0" smtClean="0">
                          <a:solidFill>
                            <a:schemeClr val="bg1"/>
                          </a:solidFill>
                        </a:rPr>
                        <a:t> de reporte</a:t>
                      </a:r>
                      <a:r>
                        <a:rPr lang="en-US" sz="3000" i="0" dirty="0" smtClean="0">
                          <a:solidFill>
                            <a:schemeClr val="bg1"/>
                          </a:solidFill>
                        </a:rPr>
                        <a:t>: Marco</a:t>
                      </a:r>
                      <a:r>
                        <a:rPr lang="en-US" sz="3000" i="0" baseline="0" dirty="0" smtClean="0">
                          <a:solidFill>
                            <a:schemeClr val="bg1"/>
                          </a:solidFill>
                        </a:rPr>
                        <a:t> contextual</a:t>
                      </a:r>
                      <a:endParaRPr lang="en-US" sz="3000" i="0" dirty="0">
                        <a:solidFill>
                          <a:schemeClr val="bg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2"/>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xmlns="" val="10001"/>
                  </a:ext>
                </a:extLst>
              </a:tr>
              <a:tr h="147616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s-VE" sz="1800" kern="1000" dirty="0" smtClean="0">
                          <a:solidFill>
                            <a:schemeClr val="tx1"/>
                          </a:solidFill>
                          <a:effectLst/>
                          <a:latin typeface="+mn-lt"/>
                          <a:ea typeface="+mn-ea"/>
                          <a:cs typeface="+mn-cs"/>
                        </a:rPr>
                        <a:t>¿Cómo vemos la situación actual?</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dirty="0">
                        <a:latin typeface="Arial" panose="020B0604020202020204" pitchFamily="34" charset="0"/>
                        <a:cs typeface="Arial" panose="020B0604020202020204" pitchFamily="34" charset="0"/>
                      </a:endParaRPr>
                    </a:p>
                  </a:txBody>
                  <a:tcPr>
                    <a:lnT w="38100" cmpd="sng">
                      <a:noFill/>
                    </a:lnT>
                    <a:lnB w="12700" cmpd="sng">
                      <a:noFill/>
                    </a:lnB>
                    <a:solidFill>
                      <a:schemeClr val="bg1"/>
                    </a:solidFill>
                  </a:tcPr>
                </a:tc>
                <a:tc>
                  <a:txBody>
                    <a:bodyPr/>
                    <a:lstStyle/>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txBody>
                  <a:tcPr>
                    <a:lnT w="38100" cmpd="sng">
                      <a:noFill/>
                    </a:lnT>
                    <a:lnB w="12700" cmpd="sng">
                      <a:noFill/>
                    </a:lnB>
                    <a:solidFill>
                      <a:schemeClr val="bg1"/>
                    </a:solidFill>
                  </a:tcPr>
                </a:tc>
                <a:extLst>
                  <a:ext uri="{0D108BD9-81ED-4DB2-BD59-A6C34878D82A}">
                    <a16:rowId xmlns:a16="http://schemas.microsoft.com/office/drawing/2014/main" xmlns="" val="10005"/>
                  </a:ext>
                </a:extLst>
              </a:tr>
              <a:tr h="1476160">
                <a:tc>
                  <a:txBody>
                    <a:bodyPr/>
                    <a:lstStyle/>
                    <a:p>
                      <a:pPr marL="0" marR="0" lvl="0" indent="0" algn="l" defTabSz="914400" rtl="0" eaLnBrk="1" fontAlgn="auto" latinLnBrk="0" hangingPunct="1">
                        <a:lnSpc>
                          <a:spcPct val="107000"/>
                        </a:lnSpc>
                        <a:spcBef>
                          <a:spcPts val="600"/>
                        </a:spcBef>
                        <a:spcAft>
                          <a:spcPts val="800"/>
                        </a:spcAft>
                        <a:buClrTx/>
                        <a:buSzTx/>
                        <a:buFontTx/>
                        <a:buNone/>
                        <a:tabLst/>
                        <a:defRPr/>
                      </a:pPr>
                      <a:r>
                        <a:rPr lang="en-ZA" sz="1800" kern="1200" dirty="0" smtClean="0">
                          <a:solidFill>
                            <a:schemeClr val="dk1"/>
                          </a:solidFill>
                          <a:effectLst/>
                          <a:latin typeface="+mn-lt"/>
                          <a:ea typeface="Calibri" panose="020F0502020204030204" pitchFamily="34" charset="0"/>
                          <a:cs typeface="Times New Roman" panose="02020603050405020304" pitchFamily="18" charset="0"/>
                        </a:rPr>
                        <a:t>¿Qué</a:t>
                      </a:r>
                      <a:r>
                        <a:rPr lang="en-ZA" sz="1800" kern="1200" baseline="0" dirty="0" smtClean="0">
                          <a:solidFill>
                            <a:schemeClr val="dk1"/>
                          </a:solidFill>
                          <a:effectLst/>
                          <a:latin typeface="+mn-lt"/>
                          <a:ea typeface="Calibri" panose="020F0502020204030204" pitchFamily="34" charset="0"/>
                          <a:cs typeface="Times New Roman" panose="02020603050405020304" pitchFamily="18" charset="0"/>
                        </a:rPr>
                        <a:t> nos preocupa?</a:t>
                      </a:r>
                      <a:endParaRPr lang="en-ZA" sz="1800" kern="1200" dirty="0" smtClean="0">
                        <a:solidFill>
                          <a:schemeClr val="dk1"/>
                        </a:solidFill>
                        <a:effectLst/>
                        <a:latin typeface="+mn-lt"/>
                        <a:ea typeface="Calibri" panose="020F0502020204030204" pitchFamily="34" charset="0"/>
                        <a:cs typeface="Times New Roman" panose="02020603050405020304" pitchFamily="18" charset="0"/>
                      </a:endParaRPr>
                    </a:p>
                    <a:p>
                      <a:pPr>
                        <a:lnSpc>
                          <a:spcPct val="107000"/>
                        </a:lnSpc>
                        <a:spcBef>
                          <a:spcPts val="600"/>
                        </a:spcBef>
                        <a:spcAft>
                          <a:spcPts val="800"/>
                        </a:spcAft>
                      </a:pPr>
                      <a:endParaRPr lang="en-ZA" sz="18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T w="38100" cmpd="sng">
                      <a:noFill/>
                    </a:lnT>
                    <a:lnB w="12700" cmpd="sng">
                      <a:noFill/>
                    </a:lnB>
                    <a:solidFill>
                      <a:schemeClr val="bg1">
                        <a:lumMod val="85000"/>
                      </a:schemeClr>
                    </a:solidFill>
                  </a:tcPr>
                </a:tc>
                <a:tc>
                  <a:txBody>
                    <a:bodyPr/>
                    <a:lstStyle/>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txBody>
                  <a:tcPr>
                    <a:lnT w="38100" cmpd="sng">
                      <a:noFill/>
                    </a:lnT>
                    <a:lnB w="12700" cmpd="sng">
                      <a:noFill/>
                    </a:lnB>
                    <a:solidFill>
                      <a:schemeClr val="bg1">
                        <a:lumMod val="85000"/>
                      </a:schemeClr>
                    </a:solidFill>
                  </a:tcPr>
                </a:tc>
                <a:extLst>
                  <a:ext uri="{0D108BD9-81ED-4DB2-BD59-A6C34878D82A}">
                    <a16:rowId xmlns:a16="http://schemas.microsoft.com/office/drawing/2014/main" xmlns="" val="3802084437"/>
                  </a:ext>
                </a:extLst>
              </a:tr>
              <a:tr h="147616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s-VE" sz="1800" kern="1000" dirty="0" smtClean="0">
                          <a:solidFill>
                            <a:schemeClr val="tx1"/>
                          </a:solidFill>
                          <a:effectLst/>
                          <a:latin typeface="+mn-lt"/>
                          <a:ea typeface="+mn-ea"/>
                          <a:cs typeface="+mn-cs"/>
                        </a:rPr>
                        <a:t>¿Qué nos da esperanza?</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800" dirty="0">
                        <a:latin typeface="Arial" panose="020B0604020202020204" pitchFamily="34" charset="0"/>
                        <a:cs typeface="Arial" panose="020B0604020202020204" pitchFamily="34" charset="0"/>
                      </a:endParaRPr>
                    </a:p>
                  </a:txBody>
                  <a:tcPr>
                    <a:lnT w="38100" cmpd="sng">
                      <a:noFill/>
                    </a:lnT>
                    <a:lnB w="12700" cmpd="sng">
                      <a:noFill/>
                    </a:lnB>
                    <a:solidFill>
                      <a:schemeClr val="bg1"/>
                    </a:solidFill>
                  </a:tcPr>
                </a:tc>
                <a:tc>
                  <a:txBody>
                    <a:bodyPr/>
                    <a:lstStyle/>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txBody>
                  <a:tcPr>
                    <a:lnT w="38100" cmpd="sng">
                      <a:noFill/>
                    </a:lnT>
                    <a:lnB w="12700" cmpd="sng">
                      <a:noFill/>
                    </a:lnB>
                    <a:solidFill>
                      <a:schemeClr val="bg1"/>
                    </a:solidFill>
                  </a:tcPr>
                </a:tc>
                <a:extLst>
                  <a:ext uri="{0D108BD9-81ED-4DB2-BD59-A6C34878D82A}">
                    <a16:rowId xmlns:a16="http://schemas.microsoft.com/office/drawing/2014/main" xmlns="" val="2889281821"/>
                  </a:ext>
                </a:extLst>
              </a:tr>
              <a:tr h="175294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s-VE" sz="1800" kern="1000" dirty="0" smtClean="0">
                          <a:solidFill>
                            <a:schemeClr val="tx1"/>
                          </a:solidFill>
                          <a:effectLst/>
                          <a:latin typeface="+mn-lt"/>
                          <a:ea typeface="+mn-ea"/>
                          <a:cs typeface="+mn-cs"/>
                        </a:rPr>
                        <a:t>¿Qué limita nuestra habilidad para alcanzar metas?</a:t>
                      </a:r>
                      <a:endParaRPr lang="en-US" sz="1800" kern="1000" dirty="0" smtClean="0">
                        <a:solidFill>
                          <a:schemeClr val="tx1"/>
                        </a:solidFill>
                        <a:effectLst/>
                        <a:latin typeface="+mn-lt"/>
                        <a:ea typeface="+mn-ea"/>
                        <a:cs typeface="+mn-cs"/>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en-US" sz="1800" dirty="0">
                        <a:latin typeface="Arial" panose="020B0604020202020204" pitchFamily="34" charset="0"/>
                        <a:cs typeface="Arial" panose="020B0604020202020204" pitchFamily="34" charset="0"/>
                      </a:endParaRPr>
                    </a:p>
                  </a:txBody>
                  <a:tcPr>
                    <a:lnT w="38100" cmpd="sng">
                      <a:noFill/>
                    </a:lnT>
                    <a:lnB w="12700" cmpd="sng">
                      <a:noFill/>
                    </a:lnB>
                    <a:solidFill>
                      <a:schemeClr val="bg1">
                        <a:lumMod val="85000"/>
                      </a:schemeClr>
                    </a:solidFill>
                  </a:tcPr>
                </a:tc>
                <a:tc>
                  <a:txBody>
                    <a:bodyPr/>
                    <a:lstStyle/>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ZA" sz="1800" b="0" kern="1200" dirty="0">
                        <a:solidFill>
                          <a:schemeClr val="dk1"/>
                        </a:solidFill>
                        <a:effectLst/>
                        <a:latin typeface="+mn-lt"/>
                        <a:ea typeface="+mn-ea"/>
                        <a:cs typeface="+mn-cs"/>
                      </a:endParaRPr>
                    </a:p>
                  </a:txBody>
                  <a:tcPr>
                    <a:lnT w="38100" cmpd="sng">
                      <a:noFill/>
                    </a:lnT>
                    <a:lnB w="12700" cmpd="sng">
                      <a:noFill/>
                    </a:lnB>
                    <a:solidFill>
                      <a:schemeClr val="bg1">
                        <a:lumMod val="85000"/>
                      </a:schemeClr>
                    </a:solidFill>
                  </a:tcPr>
                </a:tc>
                <a:extLst>
                  <a:ext uri="{0D108BD9-81ED-4DB2-BD59-A6C34878D82A}">
                    <a16:rowId xmlns:a16="http://schemas.microsoft.com/office/drawing/2014/main" xmlns="" val="56528888"/>
                  </a:ext>
                </a:extLst>
              </a:tr>
            </a:tbl>
          </a:graphicData>
        </a:graphic>
      </p:graphicFrame>
    </p:spTree>
    <p:extLst>
      <p:ext uri="{BB962C8B-B14F-4D97-AF65-F5344CB8AC3E}">
        <p14:creationId xmlns:p14="http://schemas.microsoft.com/office/powerpoint/2010/main" val="37942127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1377372281"/>
              </p:ext>
            </p:extLst>
          </p:nvPr>
        </p:nvGraphicFramePr>
        <p:xfrm>
          <a:off x="0" y="1"/>
          <a:ext cx="12192000" cy="7272863"/>
        </p:xfrm>
        <a:graphic>
          <a:graphicData uri="http://schemas.openxmlformats.org/drawingml/2006/table">
            <a:tbl>
              <a:tblPr firstRow="1" bandRow="1">
                <a:tableStyleId>{5C22544A-7EE6-4342-B048-85BDC9FD1C3A}</a:tableStyleId>
              </a:tblPr>
              <a:tblGrid>
                <a:gridCol w="4138047">
                  <a:extLst>
                    <a:ext uri="{9D8B030D-6E8A-4147-A177-3AD203B41FA5}">
                      <a16:colId xmlns:a16="http://schemas.microsoft.com/office/drawing/2014/main" xmlns="" val="20000"/>
                    </a:ext>
                  </a:extLst>
                </a:gridCol>
                <a:gridCol w="8053953">
                  <a:extLst>
                    <a:ext uri="{9D8B030D-6E8A-4147-A177-3AD203B41FA5}">
                      <a16:colId xmlns:a16="http://schemas.microsoft.com/office/drawing/2014/main" xmlns="" val="20001"/>
                    </a:ext>
                  </a:extLst>
                </a:gridCol>
              </a:tblGrid>
              <a:tr h="651937">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3200" i="0" dirty="0" smtClean="0">
                          <a:solidFill>
                            <a:schemeClr val="bg1"/>
                          </a:solidFill>
                        </a:rPr>
                        <a:t>Plantilla</a:t>
                      </a:r>
                      <a:r>
                        <a:rPr lang="en-US" sz="3200" i="0" baseline="0" dirty="0" smtClean="0">
                          <a:solidFill>
                            <a:schemeClr val="bg1"/>
                          </a:solidFill>
                        </a:rPr>
                        <a:t> </a:t>
                      </a:r>
                      <a:r>
                        <a:rPr lang="en-US" sz="3200" i="0" baseline="0" dirty="0" smtClean="0">
                          <a:solidFill>
                            <a:schemeClr val="bg1"/>
                          </a:solidFill>
                        </a:rPr>
                        <a:t>de reporte</a:t>
                      </a:r>
                      <a:r>
                        <a:rPr lang="en-US" sz="3200" i="0" dirty="0" smtClean="0">
                          <a:solidFill>
                            <a:schemeClr val="bg1"/>
                          </a:solidFill>
                        </a:rPr>
                        <a:t>: Grupos</a:t>
                      </a:r>
                      <a:r>
                        <a:rPr lang="en-US" sz="3200" i="0" baseline="0" dirty="0" smtClean="0">
                          <a:solidFill>
                            <a:schemeClr val="bg1"/>
                          </a:solidFill>
                        </a:rPr>
                        <a:t> pequeños</a:t>
                      </a:r>
                      <a:r>
                        <a:rPr lang="en-US" sz="3200" i="0" dirty="0" smtClean="0">
                          <a:solidFill>
                            <a:schemeClr val="bg1"/>
                          </a:solidFill>
                        </a:rPr>
                        <a:t>,</a:t>
                      </a:r>
                      <a:r>
                        <a:rPr lang="en-US" sz="3200" i="0" baseline="0" dirty="0" smtClean="0">
                          <a:solidFill>
                            <a:schemeClr val="bg1"/>
                          </a:solidFill>
                        </a:rPr>
                        <a:t> llegar a los más necesitados</a:t>
                      </a:r>
                      <a:endParaRPr lang="en-US" sz="3200" i="0" dirty="0" smtClean="0">
                        <a:solidFill>
                          <a:schemeClr val="bg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2"/>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xmlns="" val="10001"/>
                  </a:ext>
                </a:extLst>
              </a:tr>
              <a:tr h="148204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s-VE" sz="1800" kern="1000" dirty="0" smtClean="0">
                          <a:solidFill>
                            <a:schemeClr val="tx1"/>
                          </a:solidFill>
                          <a:effectLst/>
                          <a:latin typeface="+mn-lt"/>
                          <a:ea typeface="+mn-ea"/>
                          <a:cs typeface="+mn-cs"/>
                        </a:rPr>
                        <a:t>¿Cómo vemos la situación actual?</a:t>
                      </a:r>
                    </a:p>
                    <a:p>
                      <a:pPr marL="0" marR="0" lvl="0" indent="0" algn="l" defTabSz="914400" rtl="0" eaLnBrk="1" fontAlgn="auto" latinLnBrk="0" hangingPunct="1">
                        <a:lnSpc>
                          <a:spcPct val="100000"/>
                        </a:lnSpc>
                        <a:spcBef>
                          <a:spcPts val="0"/>
                        </a:spcBef>
                        <a:spcAft>
                          <a:spcPts val="0"/>
                        </a:spcAft>
                        <a:buClrTx/>
                        <a:buSzTx/>
                        <a:buFontTx/>
                        <a:buNone/>
                        <a:tabLst/>
                        <a:defRPr/>
                      </a:pPr>
                      <a:r>
                        <a:rPr lang="en-ZA" sz="1800" dirty="0" smtClean="0">
                          <a:effectLst/>
                        </a:rPr>
                        <a:t> </a:t>
                      </a:r>
                      <a:endParaRPr lang="en-US" sz="1800" dirty="0">
                        <a:latin typeface="Arial" panose="020B0604020202020204" pitchFamily="34" charset="0"/>
                        <a:cs typeface="Arial" panose="020B0604020202020204" pitchFamily="34" charset="0"/>
                      </a:endParaRPr>
                    </a:p>
                  </a:txBody>
                  <a:tcPr>
                    <a:lnT w="38100" cmpd="sng">
                      <a:noFill/>
                    </a:lnT>
                    <a:lnB w="12700" cmpd="sng">
                      <a:noFill/>
                    </a:lnB>
                    <a:solidFill>
                      <a:schemeClr val="bg1"/>
                    </a:solidFill>
                  </a:tcPr>
                </a:tc>
                <a:tc>
                  <a:txBody>
                    <a:bodyPr/>
                    <a:lstStyle/>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txBody>
                  <a:tcPr>
                    <a:lnT w="38100" cmpd="sng">
                      <a:noFill/>
                    </a:lnT>
                    <a:lnB w="12700" cmpd="sng">
                      <a:noFill/>
                    </a:lnB>
                    <a:solidFill>
                      <a:schemeClr val="bg1"/>
                    </a:solidFill>
                  </a:tcPr>
                </a:tc>
                <a:extLst>
                  <a:ext uri="{0D108BD9-81ED-4DB2-BD59-A6C34878D82A}">
                    <a16:rowId xmlns:a16="http://schemas.microsoft.com/office/drawing/2014/main" xmlns="" val="10005"/>
                  </a:ext>
                </a:extLst>
              </a:tr>
              <a:tr h="1482045">
                <a:tc>
                  <a:txBody>
                    <a:bodyPr/>
                    <a:lstStyle/>
                    <a:p>
                      <a:pPr marL="0" marR="0" lvl="0" indent="0" algn="l" defTabSz="914400" rtl="0" eaLnBrk="1" fontAlgn="auto" latinLnBrk="0" hangingPunct="1">
                        <a:lnSpc>
                          <a:spcPct val="107000"/>
                        </a:lnSpc>
                        <a:spcBef>
                          <a:spcPts val="600"/>
                        </a:spcBef>
                        <a:spcAft>
                          <a:spcPts val="800"/>
                        </a:spcAft>
                        <a:buClrTx/>
                        <a:buSzTx/>
                        <a:buFontTx/>
                        <a:buNone/>
                        <a:tabLst/>
                        <a:defRPr/>
                      </a:pPr>
                      <a:r>
                        <a:rPr lang="en-ZA" sz="1800" kern="1200" dirty="0" smtClean="0">
                          <a:solidFill>
                            <a:schemeClr val="dk1"/>
                          </a:solidFill>
                          <a:effectLst/>
                          <a:latin typeface="+mn-lt"/>
                          <a:ea typeface="Calibri" panose="020F0502020204030204" pitchFamily="34" charset="0"/>
                          <a:cs typeface="Times New Roman" panose="02020603050405020304" pitchFamily="18" charset="0"/>
                        </a:rPr>
                        <a:t>¿Qué</a:t>
                      </a:r>
                      <a:r>
                        <a:rPr lang="en-ZA" sz="1800" kern="1200" baseline="0" dirty="0" smtClean="0">
                          <a:solidFill>
                            <a:schemeClr val="dk1"/>
                          </a:solidFill>
                          <a:effectLst/>
                          <a:latin typeface="+mn-lt"/>
                          <a:ea typeface="Calibri" panose="020F0502020204030204" pitchFamily="34" charset="0"/>
                          <a:cs typeface="Times New Roman" panose="02020603050405020304" pitchFamily="18" charset="0"/>
                        </a:rPr>
                        <a:t> nos preocupa?</a:t>
                      </a:r>
                      <a:endParaRPr lang="en-ZA" sz="1800" kern="1200" dirty="0" smtClean="0">
                        <a:solidFill>
                          <a:schemeClr val="dk1"/>
                        </a:solidFill>
                        <a:effectLst/>
                        <a:latin typeface="+mn-lt"/>
                        <a:ea typeface="Calibri" panose="020F0502020204030204" pitchFamily="34" charset="0"/>
                        <a:cs typeface="Times New Roman" panose="02020603050405020304" pitchFamily="18" charset="0"/>
                      </a:endParaRPr>
                    </a:p>
                    <a:p>
                      <a:pPr>
                        <a:lnSpc>
                          <a:spcPct val="107000"/>
                        </a:lnSpc>
                        <a:spcBef>
                          <a:spcPts val="600"/>
                        </a:spcBef>
                        <a:spcAft>
                          <a:spcPts val="800"/>
                        </a:spcAft>
                      </a:pPr>
                      <a:endParaRPr lang="en-ZA" sz="18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T w="38100" cmpd="sng">
                      <a:noFill/>
                    </a:lnT>
                    <a:lnB w="12700" cmpd="sng">
                      <a:noFill/>
                    </a:lnB>
                    <a:solidFill>
                      <a:schemeClr val="bg1">
                        <a:lumMod val="85000"/>
                      </a:schemeClr>
                    </a:solidFill>
                  </a:tcPr>
                </a:tc>
                <a:tc>
                  <a:txBody>
                    <a:bodyPr/>
                    <a:lstStyle/>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txBody>
                  <a:tcPr>
                    <a:lnT w="38100" cmpd="sng">
                      <a:noFill/>
                    </a:lnT>
                    <a:lnB w="12700" cmpd="sng">
                      <a:noFill/>
                    </a:lnB>
                    <a:solidFill>
                      <a:schemeClr val="bg1">
                        <a:lumMod val="85000"/>
                      </a:schemeClr>
                    </a:solidFill>
                  </a:tcPr>
                </a:tc>
                <a:extLst>
                  <a:ext uri="{0D108BD9-81ED-4DB2-BD59-A6C34878D82A}">
                    <a16:rowId xmlns:a16="http://schemas.microsoft.com/office/drawing/2014/main" xmlns="" val="3802084437"/>
                  </a:ext>
                </a:extLst>
              </a:tr>
              <a:tr h="148204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s-VE" sz="1800" kern="1000" dirty="0" smtClean="0">
                          <a:solidFill>
                            <a:schemeClr val="tx1"/>
                          </a:solidFill>
                          <a:effectLst/>
                          <a:latin typeface="+mn-lt"/>
                          <a:ea typeface="+mn-ea"/>
                          <a:cs typeface="+mn-cs"/>
                        </a:rPr>
                        <a:t>¿Qué nos da esperanza?</a:t>
                      </a:r>
                    </a:p>
                    <a:p>
                      <a:pPr marL="0" marR="0" indent="0" algn="l" defTabSz="914400" rtl="0" eaLnBrk="1" fontAlgn="auto" latinLnBrk="0" hangingPunct="1">
                        <a:lnSpc>
                          <a:spcPct val="100000"/>
                        </a:lnSpc>
                        <a:spcBef>
                          <a:spcPts val="0"/>
                        </a:spcBef>
                        <a:spcAft>
                          <a:spcPts val="0"/>
                        </a:spcAft>
                        <a:buClrTx/>
                        <a:buSzTx/>
                        <a:buFontTx/>
                        <a:buNone/>
                        <a:tabLst/>
                        <a:defRPr/>
                      </a:pPr>
                      <a:endParaRPr lang="en-US" sz="1800" dirty="0">
                        <a:latin typeface="Arial" panose="020B0604020202020204" pitchFamily="34" charset="0"/>
                        <a:cs typeface="Arial" panose="020B0604020202020204" pitchFamily="34" charset="0"/>
                      </a:endParaRPr>
                    </a:p>
                  </a:txBody>
                  <a:tcPr>
                    <a:lnT w="38100" cmpd="sng">
                      <a:noFill/>
                    </a:lnT>
                    <a:lnB w="12700" cmpd="sng">
                      <a:noFill/>
                    </a:lnB>
                    <a:solidFill>
                      <a:schemeClr val="bg1"/>
                    </a:solidFill>
                  </a:tcPr>
                </a:tc>
                <a:tc>
                  <a:txBody>
                    <a:bodyPr/>
                    <a:lstStyle/>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txBody>
                  <a:tcPr>
                    <a:lnT w="38100" cmpd="sng">
                      <a:noFill/>
                    </a:lnT>
                    <a:lnB w="12700" cmpd="sng">
                      <a:noFill/>
                    </a:lnB>
                    <a:solidFill>
                      <a:schemeClr val="bg1"/>
                    </a:solidFill>
                  </a:tcPr>
                </a:tc>
                <a:extLst>
                  <a:ext uri="{0D108BD9-81ED-4DB2-BD59-A6C34878D82A}">
                    <a16:rowId xmlns:a16="http://schemas.microsoft.com/office/drawing/2014/main" xmlns="" val="2889281821"/>
                  </a:ext>
                </a:extLst>
              </a:tr>
              <a:tr h="1759928">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s-VE" sz="1800" kern="1000" dirty="0" smtClean="0">
                          <a:solidFill>
                            <a:schemeClr val="tx1"/>
                          </a:solidFill>
                          <a:effectLst/>
                          <a:latin typeface="+mn-lt"/>
                          <a:ea typeface="+mn-ea"/>
                          <a:cs typeface="+mn-cs"/>
                        </a:rPr>
                        <a:t>¿Qué limita nuestra habilidad para alcanzar metas?</a:t>
                      </a:r>
                      <a:endParaRPr lang="en-US" sz="1800" kern="1000" dirty="0" smtClean="0">
                        <a:solidFill>
                          <a:schemeClr val="tx1"/>
                        </a:solidFill>
                        <a:effectLst/>
                        <a:latin typeface="+mn-lt"/>
                        <a:ea typeface="+mn-ea"/>
                        <a:cs typeface="+mn-cs"/>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en-US" sz="1800" dirty="0">
                        <a:latin typeface="Arial" panose="020B0604020202020204" pitchFamily="34" charset="0"/>
                        <a:cs typeface="Arial" panose="020B0604020202020204" pitchFamily="34" charset="0"/>
                      </a:endParaRPr>
                    </a:p>
                  </a:txBody>
                  <a:tcPr>
                    <a:lnT w="38100" cmpd="sng">
                      <a:noFill/>
                    </a:lnT>
                    <a:lnB w="12700" cmpd="sng">
                      <a:noFill/>
                    </a:lnB>
                    <a:solidFill>
                      <a:schemeClr val="bg1">
                        <a:lumMod val="85000"/>
                      </a:schemeClr>
                    </a:solidFill>
                  </a:tcPr>
                </a:tc>
                <a:tc>
                  <a:txBody>
                    <a:bodyPr/>
                    <a:lstStyle/>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ZA" sz="1800" b="0" kern="1200" dirty="0">
                        <a:solidFill>
                          <a:schemeClr val="dk1"/>
                        </a:solidFill>
                        <a:effectLst/>
                        <a:latin typeface="+mn-lt"/>
                        <a:ea typeface="+mn-ea"/>
                        <a:cs typeface="+mn-cs"/>
                      </a:endParaRPr>
                    </a:p>
                  </a:txBody>
                  <a:tcPr>
                    <a:lnT w="38100" cmpd="sng">
                      <a:noFill/>
                    </a:lnT>
                    <a:lnB w="12700" cmpd="sng">
                      <a:noFill/>
                    </a:lnB>
                    <a:solidFill>
                      <a:schemeClr val="bg1">
                        <a:lumMod val="85000"/>
                      </a:schemeClr>
                    </a:solidFill>
                  </a:tcPr>
                </a:tc>
                <a:extLst>
                  <a:ext uri="{0D108BD9-81ED-4DB2-BD59-A6C34878D82A}">
                    <a16:rowId xmlns:a16="http://schemas.microsoft.com/office/drawing/2014/main" xmlns="" val="56528888"/>
                  </a:ext>
                </a:extLst>
              </a:tr>
            </a:tbl>
          </a:graphicData>
        </a:graphic>
      </p:graphicFrame>
    </p:spTree>
    <p:extLst>
      <p:ext uri="{BB962C8B-B14F-4D97-AF65-F5344CB8AC3E}">
        <p14:creationId xmlns:p14="http://schemas.microsoft.com/office/powerpoint/2010/main" val="39566643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1369432622"/>
              </p:ext>
            </p:extLst>
          </p:nvPr>
        </p:nvGraphicFramePr>
        <p:xfrm>
          <a:off x="0" y="0"/>
          <a:ext cx="12192000" cy="6857999"/>
        </p:xfrm>
        <a:graphic>
          <a:graphicData uri="http://schemas.openxmlformats.org/drawingml/2006/table">
            <a:tbl>
              <a:tblPr firstRow="1" bandRow="1">
                <a:tableStyleId>{5C22544A-7EE6-4342-B048-85BDC9FD1C3A}</a:tableStyleId>
              </a:tblPr>
              <a:tblGrid>
                <a:gridCol w="4138047">
                  <a:extLst>
                    <a:ext uri="{9D8B030D-6E8A-4147-A177-3AD203B41FA5}">
                      <a16:colId xmlns:a16="http://schemas.microsoft.com/office/drawing/2014/main" xmlns="" val="20000"/>
                    </a:ext>
                  </a:extLst>
                </a:gridCol>
                <a:gridCol w="8053953">
                  <a:extLst>
                    <a:ext uri="{9D8B030D-6E8A-4147-A177-3AD203B41FA5}">
                      <a16:colId xmlns:a16="http://schemas.microsoft.com/office/drawing/2014/main" xmlns="" val="20001"/>
                    </a:ext>
                  </a:extLst>
                </a:gridCol>
              </a:tblGrid>
              <a:tr h="1245377">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3200" i="0" dirty="0" smtClean="0">
                          <a:solidFill>
                            <a:schemeClr val="bg1"/>
                          </a:solidFill>
                        </a:rPr>
                        <a:t>Plantilla</a:t>
                      </a:r>
                      <a:r>
                        <a:rPr lang="en-US" sz="3200" i="0" baseline="0" dirty="0" smtClean="0">
                          <a:solidFill>
                            <a:schemeClr val="bg1"/>
                          </a:solidFill>
                        </a:rPr>
                        <a:t> </a:t>
                      </a:r>
                      <a:r>
                        <a:rPr lang="en-US" sz="3200" i="0" baseline="0" dirty="0" smtClean="0">
                          <a:solidFill>
                            <a:schemeClr val="bg1"/>
                          </a:solidFill>
                        </a:rPr>
                        <a:t>de reporte</a:t>
                      </a:r>
                      <a:r>
                        <a:rPr lang="en-US" sz="3200" i="0" dirty="0" smtClean="0">
                          <a:solidFill>
                            <a:schemeClr val="bg1"/>
                          </a:solidFill>
                        </a:rPr>
                        <a:t>: Grupos</a:t>
                      </a:r>
                      <a:r>
                        <a:rPr lang="en-US" sz="3200" i="0" baseline="0" dirty="0" smtClean="0">
                          <a:solidFill>
                            <a:schemeClr val="bg1"/>
                          </a:solidFill>
                        </a:rPr>
                        <a:t> pequeños</a:t>
                      </a:r>
                      <a:r>
                        <a:rPr lang="en-US" sz="3200" i="0" dirty="0" smtClean="0">
                          <a:solidFill>
                            <a:schemeClr val="bg1"/>
                          </a:solidFill>
                        </a:rPr>
                        <a:t>,</a:t>
                      </a:r>
                      <a:r>
                        <a:rPr lang="en-US" sz="3200" i="0" baseline="0" dirty="0" smtClean="0">
                          <a:solidFill>
                            <a:schemeClr val="bg1"/>
                          </a:solidFill>
                        </a:rPr>
                        <a:t> patrones emergentes</a:t>
                      </a:r>
                      <a:endParaRPr lang="en-US" sz="3200" i="0" dirty="0" smtClean="0">
                        <a:solidFill>
                          <a:schemeClr val="bg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2"/>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xmlns="" val="10001"/>
                  </a:ext>
                </a:extLst>
              </a:tr>
              <a:tr h="3988948">
                <a:tc gridSpan="2">
                  <a:txBody>
                    <a:bodyPr/>
                    <a:lstStyle/>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txBody>
                  <a:tcPr>
                    <a:lnT w="38100" cmpd="sng">
                      <a:noFill/>
                    </a:lnT>
                    <a:lnB w="12700" cmpd="sng">
                      <a:noFill/>
                    </a:lnB>
                    <a:solidFill>
                      <a:schemeClr val="bg1"/>
                    </a:solidFill>
                  </a:tcPr>
                </a:tc>
                <a:tc hMerge="1">
                  <a:txBody>
                    <a:bodyPr/>
                    <a:lstStyle/>
                    <a:p>
                      <a:pPr marL="285750" indent="-285750">
                        <a:buFont typeface="Arial" panose="020B0604020202020204" pitchFamily="34" charset="0"/>
                        <a:buChar char="•"/>
                      </a:pPr>
                      <a:endParaRPr lang="en-ZA" sz="2000" kern="1200" dirty="0">
                        <a:solidFill>
                          <a:schemeClr val="dk1"/>
                        </a:solidFill>
                        <a:effectLst/>
                        <a:latin typeface="+mn-lt"/>
                        <a:ea typeface="+mn-ea"/>
                        <a:cs typeface="+mn-cs"/>
                      </a:endParaRPr>
                    </a:p>
                  </a:txBody>
                  <a:tcPr>
                    <a:lnT w="38100" cmpd="sng">
                      <a:noFill/>
                    </a:lnT>
                    <a:lnB w="12700" cmpd="sng">
                      <a:noFill/>
                    </a:lnB>
                    <a:solidFill>
                      <a:schemeClr val="bg1"/>
                    </a:solidFill>
                  </a:tcPr>
                </a:tc>
                <a:extLst>
                  <a:ext uri="{0D108BD9-81ED-4DB2-BD59-A6C34878D82A}">
                    <a16:rowId xmlns:a16="http://schemas.microsoft.com/office/drawing/2014/main" xmlns="" val="10005"/>
                  </a:ext>
                </a:extLst>
              </a:tr>
              <a:tr h="162367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sz="2000" dirty="0">
                        <a:latin typeface="Arial" panose="020B0604020202020204" pitchFamily="34" charset="0"/>
                        <a:cs typeface="Arial" panose="020B0604020202020204" pitchFamily="34" charset="0"/>
                      </a:endParaRPr>
                    </a:p>
                  </a:txBody>
                  <a:tcPr>
                    <a:lnT w="38100" cmpd="sng">
                      <a:noFill/>
                    </a:lnT>
                    <a:lnB w="12700" cmpd="sng">
                      <a:noFill/>
                    </a:lnB>
                    <a:solidFill>
                      <a:schemeClr val="bg1"/>
                    </a:solidFill>
                  </a:tcPr>
                </a:tc>
                <a:tc>
                  <a:txBody>
                    <a:bodyPr/>
                    <a:lstStyle/>
                    <a:p>
                      <a:pPr marL="285750" indent="-285750">
                        <a:buFont typeface="Arial" panose="020B0604020202020204" pitchFamily="34" charset="0"/>
                        <a:buChar char="•"/>
                      </a:pPr>
                      <a:endParaRPr lang="en-ZA" sz="2000" kern="1200" dirty="0">
                        <a:solidFill>
                          <a:schemeClr val="dk1"/>
                        </a:solidFill>
                        <a:effectLst/>
                        <a:latin typeface="+mn-lt"/>
                        <a:ea typeface="+mn-ea"/>
                        <a:cs typeface="+mn-cs"/>
                      </a:endParaRPr>
                    </a:p>
                  </a:txBody>
                  <a:tcPr>
                    <a:lnT w="38100" cmpd="sng">
                      <a:noFill/>
                    </a:lnT>
                    <a:lnB w="12700" cmpd="sng">
                      <a:noFill/>
                    </a:lnB>
                    <a:solidFill>
                      <a:schemeClr val="bg1"/>
                    </a:solidFill>
                  </a:tcPr>
                </a:tc>
                <a:extLst>
                  <a:ext uri="{0D108BD9-81ED-4DB2-BD59-A6C34878D82A}">
                    <a16:rowId xmlns:a16="http://schemas.microsoft.com/office/drawing/2014/main" xmlns="" val="1542537972"/>
                  </a:ext>
                </a:extLst>
              </a:tr>
            </a:tbl>
          </a:graphicData>
        </a:graphic>
      </p:graphicFrame>
    </p:spTree>
    <p:extLst>
      <p:ext uri="{BB962C8B-B14F-4D97-AF65-F5344CB8AC3E}">
        <p14:creationId xmlns:p14="http://schemas.microsoft.com/office/powerpoint/2010/main" val="40731324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1961679682"/>
              </p:ext>
            </p:extLst>
          </p:nvPr>
        </p:nvGraphicFramePr>
        <p:xfrm>
          <a:off x="0" y="1"/>
          <a:ext cx="12192000" cy="6858000"/>
        </p:xfrm>
        <a:graphic>
          <a:graphicData uri="http://schemas.openxmlformats.org/drawingml/2006/table">
            <a:tbl>
              <a:tblPr firstRow="1" bandRow="1">
                <a:tableStyleId>{5C22544A-7EE6-4342-B048-85BDC9FD1C3A}</a:tableStyleId>
              </a:tblPr>
              <a:tblGrid>
                <a:gridCol w="4138047">
                  <a:extLst>
                    <a:ext uri="{9D8B030D-6E8A-4147-A177-3AD203B41FA5}">
                      <a16:colId xmlns:a16="http://schemas.microsoft.com/office/drawing/2014/main" xmlns="" val="20000"/>
                    </a:ext>
                  </a:extLst>
                </a:gridCol>
                <a:gridCol w="8053953">
                  <a:extLst>
                    <a:ext uri="{9D8B030D-6E8A-4147-A177-3AD203B41FA5}">
                      <a16:colId xmlns:a16="http://schemas.microsoft.com/office/drawing/2014/main" xmlns="" val="20001"/>
                    </a:ext>
                  </a:extLst>
                </a:gridCol>
              </a:tblGrid>
              <a:tr h="737914">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3000" i="0" dirty="0" smtClean="0">
                          <a:solidFill>
                            <a:schemeClr val="bg1"/>
                          </a:solidFill>
                        </a:rPr>
                        <a:t>Plantilla</a:t>
                      </a:r>
                      <a:r>
                        <a:rPr lang="en-US" sz="3000" i="0" baseline="0" dirty="0" smtClean="0">
                          <a:solidFill>
                            <a:schemeClr val="bg1"/>
                          </a:solidFill>
                        </a:rPr>
                        <a:t> de reporte</a:t>
                      </a:r>
                      <a:r>
                        <a:rPr lang="en-US" sz="3000" i="0" dirty="0" smtClean="0">
                          <a:solidFill>
                            <a:schemeClr val="bg1"/>
                          </a:solidFill>
                        </a:rPr>
                        <a:t>:</a:t>
                      </a:r>
                      <a:r>
                        <a:rPr lang="en-US" sz="3000" i="0" baseline="0" dirty="0" smtClean="0">
                          <a:solidFill>
                            <a:schemeClr val="bg1"/>
                          </a:solidFill>
                        </a:rPr>
                        <a:t> Café Mundial</a:t>
                      </a:r>
                      <a:endParaRPr lang="en-US" sz="3000" i="0" dirty="0">
                        <a:solidFill>
                          <a:schemeClr val="bg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6"/>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xmlns="" val="10001"/>
                  </a:ext>
                </a:extLst>
              </a:tr>
              <a:tr h="1492357">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ZA" sz="1800" kern="1200" dirty="0" smtClean="0">
                          <a:solidFill>
                            <a:schemeClr val="dk1"/>
                          </a:solidFill>
                          <a:effectLst/>
                          <a:latin typeface="+mn-lt"/>
                          <a:ea typeface="+mn-ea"/>
                          <a:cs typeface="+mn-cs"/>
                        </a:rPr>
                        <a:t>CONTINUAR</a:t>
                      </a:r>
                      <a:endParaRPr lang="en-US" sz="1800" dirty="0">
                        <a:latin typeface="Arial" panose="020B0604020202020204" pitchFamily="34" charset="0"/>
                        <a:cs typeface="Arial" panose="020B0604020202020204" pitchFamily="34" charset="0"/>
                      </a:endParaRPr>
                    </a:p>
                  </a:txBody>
                  <a:tcPr>
                    <a:lnT w="38100" cmpd="sng">
                      <a:noFill/>
                    </a:lnT>
                    <a:lnB w="12700" cmpd="sng">
                      <a:noFill/>
                    </a:lnB>
                    <a:solidFill>
                      <a:schemeClr val="bg1"/>
                    </a:solidFill>
                  </a:tcPr>
                </a:tc>
                <a:tc>
                  <a:txBody>
                    <a:bodyPr/>
                    <a:lstStyle/>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txBody>
                  <a:tcPr>
                    <a:lnT w="38100" cmpd="sng">
                      <a:noFill/>
                    </a:lnT>
                    <a:lnB w="12700" cmpd="sng">
                      <a:noFill/>
                    </a:lnB>
                    <a:solidFill>
                      <a:schemeClr val="bg1"/>
                    </a:solidFill>
                  </a:tcPr>
                </a:tc>
                <a:extLst>
                  <a:ext uri="{0D108BD9-81ED-4DB2-BD59-A6C34878D82A}">
                    <a16:rowId xmlns:a16="http://schemas.microsoft.com/office/drawing/2014/main" xmlns="" val="10005"/>
                  </a:ext>
                </a:extLst>
              </a:tr>
              <a:tr h="1492357">
                <a:tc>
                  <a:txBody>
                    <a:bodyPr/>
                    <a:lstStyle/>
                    <a:p>
                      <a:pPr>
                        <a:lnSpc>
                          <a:spcPct val="107000"/>
                        </a:lnSpc>
                        <a:spcBef>
                          <a:spcPts val="600"/>
                        </a:spcBef>
                        <a:spcAft>
                          <a:spcPts val="800"/>
                        </a:spcAft>
                      </a:pPr>
                      <a:r>
                        <a:rPr lang="en-US" sz="1800" dirty="0" smtClean="0">
                          <a:effectLst/>
                          <a:latin typeface="Arial" panose="020B0604020202020204" pitchFamily="34" charset="0"/>
                          <a:ea typeface="Calibri" panose="020F0502020204030204" pitchFamily="34" charset="0"/>
                          <a:cs typeface="Times New Roman" panose="02020603050405020304" pitchFamily="18" charset="0"/>
                        </a:rPr>
                        <a:t>ELIMINAR</a:t>
                      </a:r>
                      <a:endParaRPr lang="en-ZA" sz="18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T w="38100" cmpd="sng">
                      <a:noFill/>
                    </a:lnT>
                    <a:lnB w="12700" cmpd="sng">
                      <a:noFill/>
                    </a:lnB>
                    <a:solidFill>
                      <a:schemeClr val="bg1">
                        <a:lumMod val="85000"/>
                      </a:schemeClr>
                    </a:solidFill>
                  </a:tcPr>
                </a:tc>
                <a:tc>
                  <a:txBody>
                    <a:bodyPr/>
                    <a:lstStyle/>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txBody>
                  <a:tcPr>
                    <a:lnT w="38100" cmpd="sng">
                      <a:noFill/>
                    </a:lnT>
                    <a:lnB w="12700" cmpd="sng">
                      <a:noFill/>
                    </a:lnB>
                    <a:solidFill>
                      <a:schemeClr val="bg1">
                        <a:lumMod val="85000"/>
                      </a:schemeClr>
                    </a:solidFill>
                  </a:tcPr>
                </a:tc>
                <a:extLst>
                  <a:ext uri="{0D108BD9-81ED-4DB2-BD59-A6C34878D82A}">
                    <a16:rowId xmlns:a16="http://schemas.microsoft.com/office/drawing/2014/main" xmlns="" val="3802084437"/>
                  </a:ext>
                </a:extLst>
              </a:tr>
              <a:tr h="1492357">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ZA" sz="1800" kern="1200" dirty="0" smtClean="0">
                          <a:solidFill>
                            <a:schemeClr val="dk1"/>
                          </a:solidFill>
                          <a:effectLst/>
                          <a:latin typeface="+mn-lt"/>
                          <a:ea typeface="+mn-ea"/>
                          <a:cs typeface="+mn-cs"/>
                        </a:rPr>
                        <a:t>COMENZAR</a:t>
                      </a:r>
                      <a:endParaRPr lang="en-US" sz="1800" dirty="0">
                        <a:latin typeface="Arial" panose="020B0604020202020204" pitchFamily="34" charset="0"/>
                        <a:cs typeface="Arial" panose="020B0604020202020204" pitchFamily="34" charset="0"/>
                      </a:endParaRPr>
                    </a:p>
                  </a:txBody>
                  <a:tcPr>
                    <a:lnT w="38100" cmpd="sng">
                      <a:noFill/>
                    </a:lnT>
                    <a:lnB w="12700" cmpd="sng">
                      <a:noFill/>
                    </a:lnB>
                    <a:solidFill>
                      <a:schemeClr val="bg1"/>
                    </a:solidFill>
                  </a:tcPr>
                </a:tc>
                <a:tc>
                  <a:txBody>
                    <a:bodyPr/>
                    <a:lstStyle/>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txBody>
                  <a:tcPr>
                    <a:lnT w="38100" cmpd="sng">
                      <a:noFill/>
                    </a:lnT>
                    <a:lnB w="12700" cmpd="sng">
                      <a:noFill/>
                    </a:lnB>
                    <a:solidFill>
                      <a:schemeClr val="bg1"/>
                    </a:solidFill>
                  </a:tcPr>
                </a:tc>
                <a:extLst>
                  <a:ext uri="{0D108BD9-81ED-4DB2-BD59-A6C34878D82A}">
                    <a16:rowId xmlns:a16="http://schemas.microsoft.com/office/drawing/2014/main" xmlns="" val="2889281821"/>
                  </a:ext>
                </a:extLst>
              </a:tr>
              <a:tr h="164301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i="0" dirty="0" smtClean="0">
                          <a:latin typeface="Arial" panose="020B0604020202020204" pitchFamily="34" charset="0"/>
                          <a:cs typeface="Arial" panose="020B0604020202020204" pitchFamily="34" charset="0"/>
                        </a:rPr>
                        <a:t>¿Cuál</a:t>
                      </a:r>
                      <a:r>
                        <a:rPr lang="en-US" sz="1800" i="0" baseline="0" dirty="0" smtClean="0">
                          <a:latin typeface="Arial" panose="020B0604020202020204" pitchFamily="34" charset="0"/>
                          <a:cs typeface="Arial" panose="020B0604020202020204" pitchFamily="34" charset="0"/>
                        </a:rPr>
                        <a:t> es la recomendación principal que debe ser sometida a </a:t>
                      </a:r>
                      <a:r>
                        <a:rPr lang="es-VE" sz="1800" i="0" baseline="0" noProof="0" dirty="0" smtClean="0">
                          <a:latin typeface="Arial" panose="020B0604020202020204" pitchFamily="34" charset="0"/>
                          <a:cs typeface="Arial" panose="020B0604020202020204" pitchFamily="34" charset="0"/>
                        </a:rPr>
                        <a:t>consideración</a:t>
                      </a:r>
                      <a:r>
                        <a:rPr lang="en-US" sz="1800" i="0" baseline="0" dirty="0" smtClean="0">
                          <a:latin typeface="Arial" panose="020B0604020202020204" pitchFamily="34" charset="0"/>
                          <a:cs typeface="Arial" panose="020B0604020202020204" pitchFamily="34" charset="0"/>
                        </a:rPr>
                        <a:t>?</a:t>
                      </a:r>
                      <a:endParaRPr lang="en-US" sz="1800" i="0" dirty="0">
                        <a:latin typeface="Arial" panose="020B0604020202020204" pitchFamily="34" charset="0"/>
                        <a:cs typeface="Arial" panose="020B0604020202020204" pitchFamily="34" charset="0"/>
                      </a:endParaRPr>
                    </a:p>
                  </a:txBody>
                  <a:tcPr>
                    <a:lnT w="38100" cmpd="sng">
                      <a:noFill/>
                    </a:lnT>
                    <a:lnB w="12700" cmpd="sng">
                      <a:noFill/>
                    </a:lnB>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ZA" sz="1800" b="0" kern="1200" dirty="0">
                        <a:solidFill>
                          <a:schemeClr val="dk1"/>
                        </a:solidFill>
                        <a:effectLst/>
                        <a:latin typeface="+mn-lt"/>
                        <a:ea typeface="+mn-ea"/>
                        <a:cs typeface="+mn-cs"/>
                      </a:endParaRPr>
                    </a:p>
                  </a:txBody>
                  <a:tcPr>
                    <a:lnT w="38100" cmpd="sng">
                      <a:noFill/>
                    </a:lnT>
                    <a:lnB w="12700" cmpd="sng">
                      <a:noFill/>
                    </a:lnB>
                    <a:solidFill>
                      <a:schemeClr val="bg1">
                        <a:lumMod val="85000"/>
                      </a:schemeClr>
                    </a:solidFill>
                  </a:tcPr>
                </a:tc>
                <a:extLst>
                  <a:ext uri="{0D108BD9-81ED-4DB2-BD59-A6C34878D82A}">
                    <a16:rowId xmlns:a16="http://schemas.microsoft.com/office/drawing/2014/main" xmlns="" val="56528888"/>
                  </a:ext>
                </a:extLst>
              </a:tr>
            </a:tbl>
          </a:graphicData>
        </a:graphic>
      </p:graphicFrame>
    </p:spTree>
    <p:extLst>
      <p:ext uri="{BB962C8B-B14F-4D97-AF65-F5344CB8AC3E}">
        <p14:creationId xmlns:p14="http://schemas.microsoft.com/office/powerpoint/2010/main" val="14116518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1369150793"/>
              </p:ext>
            </p:extLst>
          </p:nvPr>
        </p:nvGraphicFramePr>
        <p:xfrm>
          <a:off x="0" y="0"/>
          <a:ext cx="12192000" cy="6858000"/>
        </p:xfrm>
        <a:graphic>
          <a:graphicData uri="http://schemas.openxmlformats.org/drawingml/2006/table">
            <a:tbl>
              <a:tblPr firstRow="1" bandRow="1">
                <a:tableStyleId>{5C22544A-7EE6-4342-B048-85BDC9FD1C3A}</a:tableStyleId>
              </a:tblPr>
              <a:tblGrid>
                <a:gridCol w="4138047">
                  <a:extLst>
                    <a:ext uri="{9D8B030D-6E8A-4147-A177-3AD203B41FA5}">
                      <a16:colId xmlns:a16="http://schemas.microsoft.com/office/drawing/2014/main" xmlns="" val="20000"/>
                    </a:ext>
                  </a:extLst>
                </a:gridCol>
                <a:gridCol w="8053953">
                  <a:extLst>
                    <a:ext uri="{9D8B030D-6E8A-4147-A177-3AD203B41FA5}">
                      <a16:colId xmlns:a16="http://schemas.microsoft.com/office/drawing/2014/main" xmlns="" val="20001"/>
                    </a:ext>
                  </a:extLst>
                </a:gridCol>
              </a:tblGrid>
              <a:tr h="945860">
                <a:tc gridSpan="2">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s-VE" sz="2600" i="0" dirty="0" smtClean="0">
                          <a:solidFill>
                            <a:schemeClr val="bg1"/>
                          </a:solidFill>
                        </a:rPr>
                        <a:t>Un mensaje final para la Junta Coordinadora del Programa sobre la </a:t>
                      </a:r>
                      <a:r>
                        <a:rPr lang="es-VE" sz="2600" i="0" dirty="0" smtClean="0">
                          <a:solidFill>
                            <a:schemeClr val="bg1"/>
                          </a:solidFill>
                        </a:rPr>
                        <a:t>Estrategia</a:t>
                      </a:r>
                      <a:endParaRPr lang="en-US" sz="2600" i="0" dirty="0">
                        <a:solidFill>
                          <a:schemeClr val="bg1"/>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6"/>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3000" i="0" dirty="0">
                        <a:solidFill>
                          <a:srgbClr val="7030A0"/>
                        </a:solidFill>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xmlns="" val="10001"/>
                  </a:ext>
                </a:extLst>
              </a:tr>
              <a:tr h="2736275">
                <a:tc>
                  <a:txBody>
                    <a:bodyPr/>
                    <a:lstStyle/>
                    <a:p>
                      <a:r>
                        <a:rPr lang="es-VE" sz="1800" kern="1200" dirty="0" smtClean="0">
                          <a:solidFill>
                            <a:schemeClr val="dk1"/>
                          </a:solidFill>
                          <a:effectLst/>
                          <a:latin typeface="+mn-lt"/>
                          <a:ea typeface="+mn-ea"/>
                          <a:cs typeface="+mn-cs"/>
                        </a:rPr>
                        <a:t>Por favor, escribe un mensaje que te gustaría compartir con la JCP mientras</a:t>
                      </a:r>
                      <a:r>
                        <a:rPr lang="es-VE" sz="1800" kern="1200" baseline="0" dirty="0" smtClean="0">
                          <a:solidFill>
                            <a:schemeClr val="dk1"/>
                          </a:solidFill>
                          <a:effectLst/>
                          <a:latin typeface="+mn-lt"/>
                          <a:ea typeface="+mn-ea"/>
                          <a:cs typeface="+mn-cs"/>
                        </a:rPr>
                        <a:t> se</a:t>
                      </a:r>
                      <a:r>
                        <a:rPr lang="es-VE" sz="1800" kern="1200" dirty="0" smtClean="0">
                          <a:solidFill>
                            <a:schemeClr val="dk1"/>
                          </a:solidFill>
                          <a:effectLst/>
                          <a:latin typeface="+mn-lt"/>
                          <a:ea typeface="+mn-ea"/>
                          <a:cs typeface="+mn-cs"/>
                        </a:rPr>
                        <a:t> prepara para la siguiente estrategia: un componente no negociable que debe tener la Estrategia, un principio que pueda orientarla o el mayor cambio necesario de la próxima estrategia.</a:t>
                      </a:r>
                      <a:endParaRPr lang="en-ZA" sz="1800" kern="1200" dirty="0">
                        <a:solidFill>
                          <a:schemeClr val="dk1"/>
                        </a:solidFill>
                        <a:effectLst/>
                        <a:latin typeface="+mn-lt"/>
                        <a:ea typeface="+mn-ea"/>
                        <a:cs typeface="+mn-cs"/>
                      </a:endParaRPr>
                    </a:p>
                  </a:txBody>
                  <a:tcPr>
                    <a:lnT w="38100" cmpd="sng">
                      <a:noFill/>
                    </a:lnT>
                    <a:lnB w="12700" cmpd="sng">
                      <a:noFill/>
                    </a:lnB>
                    <a:solidFill>
                      <a:schemeClr val="bg1"/>
                    </a:solidFill>
                  </a:tcPr>
                </a:tc>
                <a:tc>
                  <a:txBody>
                    <a:bodyPr/>
                    <a:lstStyle/>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txBody>
                  <a:tcPr>
                    <a:lnT w="38100" cmpd="sng">
                      <a:noFill/>
                    </a:lnT>
                    <a:lnB w="12700" cmpd="sng">
                      <a:noFill/>
                    </a:lnB>
                    <a:solidFill>
                      <a:schemeClr val="bg1"/>
                    </a:solidFill>
                  </a:tcPr>
                </a:tc>
                <a:extLst>
                  <a:ext uri="{0D108BD9-81ED-4DB2-BD59-A6C34878D82A}">
                    <a16:rowId xmlns:a16="http://schemas.microsoft.com/office/drawing/2014/main" xmlns="" val="10005"/>
                  </a:ext>
                </a:extLst>
              </a:tr>
              <a:tr h="1327502">
                <a:tc gridSpan="2">
                  <a:txBody>
                    <a:bodyPr/>
                    <a:lstStyle/>
                    <a:p>
                      <a:pPr>
                        <a:lnSpc>
                          <a:spcPct val="107000"/>
                        </a:lnSpc>
                        <a:spcBef>
                          <a:spcPts val="600"/>
                        </a:spcBef>
                        <a:spcAft>
                          <a:spcPts val="800"/>
                        </a:spcAft>
                      </a:pPr>
                      <a:r>
                        <a:rPr lang="es-VE" sz="2600" b="1" dirty="0" smtClean="0">
                          <a:solidFill>
                            <a:schemeClr val="bg1"/>
                          </a:solidFill>
                          <a:effectLst/>
                          <a:latin typeface="Arial" panose="020B0604020202020204" pitchFamily="34" charset="0"/>
                          <a:ea typeface="Calibri" panose="020F0502020204030204" pitchFamily="34" charset="0"/>
                          <a:cs typeface="Times New Roman" panose="02020603050405020304" pitchFamily="18" charset="0"/>
                        </a:rPr>
                        <a:t>Documentos </a:t>
                      </a:r>
                      <a:r>
                        <a:rPr lang="es-VE" sz="2600" b="1" dirty="0" smtClean="0">
                          <a:solidFill>
                            <a:schemeClr val="bg1"/>
                          </a:solidFill>
                          <a:effectLst/>
                          <a:latin typeface="Arial" panose="020B0604020202020204" pitchFamily="34" charset="0"/>
                          <a:ea typeface="Calibri" panose="020F0502020204030204" pitchFamily="34" charset="0"/>
                          <a:cs typeface="Times New Roman" panose="02020603050405020304" pitchFamily="18" charset="0"/>
                        </a:rPr>
                        <a:t>adicionales o referencias que te gustaría compartir con nosotros</a:t>
                      </a:r>
                      <a:endParaRPr lang="en-ZA" sz="2600" b="1" i="0" kern="1200" dirty="0">
                        <a:solidFill>
                          <a:schemeClr val="bg1"/>
                        </a:solidFill>
                        <a:latin typeface="+mn-lt"/>
                        <a:ea typeface="+mn-ea"/>
                        <a:cs typeface="+mn-cs"/>
                      </a:endParaRPr>
                    </a:p>
                  </a:txBody>
                  <a:tcPr marL="68580" marR="68580" marT="0" marB="0">
                    <a:lnT w="38100" cmpd="sng">
                      <a:noFill/>
                    </a:lnT>
                    <a:lnB w="12700" cmpd="sng">
                      <a:noFill/>
                    </a:lnB>
                    <a:solidFill>
                      <a:schemeClr val="accent2"/>
                    </a:solidFill>
                  </a:tcPr>
                </a:tc>
                <a:tc hMerge="1">
                  <a:txBody>
                    <a:bodyPr/>
                    <a:lstStyle/>
                    <a:p>
                      <a:pPr marL="285750" indent="-285750">
                        <a:buFont typeface="Arial" panose="020B0604020202020204" pitchFamily="34" charset="0"/>
                        <a:buChar char="•"/>
                      </a:pPr>
                      <a:endParaRPr lang="en-ZA" sz="1800" kern="1200" dirty="0">
                        <a:solidFill>
                          <a:schemeClr val="dk1"/>
                        </a:solidFill>
                        <a:effectLst/>
                        <a:latin typeface="+mn-lt"/>
                        <a:ea typeface="+mn-ea"/>
                        <a:cs typeface="+mn-cs"/>
                      </a:endParaRPr>
                    </a:p>
                  </a:txBody>
                  <a:tcPr>
                    <a:lnT w="38100" cmpd="sng">
                      <a:noFill/>
                    </a:lnT>
                    <a:lnB w="12700" cmpd="sng">
                      <a:noFill/>
                    </a:lnB>
                    <a:solidFill>
                      <a:srgbClr val="7030A0"/>
                    </a:solidFill>
                  </a:tcPr>
                </a:tc>
                <a:extLst>
                  <a:ext uri="{0D108BD9-81ED-4DB2-BD59-A6C34878D82A}">
                    <a16:rowId xmlns:a16="http://schemas.microsoft.com/office/drawing/2014/main" xmlns="" val="3802084437"/>
                  </a:ext>
                </a:extLst>
              </a:tr>
              <a:tr h="1848363">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s-VE" sz="1800" dirty="0" smtClean="0">
                          <a:solidFill>
                            <a:schemeClr val="tx1"/>
                          </a:solidFill>
                          <a:latin typeface="Arial" panose="020B0604020202020204" pitchFamily="34" charset="0"/>
                          <a:cs typeface="Arial" panose="020B0604020202020204" pitchFamily="34" charset="0"/>
                        </a:rPr>
                        <a:t>Por favor, compártenos links. También puedes enviárnoslos por correo a </a:t>
                      </a:r>
                      <a:r>
                        <a:rPr lang="es-VE" sz="1800" dirty="0" smtClean="0">
                          <a:solidFill>
                            <a:schemeClr val="accent2"/>
                          </a:solidFill>
                          <a:latin typeface="Arial" panose="020B0604020202020204" pitchFamily="34" charset="0"/>
                          <a:cs typeface="Arial" panose="020B0604020202020204" pitchFamily="34" charset="0"/>
                          <a:hlinkClick r:id="rId2"/>
                        </a:rPr>
                        <a:t>strategyteam@unaids.org</a:t>
                      </a:r>
                      <a:endParaRPr lang="es-VE" sz="1800" dirty="0" smtClean="0">
                        <a:solidFill>
                          <a:schemeClr val="accent2"/>
                        </a:solidFill>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en-US" sz="1800" dirty="0">
                        <a:solidFill>
                          <a:schemeClr val="accent2"/>
                        </a:solidFill>
                        <a:latin typeface="Arial" panose="020B0604020202020204" pitchFamily="34" charset="0"/>
                        <a:cs typeface="Arial" panose="020B0604020202020204" pitchFamily="34" charset="0"/>
                      </a:endParaRPr>
                    </a:p>
                  </a:txBody>
                  <a:tcPr>
                    <a:lnT w="38100" cmpd="sng">
                      <a:noFill/>
                    </a:lnT>
                    <a:lnB w="12700" cmpd="sng">
                      <a:noFill/>
                    </a:lnB>
                    <a:solidFill>
                      <a:schemeClr val="bg1"/>
                    </a:solidFill>
                  </a:tcPr>
                </a:tc>
                <a:tc>
                  <a:txBody>
                    <a:bodyPr/>
                    <a:lstStyle/>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p>
                      <a:pPr marL="285750" indent="-285750">
                        <a:buFont typeface="Arial" panose="020B0604020202020204" pitchFamily="34" charset="0"/>
                        <a:buChar char="•"/>
                      </a:pPr>
                      <a:r>
                        <a:rPr lang="en-ZA" sz="1800" kern="1200" dirty="0">
                          <a:solidFill>
                            <a:schemeClr val="dk1"/>
                          </a:solidFill>
                          <a:effectLst/>
                          <a:latin typeface="+mn-lt"/>
                          <a:ea typeface="+mn-ea"/>
                          <a:cs typeface="+mn-cs"/>
                        </a:rPr>
                        <a:t>…</a:t>
                      </a:r>
                    </a:p>
                  </a:txBody>
                  <a:tcPr>
                    <a:lnT w="38100" cmpd="sng">
                      <a:noFill/>
                    </a:lnT>
                    <a:lnB w="12700" cmpd="sng">
                      <a:noFill/>
                    </a:lnB>
                    <a:solidFill>
                      <a:schemeClr val="bg1"/>
                    </a:solidFill>
                  </a:tcPr>
                </a:tc>
                <a:extLst>
                  <a:ext uri="{0D108BD9-81ED-4DB2-BD59-A6C34878D82A}">
                    <a16:rowId xmlns:a16="http://schemas.microsoft.com/office/drawing/2014/main" xmlns="" val="2889281821"/>
                  </a:ext>
                </a:extLst>
              </a:tr>
            </a:tbl>
          </a:graphicData>
        </a:graphic>
      </p:graphicFrame>
    </p:spTree>
    <p:extLst>
      <p:ext uri="{BB962C8B-B14F-4D97-AF65-F5344CB8AC3E}">
        <p14:creationId xmlns:p14="http://schemas.microsoft.com/office/powerpoint/2010/main" val="220782865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897797000"/>
              </p:ext>
            </p:extLst>
          </p:nvPr>
        </p:nvGraphicFramePr>
        <p:xfrm>
          <a:off x="0" y="0"/>
          <a:ext cx="12192000" cy="6857999"/>
        </p:xfrm>
        <a:graphic>
          <a:graphicData uri="http://schemas.openxmlformats.org/drawingml/2006/table">
            <a:tbl>
              <a:tblPr firstRow="1" bandRow="1">
                <a:tableStyleId>{5C22544A-7EE6-4342-B048-85BDC9FD1C3A}</a:tableStyleId>
              </a:tblPr>
              <a:tblGrid>
                <a:gridCol w="2603715">
                  <a:extLst>
                    <a:ext uri="{9D8B030D-6E8A-4147-A177-3AD203B41FA5}">
                      <a16:colId xmlns:a16="http://schemas.microsoft.com/office/drawing/2014/main" xmlns="" val="20000"/>
                    </a:ext>
                  </a:extLst>
                </a:gridCol>
                <a:gridCol w="9588285">
                  <a:extLst>
                    <a:ext uri="{9D8B030D-6E8A-4147-A177-3AD203B41FA5}">
                      <a16:colId xmlns:a16="http://schemas.microsoft.com/office/drawing/2014/main" xmlns="" val="1728916442"/>
                    </a:ext>
                  </a:extLst>
                </a:gridCol>
              </a:tblGrid>
              <a:tr h="1113248">
                <a:tc gridSpan="2">
                  <a:txBody>
                    <a:bodyPr/>
                    <a:lstStyle/>
                    <a:p>
                      <a:pPr algn="ctr">
                        <a:spcAft>
                          <a:spcPts val="0"/>
                        </a:spcAft>
                      </a:pPr>
                      <a:r>
                        <a:rPr lang="es-VE" sz="3200" b="1" dirty="0" smtClean="0">
                          <a:solidFill>
                            <a:schemeClr val="bg1"/>
                          </a:solidFill>
                          <a:latin typeface="Arial" panose="020B0604020202020204" pitchFamily="34" charset="0"/>
                          <a:ea typeface="Calibri" panose="020F0502020204030204" pitchFamily="34" charset="0"/>
                          <a:cs typeface="Times New Roman" panose="02020603050405020304" pitchFamily="18" charset="0"/>
                        </a:rPr>
                        <a:t>Discusiones </a:t>
                      </a:r>
                      <a:r>
                        <a:rPr lang="es-VE" sz="3200" b="1" dirty="0" smtClean="0">
                          <a:solidFill>
                            <a:schemeClr val="bg1"/>
                          </a:solidFill>
                          <a:latin typeface="Arial" panose="020B0604020202020204" pitchFamily="34" charset="0"/>
                          <a:ea typeface="Calibri" panose="020F0502020204030204" pitchFamily="34" charset="0"/>
                          <a:cs typeface="Times New Roman" panose="02020603050405020304" pitchFamily="18" charset="0"/>
                        </a:rPr>
                        <a:t>en </a:t>
                      </a:r>
                      <a:r>
                        <a:rPr lang="es-VE" sz="3200" b="1" dirty="0" smtClean="0">
                          <a:solidFill>
                            <a:schemeClr val="bg1"/>
                          </a:solidFill>
                          <a:latin typeface="Arial" panose="020B0604020202020204" pitchFamily="34" charset="0"/>
                          <a:ea typeface="Calibri" panose="020F0502020204030204" pitchFamily="34" charset="0"/>
                          <a:cs typeface="Times New Roman" panose="02020603050405020304" pitchFamily="18" charset="0"/>
                        </a:rPr>
                        <a:t>grupos focales (DGF)</a:t>
                      </a:r>
                      <a:r>
                        <a:rPr lang="en-ZA" sz="3200" b="1" dirty="0">
                          <a:solidFill>
                            <a:schemeClr val="bg1"/>
                          </a:solidFill>
                          <a:latin typeface="Arial" panose="020B0604020202020204" pitchFamily="34" charset="0"/>
                          <a:ea typeface="Calibri" panose="020F0502020204030204" pitchFamily="34" charset="0"/>
                          <a:cs typeface="Times New Roman" panose="02020603050405020304" pitchFamily="18" charset="0"/>
                        </a:rPr>
                        <a:t/>
                      </a:r>
                      <a:br>
                        <a:rPr lang="en-ZA" sz="3200" b="1" dirty="0">
                          <a:solidFill>
                            <a:schemeClr val="bg1"/>
                          </a:solidFill>
                          <a:latin typeface="Arial" panose="020B0604020202020204" pitchFamily="34" charset="0"/>
                          <a:ea typeface="Calibri" panose="020F0502020204030204" pitchFamily="34" charset="0"/>
                          <a:cs typeface="Times New Roman" panose="02020603050405020304" pitchFamily="18" charset="0"/>
                        </a:rPr>
                      </a:br>
                      <a:r>
                        <a:rPr lang="es-VE" sz="3200" b="1" dirty="0" smtClean="0">
                          <a:solidFill>
                            <a:schemeClr val="bg1"/>
                          </a:solidFill>
                          <a:latin typeface="Arial" panose="020B0604020202020204" pitchFamily="34" charset="0"/>
                          <a:ea typeface="Calibri" panose="020F0502020204030204" pitchFamily="34" charset="0"/>
                          <a:cs typeface="Times New Roman" panose="02020603050405020304" pitchFamily="18" charset="0"/>
                        </a:rPr>
                        <a:t>En búsqueda de la </a:t>
                      </a:r>
                      <a:r>
                        <a:rPr lang="es-VE" sz="3200" b="1" dirty="0" smtClean="0">
                          <a:solidFill>
                            <a:schemeClr val="bg1"/>
                          </a:solidFill>
                          <a:latin typeface="Arial" panose="020B0604020202020204" pitchFamily="34" charset="0"/>
                          <a:ea typeface="Calibri" panose="020F0502020204030204" pitchFamily="34" charset="0"/>
                          <a:cs typeface="Times New Roman" panose="02020603050405020304" pitchFamily="18" charset="0"/>
                        </a:rPr>
                        <a:t>diversidad </a:t>
                      </a:r>
                      <a:r>
                        <a:rPr lang="es-VE" sz="3200" b="1" dirty="0" smtClean="0">
                          <a:solidFill>
                            <a:schemeClr val="bg1"/>
                          </a:solidFill>
                          <a:latin typeface="Arial" panose="020B0604020202020204" pitchFamily="34" charset="0"/>
                          <a:ea typeface="Calibri" panose="020F0502020204030204" pitchFamily="34" charset="0"/>
                          <a:cs typeface="Times New Roman" panose="02020603050405020304" pitchFamily="18" charset="0"/>
                        </a:rPr>
                        <a:t>de voces y perspectivas</a:t>
                      </a:r>
                      <a:endParaRPr lang="en-US" sz="3000" b="1" kern="1200" dirty="0">
                        <a:solidFill>
                          <a:schemeClr val="bg1"/>
                        </a:solidFill>
                        <a:latin typeface="Arial" panose="020B0604020202020204" pitchFamily="34" charset="0"/>
                        <a:ea typeface="+mn-ea"/>
                        <a:cs typeface="Arial" panose="020B0604020202020204" pitchFamily="34" charset="0"/>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2"/>
                    </a:solidFill>
                  </a:tcPr>
                </a:tc>
                <a:tc hMerge="1">
                  <a:txBody>
                    <a:bodyPr/>
                    <a:lstStyle/>
                    <a:p>
                      <a:endParaRPr lang="en-US"/>
                    </a:p>
                  </a:txBody>
                  <a:tcPr/>
                </a:tc>
                <a:extLst>
                  <a:ext uri="{0D108BD9-81ED-4DB2-BD59-A6C34878D82A}">
                    <a16:rowId xmlns:a16="http://schemas.microsoft.com/office/drawing/2014/main" xmlns="" val="10001"/>
                  </a:ext>
                </a:extLst>
              </a:tr>
              <a:tr h="1010965">
                <a:tc rowSpan="5">
                  <a:txBody>
                    <a:bodyPr/>
                    <a:lstStyle/>
                    <a:p>
                      <a:pPr algn="ctr">
                        <a:lnSpc>
                          <a:spcPct val="120000"/>
                        </a:lnSpc>
                      </a:pPr>
                      <a:endParaRPr lang="en-ZA" sz="2300" b="1" dirty="0"/>
                    </a:p>
                    <a:p>
                      <a:pPr algn="ctr">
                        <a:lnSpc>
                          <a:spcPct val="120000"/>
                        </a:lnSpc>
                      </a:pPr>
                      <a:endParaRPr lang="en-ZA" sz="2300" b="1" dirty="0"/>
                    </a:p>
                    <a:p>
                      <a:pPr algn="ctr">
                        <a:lnSpc>
                          <a:spcPct val="120000"/>
                        </a:lnSpc>
                      </a:pPr>
                      <a:endParaRPr lang="en-ZA" sz="2300" b="1" dirty="0"/>
                    </a:p>
                    <a:p>
                      <a:pPr algn="ctr">
                        <a:lnSpc>
                          <a:spcPct val="120000"/>
                        </a:lnSpc>
                      </a:pPr>
                      <a:endParaRPr lang="en-ZA" sz="2300" b="1" dirty="0"/>
                    </a:p>
                    <a:p>
                      <a:pPr algn="ctr">
                        <a:lnSpc>
                          <a:spcPct val="120000"/>
                        </a:lnSpc>
                      </a:pPr>
                      <a:endParaRPr lang="en-ZA" sz="2300" b="1" dirty="0"/>
                    </a:p>
                    <a:p>
                      <a:pPr algn="ctr">
                        <a:lnSpc>
                          <a:spcPct val="120000"/>
                        </a:lnSpc>
                      </a:pPr>
                      <a:r>
                        <a:rPr lang="en-ZA" sz="2300" b="1" dirty="0" smtClean="0">
                          <a:latin typeface="Arial" panose="020B0604020202020204" pitchFamily="34" charset="0"/>
                          <a:cs typeface="Arial" panose="020B0604020202020204" pitchFamily="34" charset="0"/>
                        </a:rPr>
                        <a:t>Objetivos guía:</a:t>
                      </a:r>
                      <a:endParaRPr lang="en-ZA" sz="2300" b="1" dirty="0">
                        <a:latin typeface="Arial" panose="020B0604020202020204" pitchFamily="34" charset="0"/>
                        <a:cs typeface="Arial" panose="020B0604020202020204" pitchFamily="34" charset="0"/>
                      </a:endParaRPr>
                    </a:p>
                  </a:txBody>
                  <a:tcPr>
                    <a:lnT w="12700" cmpd="sng">
                      <a:noFill/>
                    </a:lnT>
                    <a:solidFill>
                      <a:schemeClr val="bg1"/>
                    </a:solidFill>
                  </a:tcPr>
                </a:tc>
                <a:tc>
                  <a:txBody>
                    <a:bodyPr/>
                    <a:lstStyle/>
                    <a:p>
                      <a:pPr marL="0" indent="0" algn="l">
                        <a:lnSpc>
                          <a:spcPct val="107000"/>
                        </a:lnSpc>
                        <a:spcAft>
                          <a:spcPts val="800"/>
                        </a:spcAft>
                        <a:buFont typeface="Arial" panose="020B0604020202020204" pitchFamily="34" charset="0"/>
                        <a:buNone/>
                      </a:pPr>
                      <a:r>
                        <a:rPr lang="es-VE" sz="2000" dirty="0" smtClean="0">
                          <a:effectLst/>
                          <a:latin typeface="Calibri" panose="020F0502020204030204" pitchFamily="34" charset="0"/>
                          <a:ea typeface="Calibri" panose="020F0502020204030204" pitchFamily="34" charset="0"/>
                          <a:cs typeface="Times New Roman" panose="02020603050405020304" pitchFamily="18" charset="0"/>
                        </a:rPr>
                        <a:t>Crear </a:t>
                      </a:r>
                      <a:r>
                        <a:rPr lang="es-VE" sz="2000" b="1" dirty="0" smtClean="0">
                          <a:effectLst/>
                          <a:latin typeface="Calibri" panose="020F0502020204030204" pitchFamily="34" charset="0"/>
                          <a:ea typeface="Calibri" panose="020F0502020204030204" pitchFamily="34" charset="0"/>
                          <a:cs typeface="Times New Roman" panose="02020603050405020304" pitchFamily="18" charset="0"/>
                        </a:rPr>
                        <a:t>un ambiente seguro </a:t>
                      </a:r>
                      <a:r>
                        <a:rPr lang="es-VE" sz="2000" dirty="0" smtClean="0">
                          <a:effectLst/>
                          <a:latin typeface="Calibri" panose="020F0502020204030204" pitchFamily="34" charset="0"/>
                          <a:ea typeface="Calibri" panose="020F0502020204030204" pitchFamily="34" charset="0"/>
                          <a:cs typeface="Times New Roman" panose="02020603050405020304" pitchFamily="18" charset="0"/>
                        </a:rPr>
                        <a:t>para el diálogo y el </a:t>
                      </a:r>
                      <a:r>
                        <a:rPr lang="es-VE" sz="2000" b="1" dirty="0" smtClean="0">
                          <a:effectLst/>
                          <a:latin typeface="Calibri" panose="020F0502020204030204" pitchFamily="34" charset="0"/>
                          <a:ea typeface="Calibri" panose="020F0502020204030204" pitchFamily="34" charset="0"/>
                          <a:cs typeface="Times New Roman" panose="02020603050405020304" pitchFamily="18" charset="0"/>
                        </a:rPr>
                        <a:t>surgimiento de posturas y perspectivas diferentes</a:t>
                      </a:r>
                      <a:r>
                        <a:rPr lang="es-VE" sz="2000" dirty="0" smtClean="0">
                          <a:effectLst/>
                          <a:latin typeface="Calibri" panose="020F0502020204030204" pitchFamily="34" charset="0"/>
                          <a:ea typeface="Calibri" panose="020F0502020204030204" pitchFamily="34" charset="0"/>
                          <a:cs typeface="Times New Roman" panose="02020603050405020304" pitchFamily="18" charset="0"/>
                        </a:rPr>
                        <a:t> sobre cómo llevar a cabo una respuesta al VIH </a:t>
                      </a:r>
                      <a:r>
                        <a:rPr lang="es-VE" sz="2000" dirty="0" smtClean="0">
                          <a:effectLst/>
                          <a:latin typeface="Calibri" panose="020F0502020204030204" pitchFamily="34" charset="0"/>
                          <a:ea typeface="Calibri" panose="020F0502020204030204" pitchFamily="34" charset="0"/>
                          <a:cs typeface="Times New Roman" panose="02020603050405020304" pitchFamily="18" charset="0"/>
                        </a:rPr>
                        <a:t>efectiva.</a:t>
                      </a:r>
                      <a:endParaRPr lang="en-ZA" sz="2000" dirty="0">
                        <a:effectLst/>
                        <a:latin typeface="Calibri" panose="020F0502020204030204" pitchFamily="34" charset="0"/>
                        <a:ea typeface="Calibri" panose="020F0502020204030204" pitchFamily="34" charset="0"/>
                        <a:cs typeface="Times New Roman" panose="02020603050405020304" pitchFamily="18" charset="0"/>
                      </a:endParaRPr>
                    </a:p>
                  </a:txBody>
                  <a:tcPr anchor="ctr">
                    <a:lnT w="12700" cmpd="sng">
                      <a:noFill/>
                    </a:lnT>
                    <a:solidFill>
                      <a:schemeClr val="bg1"/>
                    </a:solidFill>
                  </a:tcPr>
                </a:tc>
                <a:extLst>
                  <a:ext uri="{0D108BD9-81ED-4DB2-BD59-A6C34878D82A}">
                    <a16:rowId xmlns:a16="http://schemas.microsoft.com/office/drawing/2014/main" xmlns="" val="10002"/>
                  </a:ext>
                </a:extLst>
              </a:tr>
              <a:tr h="1249754">
                <a:tc vMerge="1">
                  <a:txBody>
                    <a:bodyPr/>
                    <a:lstStyle/>
                    <a:p>
                      <a:pPr>
                        <a:lnSpc>
                          <a:spcPct val="120000"/>
                        </a:lnSpc>
                      </a:pPr>
                      <a:endParaRPr lang="en-ZA" sz="2300" dirty="0"/>
                    </a:p>
                  </a:txBody>
                  <a:tcPr>
                    <a:solidFill>
                      <a:schemeClr val="bg1">
                        <a:lumMod val="85000"/>
                      </a:schemeClr>
                    </a:solidFill>
                  </a:tcPr>
                </a:tc>
                <a:tc>
                  <a:txBody>
                    <a:bodyPr/>
                    <a:lstStyle/>
                    <a:p>
                      <a:pPr marL="0" indent="0" algn="l">
                        <a:lnSpc>
                          <a:spcPct val="107000"/>
                        </a:lnSpc>
                        <a:spcAft>
                          <a:spcPts val="800"/>
                        </a:spcAft>
                        <a:buFont typeface="Arial" panose="020B0604020202020204" pitchFamily="34" charset="0"/>
                        <a:buNone/>
                      </a:pPr>
                      <a:r>
                        <a:rPr lang="es-VE" sz="2000" dirty="0" smtClean="0">
                          <a:effectLst/>
                          <a:latin typeface="Calibri" panose="020F0502020204030204" pitchFamily="34" charset="0"/>
                          <a:ea typeface="Calibri" panose="020F0502020204030204" pitchFamily="34" charset="0"/>
                          <a:cs typeface="Times New Roman" panose="02020603050405020304" pitchFamily="18" charset="0"/>
                        </a:rPr>
                        <a:t>Entender la totalidad del </a:t>
                      </a:r>
                      <a:r>
                        <a:rPr lang="es-VE" sz="2000" b="1" dirty="0" smtClean="0">
                          <a:effectLst/>
                          <a:latin typeface="Calibri" panose="020F0502020204030204" pitchFamily="34" charset="0"/>
                          <a:ea typeface="Calibri" panose="020F0502020204030204" pitchFamily="34" charset="0"/>
                          <a:cs typeface="Times New Roman" panose="02020603050405020304" pitchFamily="18" charset="0"/>
                        </a:rPr>
                        <a:t>contexto externo político, financiero, de salud y desarrollo que está en constante cambio</a:t>
                      </a:r>
                      <a:r>
                        <a:rPr lang="es-VE" sz="2000" dirty="0" smtClean="0">
                          <a:effectLst/>
                          <a:latin typeface="Calibri" panose="020F0502020204030204" pitchFamily="34" charset="0"/>
                          <a:ea typeface="Calibri" panose="020F0502020204030204" pitchFamily="34" charset="0"/>
                          <a:cs typeface="Times New Roman" panose="02020603050405020304" pitchFamily="18" charset="0"/>
                        </a:rPr>
                        <a:t>, así como su impacto en el futuro de la respuesta al </a:t>
                      </a:r>
                      <a:r>
                        <a:rPr lang="es-VE" sz="2000" dirty="0" smtClean="0">
                          <a:effectLst/>
                          <a:latin typeface="Calibri" panose="020F0502020204030204" pitchFamily="34" charset="0"/>
                          <a:ea typeface="Calibri" panose="020F0502020204030204" pitchFamily="34" charset="0"/>
                          <a:cs typeface="Times New Roman" panose="02020603050405020304" pitchFamily="18" charset="0"/>
                        </a:rPr>
                        <a:t>VIH.</a:t>
                      </a:r>
                      <a:endParaRPr lang="en-ZA" sz="2000" dirty="0">
                        <a:effectLst/>
                        <a:latin typeface="Calibri" panose="020F0502020204030204" pitchFamily="34" charset="0"/>
                        <a:ea typeface="Calibri" panose="020F0502020204030204" pitchFamily="34" charset="0"/>
                        <a:cs typeface="Times New Roman" panose="02020603050405020304" pitchFamily="18" charset="0"/>
                      </a:endParaRPr>
                    </a:p>
                  </a:txBody>
                  <a:tcPr anchor="ctr">
                    <a:solidFill>
                      <a:schemeClr val="bg1">
                        <a:lumMod val="85000"/>
                      </a:schemeClr>
                    </a:solidFill>
                  </a:tcPr>
                </a:tc>
                <a:extLst>
                  <a:ext uri="{0D108BD9-81ED-4DB2-BD59-A6C34878D82A}">
                    <a16:rowId xmlns:a16="http://schemas.microsoft.com/office/drawing/2014/main" xmlns="" val="10003"/>
                  </a:ext>
                </a:extLst>
              </a:tr>
              <a:tr h="1164370">
                <a:tc vMerge="1">
                  <a:txBody>
                    <a:bodyPr/>
                    <a:lstStyle/>
                    <a:p>
                      <a:pPr>
                        <a:lnSpc>
                          <a:spcPct val="120000"/>
                        </a:lnSpc>
                      </a:pPr>
                      <a:endParaRPr lang="en-ZA" sz="2300" dirty="0"/>
                    </a:p>
                  </a:txBody>
                  <a:tcPr>
                    <a:solidFill>
                      <a:schemeClr val="bg1"/>
                    </a:solidFill>
                  </a:tcPr>
                </a:tc>
                <a:tc>
                  <a:txBody>
                    <a:bodyPr/>
                    <a:lstStyle/>
                    <a:p>
                      <a:pPr marL="0" indent="0" algn="l">
                        <a:lnSpc>
                          <a:spcPct val="107000"/>
                        </a:lnSpc>
                        <a:spcAft>
                          <a:spcPts val="800"/>
                        </a:spcAft>
                        <a:buFont typeface="Arial" panose="020B0604020202020204" pitchFamily="34" charset="0"/>
                        <a:buNone/>
                      </a:pPr>
                      <a:r>
                        <a:rPr lang="es-VE" sz="2000" dirty="0" smtClean="0">
                          <a:effectLst/>
                          <a:latin typeface="Calibri" panose="020F0502020204030204" pitchFamily="34" charset="0"/>
                          <a:ea typeface="Calibri" panose="020F0502020204030204" pitchFamily="34" charset="0"/>
                          <a:cs typeface="Times New Roman" panose="02020603050405020304" pitchFamily="18" charset="0"/>
                        </a:rPr>
                        <a:t>Entender </a:t>
                      </a:r>
                      <a:r>
                        <a:rPr lang="es-VE" sz="2000" b="1" dirty="0" smtClean="0">
                          <a:effectLst/>
                          <a:latin typeface="Calibri" panose="020F0502020204030204" pitchFamily="34" charset="0"/>
                          <a:ea typeface="Calibri" panose="020F0502020204030204" pitchFamily="34" charset="0"/>
                          <a:cs typeface="Times New Roman" panose="02020603050405020304" pitchFamily="18" charset="0"/>
                        </a:rPr>
                        <a:t>las causas subyacentes que han impedido lograr metas </a:t>
                      </a:r>
                      <a:r>
                        <a:rPr lang="es-VE" sz="2000" dirty="0" smtClean="0">
                          <a:effectLst/>
                          <a:latin typeface="Calibri" panose="020F0502020204030204" pitchFamily="34" charset="0"/>
                          <a:ea typeface="Calibri" panose="020F0502020204030204" pitchFamily="34" charset="0"/>
                          <a:cs typeface="Times New Roman" panose="02020603050405020304" pitchFamily="18" charset="0"/>
                        </a:rPr>
                        <a:t>específicas del VIH y de salud y desarrollo en general.</a:t>
                      </a:r>
                      <a:endParaRPr lang="en-ZA" sz="2000" dirty="0">
                        <a:effectLst/>
                        <a:latin typeface="Calibri" panose="020F0502020204030204" pitchFamily="34" charset="0"/>
                        <a:ea typeface="Calibri" panose="020F0502020204030204" pitchFamily="34" charset="0"/>
                        <a:cs typeface="Times New Roman" panose="02020603050405020304" pitchFamily="18" charset="0"/>
                      </a:endParaRPr>
                    </a:p>
                  </a:txBody>
                  <a:tcPr anchor="ctr">
                    <a:solidFill>
                      <a:schemeClr val="bg1"/>
                    </a:solidFill>
                  </a:tcPr>
                </a:tc>
                <a:extLst>
                  <a:ext uri="{0D108BD9-81ED-4DB2-BD59-A6C34878D82A}">
                    <a16:rowId xmlns:a16="http://schemas.microsoft.com/office/drawing/2014/main" xmlns="" val="10004"/>
                  </a:ext>
                </a:extLst>
              </a:tr>
              <a:tr h="1164370">
                <a:tc vMerge="1">
                  <a:txBody>
                    <a:bodyPr/>
                    <a:lstStyle/>
                    <a:p>
                      <a:pPr>
                        <a:lnSpc>
                          <a:spcPct val="120000"/>
                        </a:lnSpc>
                      </a:pPr>
                      <a:endParaRPr lang="en-ZA" sz="2300" dirty="0"/>
                    </a:p>
                  </a:txBody>
                  <a:tcPr>
                    <a:solidFill>
                      <a:schemeClr val="bg1">
                        <a:lumMod val="85000"/>
                      </a:schemeClr>
                    </a:solidFill>
                  </a:tcPr>
                </a:tc>
                <a:tc>
                  <a:txBody>
                    <a:bodyPr/>
                    <a:lstStyle/>
                    <a:p>
                      <a:pPr marL="0" indent="0" algn="l">
                        <a:lnSpc>
                          <a:spcPct val="107000"/>
                        </a:lnSpc>
                        <a:spcAft>
                          <a:spcPts val="800"/>
                        </a:spcAft>
                        <a:buFont typeface="Arial" panose="020B0604020202020204" pitchFamily="34" charset="0"/>
                        <a:buNone/>
                      </a:pPr>
                      <a:r>
                        <a:rPr lang="es-VE" sz="2000" dirty="0" smtClean="0">
                          <a:effectLst/>
                          <a:latin typeface="Calibri" panose="020F0502020204030204" pitchFamily="34" charset="0"/>
                          <a:ea typeface="Calibri" panose="020F0502020204030204" pitchFamily="34" charset="0"/>
                          <a:cs typeface="Times New Roman" panose="02020603050405020304" pitchFamily="18" charset="0"/>
                        </a:rPr>
                        <a:t>Explorar </a:t>
                      </a:r>
                      <a:r>
                        <a:rPr lang="es-VE" sz="2000" b="1" dirty="0" smtClean="0">
                          <a:effectLst/>
                          <a:latin typeface="Calibri" panose="020F0502020204030204" pitchFamily="34" charset="0"/>
                          <a:ea typeface="Calibri" panose="020F0502020204030204" pitchFamily="34" charset="0"/>
                          <a:cs typeface="Times New Roman" panose="02020603050405020304" pitchFamily="18" charset="0"/>
                        </a:rPr>
                        <a:t>las lecciones aprendidas </a:t>
                      </a:r>
                      <a:r>
                        <a:rPr lang="es-VE" sz="2000" dirty="0" smtClean="0">
                          <a:effectLst/>
                          <a:latin typeface="Calibri" panose="020F0502020204030204" pitchFamily="34" charset="0"/>
                          <a:ea typeface="Calibri" panose="020F0502020204030204" pitchFamily="34" charset="0"/>
                          <a:cs typeface="Times New Roman" panose="02020603050405020304" pitchFamily="18" charset="0"/>
                        </a:rPr>
                        <a:t>y las estrategias exitosas y no exitosas de la respuesta al VIH, así como los pasos a </a:t>
                      </a:r>
                      <a:r>
                        <a:rPr lang="es-VE" sz="2000" dirty="0" smtClean="0">
                          <a:effectLst/>
                          <a:latin typeface="Calibri" panose="020F0502020204030204" pitchFamily="34" charset="0"/>
                          <a:ea typeface="Calibri" panose="020F0502020204030204" pitchFamily="34" charset="0"/>
                          <a:cs typeface="Times New Roman" panose="02020603050405020304" pitchFamily="18" charset="0"/>
                        </a:rPr>
                        <a:t>seguir.</a:t>
                      </a:r>
                      <a:endParaRPr lang="en-ZA" sz="2000" dirty="0">
                        <a:effectLst/>
                        <a:latin typeface="Calibri" panose="020F0502020204030204" pitchFamily="34" charset="0"/>
                        <a:ea typeface="Calibri" panose="020F0502020204030204" pitchFamily="34" charset="0"/>
                        <a:cs typeface="Times New Roman" panose="02020603050405020304" pitchFamily="18" charset="0"/>
                      </a:endParaRPr>
                    </a:p>
                  </a:txBody>
                  <a:tcPr anchor="ctr">
                    <a:solidFill>
                      <a:schemeClr val="bg1">
                        <a:lumMod val="85000"/>
                      </a:schemeClr>
                    </a:solidFill>
                  </a:tcPr>
                </a:tc>
                <a:extLst>
                  <a:ext uri="{0D108BD9-81ED-4DB2-BD59-A6C34878D82A}">
                    <a16:rowId xmlns:a16="http://schemas.microsoft.com/office/drawing/2014/main" xmlns="" val="1434521287"/>
                  </a:ext>
                </a:extLst>
              </a:tr>
              <a:tr h="1155292">
                <a:tc vMerge="1">
                  <a:txBody>
                    <a:bodyPr/>
                    <a:lstStyle/>
                    <a:p>
                      <a:pPr>
                        <a:lnSpc>
                          <a:spcPct val="120000"/>
                        </a:lnSpc>
                      </a:pPr>
                      <a:endParaRPr lang="en-ZA" sz="2300" dirty="0"/>
                    </a:p>
                  </a:txBody>
                  <a:tcPr>
                    <a:solidFill>
                      <a:schemeClr val="bg1"/>
                    </a:solidFill>
                  </a:tcPr>
                </a:tc>
                <a:tc>
                  <a:txBody>
                    <a:bodyPr/>
                    <a:lstStyle/>
                    <a:p>
                      <a:pPr marL="0" marR="0" lvl="0" indent="0" algn="l" defTabSz="914400" rtl="0" eaLnBrk="1" fontAlgn="auto" latinLnBrk="0" hangingPunct="1">
                        <a:lnSpc>
                          <a:spcPct val="120000"/>
                        </a:lnSpc>
                        <a:spcBef>
                          <a:spcPts val="0"/>
                        </a:spcBef>
                        <a:spcAft>
                          <a:spcPts val="0"/>
                        </a:spcAft>
                        <a:buClrTx/>
                        <a:buSzTx/>
                        <a:buFontTx/>
                        <a:buNone/>
                        <a:tabLst/>
                        <a:defRPr/>
                      </a:pPr>
                      <a:r>
                        <a:rPr lang="es-VE" sz="2000" b="1" dirty="0" smtClean="0">
                          <a:latin typeface="Calibri" panose="020F0502020204030204" pitchFamily="34" charset="0"/>
                          <a:ea typeface="Calibri" panose="020F0502020204030204" pitchFamily="34" charset="0"/>
                          <a:cs typeface="Times New Roman" panose="02020603050405020304" pitchFamily="18" charset="0"/>
                        </a:rPr>
                        <a:t>Construir una visión común </a:t>
                      </a:r>
                      <a:r>
                        <a:rPr lang="es-VE" sz="2000" dirty="0" smtClean="0">
                          <a:latin typeface="Calibri" panose="020F0502020204030204" pitchFamily="34" charset="0"/>
                          <a:ea typeface="Calibri" panose="020F0502020204030204" pitchFamily="34" charset="0"/>
                          <a:cs typeface="Times New Roman" panose="02020603050405020304" pitchFamily="18" charset="0"/>
                        </a:rPr>
                        <a:t>de cuál podría ser el enfoque de los próximos 5 años con ideas de qué eliminar, qué comenzar y qué </a:t>
                      </a:r>
                      <a:r>
                        <a:rPr lang="es-VE" sz="2000" dirty="0" smtClean="0">
                          <a:latin typeface="Calibri" panose="020F0502020204030204" pitchFamily="34" charset="0"/>
                          <a:ea typeface="Calibri" panose="020F0502020204030204" pitchFamily="34" charset="0"/>
                          <a:cs typeface="Times New Roman" panose="02020603050405020304" pitchFamily="18" charset="0"/>
                        </a:rPr>
                        <a:t>continuar.</a:t>
                      </a:r>
                      <a:endParaRPr lang="en-ZA" sz="2000" dirty="0">
                        <a:latin typeface="Calibri" panose="020F0502020204030204" pitchFamily="34" charset="0"/>
                        <a:ea typeface="Calibri" panose="020F0502020204030204" pitchFamily="34" charset="0"/>
                        <a:cs typeface="Times New Roman" panose="02020603050405020304" pitchFamily="18" charset="0"/>
                      </a:endParaRPr>
                    </a:p>
                  </a:txBody>
                  <a:tcPr anchor="ctr">
                    <a:solidFill>
                      <a:schemeClr val="bg1"/>
                    </a:solidFill>
                  </a:tcPr>
                </a:tc>
                <a:extLst>
                  <a:ext uri="{0D108BD9-81ED-4DB2-BD59-A6C34878D82A}">
                    <a16:rowId xmlns:a16="http://schemas.microsoft.com/office/drawing/2014/main" xmlns="" val="1484109071"/>
                  </a:ext>
                </a:extLst>
              </a:tr>
            </a:tbl>
          </a:graphicData>
        </a:graphic>
      </p:graphicFrame>
    </p:spTree>
    <p:extLst>
      <p:ext uri="{BB962C8B-B14F-4D97-AF65-F5344CB8AC3E}">
        <p14:creationId xmlns:p14="http://schemas.microsoft.com/office/powerpoint/2010/main" val="34308267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B2B683FB-B187-495F-A41C-F2A883125567}"/>
              </a:ext>
            </a:extLst>
          </p:cNvPr>
          <p:cNvSpPr>
            <a:spLocks noGrp="1"/>
          </p:cNvSpPr>
          <p:nvPr>
            <p:ph type="title"/>
          </p:nvPr>
        </p:nvSpPr>
        <p:spPr>
          <a:solidFill>
            <a:schemeClr val="accent6"/>
          </a:solidFill>
        </p:spPr>
        <p:txBody>
          <a:bodyPr/>
          <a:lstStyle/>
          <a:p>
            <a:pPr algn="ctr"/>
            <a:r>
              <a:rPr lang="en-ZA" b="1" dirty="0" smtClean="0">
                <a:solidFill>
                  <a:schemeClr val="bg1"/>
                </a:solidFill>
                <a:latin typeface="Arial" panose="020B0604020202020204" pitchFamily="34" charset="0"/>
                <a:cs typeface="Arial" panose="020B0604020202020204" pitchFamily="34" charset="0"/>
              </a:rPr>
              <a:t>¿Y cuál es tu aporte?</a:t>
            </a:r>
            <a:endParaRPr lang="en-ZA" b="1" dirty="0">
              <a:solidFill>
                <a:schemeClr val="bg1"/>
              </a:solidFill>
              <a:latin typeface="Arial" panose="020B0604020202020204" pitchFamily="34" charset="0"/>
              <a:cs typeface="Arial" panose="020B0604020202020204" pitchFamily="34" charset="0"/>
            </a:endParaRPr>
          </a:p>
        </p:txBody>
      </p:sp>
      <p:sp>
        <p:nvSpPr>
          <p:cNvPr id="3" name="Text Placeholder 2">
            <a:extLst>
              <a:ext uri="{FF2B5EF4-FFF2-40B4-BE49-F238E27FC236}">
                <a16:creationId xmlns:a16="http://schemas.microsoft.com/office/drawing/2014/main" xmlns="" id="{979EDCFA-A062-4B02-B659-E8B18437F92D}"/>
              </a:ext>
            </a:extLst>
          </p:cNvPr>
          <p:cNvSpPr>
            <a:spLocks noGrp="1"/>
          </p:cNvSpPr>
          <p:nvPr>
            <p:ph type="body" idx="1"/>
          </p:nvPr>
        </p:nvSpPr>
        <p:spPr>
          <a:xfrm>
            <a:off x="839789" y="1892595"/>
            <a:ext cx="5157787" cy="612480"/>
          </a:xfrm>
          <a:solidFill>
            <a:schemeClr val="accent2"/>
          </a:solidFill>
        </p:spPr>
        <p:txBody>
          <a:bodyPr anchor="ctr"/>
          <a:lstStyle/>
          <a:p>
            <a:pPr algn="ctr">
              <a:spcBef>
                <a:spcPts val="0"/>
              </a:spcBef>
              <a:spcAft>
                <a:spcPts val="600"/>
              </a:spcAft>
            </a:pPr>
            <a:r>
              <a:rPr lang="en-ZA" dirty="0" smtClean="0">
                <a:solidFill>
                  <a:schemeClr val="bg1"/>
                </a:solidFill>
                <a:latin typeface="Arial" panose="020B0604020202020204" pitchFamily="34" charset="0"/>
                <a:cs typeface="Arial" panose="020B0604020202020204" pitchFamily="34" charset="0"/>
              </a:rPr>
              <a:t>Encuesta de la estrategia</a:t>
            </a:r>
            <a:endParaRPr lang="en-ZA" dirty="0">
              <a:solidFill>
                <a:schemeClr val="bg1"/>
              </a:solidFill>
              <a:latin typeface="Arial" panose="020B0604020202020204" pitchFamily="34" charset="0"/>
              <a:cs typeface="Arial" panose="020B0604020202020204" pitchFamily="34" charset="0"/>
            </a:endParaRPr>
          </a:p>
        </p:txBody>
      </p:sp>
      <p:sp>
        <p:nvSpPr>
          <p:cNvPr id="4" name="Content Placeholder 3">
            <a:extLst>
              <a:ext uri="{FF2B5EF4-FFF2-40B4-BE49-F238E27FC236}">
                <a16:creationId xmlns:a16="http://schemas.microsoft.com/office/drawing/2014/main" xmlns="" id="{036A28E5-F99B-4035-A846-ED2C72FFB8DA}"/>
              </a:ext>
            </a:extLst>
          </p:cNvPr>
          <p:cNvSpPr>
            <a:spLocks noGrp="1"/>
          </p:cNvSpPr>
          <p:nvPr>
            <p:ph sz="half" idx="2"/>
          </p:nvPr>
        </p:nvSpPr>
        <p:spPr/>
        <p:txBody>
          <a:bodyPr>
            <a:normAutofit/>
          </a:bodyPr>
          <a:lstStyle/>
          <a:p>
            <a:pPr>
              <a:lnSpc>
                <a:spcPct val="150000"/>
              </a:lnSpc>
            </a:pPr>
            <a:r>
              <a:rPr lang="es-VE" sz="1800" dirty="0">
                <a:latin typeface="Arial" panose="020B0604020202020204" pitchFamily="34" charset="0"/>
                <a:cs typeface="Arial" panose="020B0604020202020204" pitchFamily="34" charset="0"/>
              </a:rPr>
              <a:t>La encuesta en línea está disponible para todo aquel que quiera dar su opinión sobre lo que debería hacerse en la Estrategia de ONUSIDA más allá de 2021.</a:t>
            </a:r>
            <a:endParaRPr lang="en-ZA" sz="1800" dirty="0">
              <a:latin typeface="Arial" panose="020B0604020202020204" pitchFamily="34" charset="0"/>
              <a:cs typeface="Arial" panose="020B0604020202020204" pitchFamily="34" charset="0"/>
            </a:endParaRPr>
          </a:p>
          <a:p>
            <a:pPr>
              <a:lnSpc>
                <a:spcPct val="150000"/>
              </a:lnSpc>
            </a:pPr>
            <a:r>
              <a:rPr lang="es-VE" sz="1800" dirty="0">
                <a:latin typeface="Arial" panose="020B0604020202020204" pitchFamily="34" charset="0"/>
                <a:cs typeface="Arial" panose="020B0604020202020204" pitchFamily="34" charset="0"/>
              </a:rPr>
              <a:t>Un grupo de preguntas de elección múltiple</a:t>
            </a:r>
            <a:r>
              <a:rPr lang="es-VE" sz="1800" dirty="0" smtClean="0">
                <a:latin typeface="Arial" panose="020B0604020202020204" pitchFamily="34" charset="0"/>
                <a:cs typeface="Arial" panose="020B0604020202020204" pitchFamily="34" charset="0"/>
              </a:rPr>
              <a:t>.</a:t>
            </a:r>
          </a:p>
          <a:p>
            <a:pPr>
              <a:lnSpc>
                <a:spcPct val="150000"/>
              </a:lnSpc>
            </a:pPr>
            <a:r>
              <a:rPr lang="es-VE" sz="1800" dirty="0">
                <a:latin typeface="Arial" panose="020B0604020202020204" pitchFamily="34" charset="0"/>
                <a:cs typeface="Arial" panose="020B0604020202020204" pitchFamily="34" charset="0"/>
              </a:rPr>
              <a:t>Cualquiera puede hacer la encuesta sin importar su papel dentro de la respuesta al VIH.</a:t>
            </a:r>
            <a:endParaRPr lang="en-ZA" sz="1800" dirty="0">
              <a:latin typeface="Arial" panose="020B0604020202020204" pitchFamily="34" charset="0"/>
              <a:cs typeface="Arial" panose="020B0604020202020204" pitchFamily="34" charset="0"/>
            </a:endParaRPr>
          </a:p>
        </p:txBody>
      </p:sp>
      <p:sp>
        <p:nvSpPr>
          <p:cNvPr id="5" name="Text Placeholder 4">
            <a:extLst>
              <a:ext uri="{FF2B5EF4-FFF2-40B4-BE49-F238E27FC236}">
                <a16:creationId xmlns:a16="http://schemas.microsoft.com/office/drawing/2014/main" xmlns="" id="{E3D7A6EA-F66D-4D9F-A7A5-5D5D622DF8DD}"/>
              </a:ext>
            </a:extLst>
          </p:cNvPr>
          <p:cNvSpPr>
            <a:spLocks noGrp="1"/>
          </p:cNvSpPr>
          <p:nvPr>
            <p:ph type="body" sz="quarter" idx="3"/>
          </p:nvPr>
        </p:nvSpPr>
        <p:spPr>
          <a:xfrm>
            <a:off x="6172201" y="1892595"/>
            <a:ext cx="5183188" cy="612480"/>
          </a:xfrm>
          <a:solidFill>
            <a:schemeClr val="accent2"/>
          </a:solidFill>
        </p:spPr>
        <p:txBody>
          <a:bodyPr anchor="ctr"/>
          <a:lstStyle/>
          <a:p>
            <a:pPr algn="ctr"/>
            <a:r>
              <a:rPr lang="en-ZA" dirty="0" smtClean="0">
                <a:solidFill>
                  <a:schemeClr val="bg1"/>
                </a:solidFill>
                <a:latin typeface="Arial" panose="020B0604020202020204" pitchFamily="34" charset="0"/>
                <a:cs typeface="Arial" panose="020B0604020202020204" pitchFamily="34" charset="0"/>
              </a:rPr>
              <a:t>Discusiones </a:t>
            </a:r>
            <a:r>
              <a:rPr lang="en-ZA" dirty="0" smtClean="0">
                <a:solidFill>
                  <a:schemeClr val="bg1"/>
                </a:solidFill>
                <a:latin typeface="Arial" panose="020B0604020202020204" pitchFamily="34" charset="0"/>
                <a:cs typeface="Arial" panose="020B0604020202020204" pitchFamily="34" charset="0"/>
              </a:rPr>
              <a:t>en </a:t>
            </a:r>
            <a:r>
              <a:rPr lang="en-ZA" dirty="0" smtClean="0">
                <a:solidFill>
                  <a:schemeClr val="bg1"/>
                </a:solidFill>
                <a:latin typeface="Arial" panose="020B0604020202020204" pitchFamily="34" charset="0"/>
                <a:cs typeface="Arial" panose="020B0604020202020204" pitchFamily="34" charset="0"/>
              </a:rPr>
              <a:t>gupos focales</a:t>
            </a:r>
            <a:endParaRPr lang="en-ZA" dirty="0">
              <a:solidFill>
                <a:schemeClr val="bg1"/>
              </a:solidFill>
              <a:latin typeface="Arial" panose="020B0604020202020204" pitchFamily="34" charset="0"/>
              <a:cs typeface="Arial" panose="020B0604020202020204" pitchFamily="34" charset="0"/>
            </a:endParaRPr>
          </a:p>
        </p:txBody>
      </p:sp>
      <p:sp>
        <p:nvSpPr>
          <p:cNvPr id="6" name="Content Placeholder 5">
            <a:extLst>
              <a:ext uri="{FF2B5EF4-FFF2-40B4-BE49-F238E27FC236}">
                <a16:creationId xmlns:a16="http://schemas.microsoft.com/office/drawing/2014/main" xmlns="" id="{FC56BE32-C077-4370-BFF8-4DBEBEB91F7F}"/>
              </a:ext>
            </a:extLst>
          </p:cNvPr>
          <p:cNvSpPr>
            <a:spLocks noGrp="1"/>
          </p:cNvSpPr>
          <p:nvPr>
            <p:ph sz="quarter" idx="4"/>
          </p:nvPr>
        </p:nvSpPr>
        <p:spPr>
          <a:xfrm>
            <a:off x="6172201" y="2505074"/>
            <a:ext cx="5183188" cy="4127219"/>
          </a:xfrm>
        </p:spPr>
        <p:txBody>
          <a:bodyPr>
            <a:normAutofit lnSpcReduction="10000"/>
          </a:bodyPr>
          <a:lstStyle/>
          <a:p>
            <a:pPr>
              <a:lnSpc>
                <a:spcPct val="150000"/>
              </a:lnSpc>
            </a:pPr>
            <a:r>
              <a:rPr lang="es-VE" sz="1900" dirty="0">
                <a:latin typeface="Arial" panose="020B0604020202020204" pitchFamily="34" charset="0"/>
                <a:cs typeface="Arial" panose="020B0604020202020204" pitchFamily="34" charset="0"/>
              </a:rPr>
              <a:t>Discusiones mejor estructuradas que permiten explorar un eje temático a profundidad e identificar recomendaciones para la Estrategia.</a:t>
            </a:r>
            <a:endParaRPr lang="en-ZA" sz="1900" dirty="0" smtClean="0">
              <a:latin typeface="Arial" panose="020B0604020202020204" pitchFamily="34" charset="0"/>
              <a:cs typeface="Arial" panose="020B0604020202020204" pitchFamily="34" charset="0"/>
            </a:endParaRPr>
          </a:p>
          <a:p>
            <a:pPr>
              <a:lnSpc>
                <a:spcPct val="150000"/>
              </a:lnSpc>
            </a:pPr>
            <a:r>
              <a:rPr lang="es-VE" sz="1900" dirty="0">
                <a:latin typeface="Arial" panose="020B0604020202020204" pitchFamily="34" charset="0"/>
                <a:cs typeface="Arial" panose="020B0604020202020204" pitchFamily="34" charset="0"/>
              </a:rPr>
              <a:t>Las discusiones se pueden centrar en un tema, un área geográfica o en poblaciones específicas.</a:t>
            </a:r>
            <a:endParaRPr lang="en-ZA" sz="1900" dirty="0" smtClean="0">
              <a:latin typeface="Arial" panose="020B0604020202020204" pitchFamily="34" charset="0"/>
              <a:cs typeface="Arial" panose="020B0604020202020204" pitchFamily="34" charset="0"/>
            </a:endParaRPr>
          </a:p>
          <a:p>
            <a:pPr>
              <a:lnSpc>
                <a:spcPct val="150000"/>
              </a:lnSpc>
            </a:pPr>
            <a:r>
              <a:rPr lang="es-VE" sz="1900" dirty="0"/>
              <a:t>Una oportunidad para sostener un diálogo multilateral.</a:t>
            </a:r>
            <a:endParaRPr lang="en-ZA" sz="1900" dirty="0"/>
          </a:p>
        </p:txBody>
      </p:sp>
    </p:spTree>
    <p:extLst>
      <p:ext uri="{BB962C8B-B14F-4D97-AF65-F5344CB8AC3E}">
        <p14:creationId xmlns:p14="http://schemas.microsoft.com/office/powerpoint/2010/main" val="49868368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3079412309"/>
              </p:ext>
            </p:extLst>
          </p:nvPr>
        </p:nvGraphicFramePr>
        <p:xfrm>
          <a:off x="0" y="0"/>
          <a:ext cx="12192000" cy="6858000"/>
        </p:xfrm>
        <a:graphic>
          <a:graphicData uri="http://schemas.openxmlformats.org/drawingml/2006/table">
            <a:tbl>
              <a:tblPr firstRow="1" bandRow="1">
                <a:tableStyleId>{5C22544A-7EE6-4342-B048-85BDC9FD1C3A}</a:tableStyleId>
              </a:tblPr>
              <a:tblGrid>
                <a:gridCol w="12192000">
                  <a:extLst>
                    <a:ext uri="{9D8B030D-6E8A-4147-A177-3AD203B41FA5}">
                      <a16:colId xmlns:a16="http://schemas.microsoft.com/office/drawing/2014/main" xmlns="" val="20000"/>
                    </a:ext>
                  </a:extLst>
                </a:gridCol>
              </a:tblGrid>
              <a:tr h="1471419">
                <a:tc>
                  <a:txBody>
                    <a:bodyPr/>
                    <a:lstStyle/>
                    <a:p>
                      <a:pPr algn="ctr">
                        <a:spcAft>
                          <a:spcPts val="0"/>
                        </a:spcAft>
                      </a:pPr>
                      <a:r>
                        <a:rPr lang="en-US" sz="3000" b="1" kern="1200" dirty="0" smtClean="0">
                          <a:solidFill>
                            <a:schemeClr val="bg1"/>
                          </a:solidFill>
                          <a:latin typeface="+mn-lt"/>
                          <a:ea typeface="+mn-ea"/>
                          <a:cs typeface="+mn-cs"/>
                        </a:rPr>
                        <a:t>ONUSIDA</a:t>
                      </a:r>
                      <a:r>
                        <a:rPr lang="en-US" sz="3000" b="1" kern="1200" baseline="0" dirty="0" smtClean="0">
                          <a:solidFill>
                            <a:schemeClr val="bg1"/>
                          </a:solidFill>
                          <a:latin typeface="+mn-lt"/>
                          <a:ea typeface="+mn-ea"/>
                          <a:cs typeface="+mn-cs"/>
                        </a:rPr>
                        <a:t> y las discusiones autogestionadas</a:t>
                      </a:r>
                      <a:endParaRPr lang="en-US" sz="3000" b="1" kern="1200" dirty="0">
                        <a:solidFill>
                          <a:schemeClr val="bg1"/>
                        </a:solidFill>
                        <a:latin typeface="Arial" panose="020B0604020202020204" pitchFamily="34" charset="0"/>
                        <a:ea typeface="+mn-ea"/>
                        <a:cs typeface="Arial" panose="020B0604020202020204" pitchFamily="34" charset="0"/>
                      </a:endParaRPr>
                    </a:p>
                  </a:txBody>
                  <a:tcPr anchor="ctr">
                    <a:lnL w="12700" cmpd="sng">
                      <a:noFill/>
                    </a:lnL>
                    <a:lnR w="12700" cmpd="sng">
                      <a:noFill/>
                    </a:lnR>
                    <a:lnT w="38100" cmpd="sng">
                      <a:noFill/>
                    </a:lnT>
                    <a:lnB w="12700" cmpd="sng">
                      <a:noFill/>
                    </a:lnB>
                    <a:lnTlToBr w="12700" cmpd="sng">
                      <a:noFill/>
                      <a:prstDash val="solid"/>
                    </a:lnTlToBr>
                    <a:lnBlToTr w="12700" cmpd="sng">
                      <a:noFill/>
                      <a:prstDash val="solid"/>
                    </a:lnBlToTr>
                    <a:solidFill>
                      <a:schemeClr val="accent6"/>
                    </a:solidFill>
                  </a:tcPr>
                </a:tc>
                <a:extLst>
                  <a:ext uri="{0D108BD9-81ED-4DB2-BD59-A6C34878D82A}">
                    <a16:rowId xmlns:a16="http://schemas.microsoft.com/office/drawing/2014/main" xmlns="" val="10001"/>
                  </a:ext>
                </a:extLst>
              </a:tr>
              <a:tr h="1768517">
                <a:tc>
                  <a:txBody>
                    <a:bodyPr/>
                    <a:lstStyle/>
                    <a:p>
                      <a:pPr>
                        <a:lnSpc>
                          <a:spcPct val="150000"/>
                        </a:lnSpc>
                      </a:pPr>
                      <a:r>
                        <a:rPr lang="es-VE" sz="2000" dirty="0" smtClean="0">
                          <a:latin typeface="Arial" panose="020B0604020202020204" pitchFamily="34" charset="0"/>
                          <a:cs typeface="Arial" panose="020B0604020202020204" pitchFamily="34" charset="0"/>
                        </a:rPr>
                        <a:t>ONUSIDA liderará una serie de grupos </a:t>
                      </a:r>
                      <a:r>
                        <a:rPr lang="es-VE" sz="2000" dirty="0" smtClean="0">
                          <a:latin typeface="Arial" panose="020B0604020202020204" pitchFamily="34" charset="0"/>
                          <a:cs typeface="Arial" panose="020B0604020202020204" pitchFamily="34" charset="0"/>
                        </a:rPr>
                        <a:t>de</a:t>
                      </a:r>
                      <a:r>
                        <a:rPr lang="es-VE" sz="2000" baseline="0" dirty="0" smtClean="0">
                          <a:latin typeface="Arial" panose="020B0604020202020204" pitchFamily="34" charset="0"/>
                          <a:cs typeface="Arial" panose="020B0604020202020204" pitchFamily="34" charset="0"/>
                        </a:rPr>
                        <a:t> enfoque</a:t>
                      </a:r>
                      <a:r>
                        <a:rPr lang="es-VE" sz="2000" dirty="0" smtClean="0">
                          <a:latin typeface="Arial" panose="020B0604020202020204" pitchFamily="34" charset="0"/>
                          <a:cs typeface="Arial" panose="020B0604020202020204" pitchFamily="34" charset="0"/>
                        </a:rPr>
                        <a:t> </a:t>
                      </a:r>
                      <a:r>
                        <a:rPr lang="es-VE" sz="2000" dirty="0" smtClean="0">
                          <a:latin typeface="Arial" panose="020B0604020202020204" pitchFamily="34" charset="0"/>
                          <a:cs typeface="Arial" panose="020B0604020202020204" pitchFamily="34" charset="0"/>
                        </a:rPr>
                        <a:t>temáticos mundiales (Junio - Agosto 2020)</a:t>
                      </a:r>
                    </a:p>
                    <a:p>
                      <a:pPr>
                        <a:lnSpc>
                          <a:spcPct val="150000"/>
                        </a:lnSpc>
                      </a:pPr>
                      <a:r>
                        <a:rPr lang="es-VE" sz="2000" dirty="0" smtClean="0">
                          <a:latin typeface="Arial" panose="020B0604020202020204" pitchFamily="34" charset="0"/>
                          <a:cs typeface="Arial" panose="020B0604020202020204" pitchFamily="34" charset="0"/>
                        </a:rPr>
                        <a:t>y</a:t>
                      </a:r>
                      <a:endParaRPr lang="en-US" sz="2000" dirty="0" smtClean="0">
                        <a:latin typeface="Arial" panose="020B0604020202020204" pitchFamily="34" charset="0"/>
                        <a:cs typeface="Arial" panose="020B0604020202020204" pitchFamily="34" charset="0"/>
                      </a:endParaRPr>
                    </a:p>
                    <a:p>
                      <a:pPr>
                        <a:lnSpc>
                          <a:spcPct val="150000"/>
                        </a:lnSpc>
                      </a:pPr>
                      <a:r>
                        <a:rPr lang="es-VE" sz="2000" dirty="0" smtClean="0">
                          <a:latin typeface="Arial" panose="020B0604020202020204" pitchFamily="34" charset="0"/>
                          <a:cs typeface="Arial" panose="020B0604020202020204" pitchFamily="34" charset="0"/>
                        </a:rPr>
                        <a:t>ONUSIDA apoyará a quienes deseen organizar discusiones </a:t>
                      </a:r>
                      <a:r>
                        <a:rPr lang="es-VE" sz="2000" dirty="0" smtClean="0">
                          <a:latin typeface="Arial" panose="020B0604020202020204" pitchFamily="34" charset="0"/>
                          <a:cs typeface="Arial" panose="020B0604020202020204" pitchFamily="34" charset="0"/>
                        </a:rPr>
                        <a:t>en </a:t>
                      </a:r>
                      <a:r>
                        <a:rPr lang="es-VE" sz="2000" dirty="0" smtClean="0">
                          <a:latin typeface="Arial" panose="020B0604020202020204" pitchFamily="34" charset="0"/>
                          <a:cs typeface="Arial" panose="020B0604020202020204" pitchFamily="34" charset="0"/>
                        </a:rPr>
                        <a:t>grupos </a:t>
                      </a:r>
                      <a:r>
                        <a:rPr lang="es-VE" sz="2000" dirty="0" smtClean="0">
                          <a:latin typeface="Arial" panose="020B0604020202020204" pitchFamily="34" charset="0"/>
                          <a:cs typeface="Arial" panose="020B0604020202020204" pitchFamily="34" charset="0"/>
                        </a:rPr>
                        <a:t>de</a:t>
                      </a:r>
                      <a:r>
                        <a:rPr lang="es-VE" sz="2000" baseline="0" dirty="0" smtClean="0">
                          <a:latin typeface="Arial" panose="020B0604020202020204" pitchFamily="34" charset="0"/>
                          <a:cs typeface="Arial" panose="020B0604020202020204" pitchFamily="34" charset="0"/>
                        </a:rPr>
                        <a:t> enfoque.</a:t>
                      </a:r>
                      <a:endParaRPr lang="en-US" sz="2000" dirty="0">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ZA" sz="2000" dirty="0">
                        <a:latin typeface="Calibri" panose="020F0502020204030204" pitchFamily="34" charset="0"/>
                        <a:ea typeface="Calibri" panose="020F0502020204030204" pitchFamily="34" charset="0"/>
                        <a:cs typeface="Times New Roman" panose="02020603050405020304" pitchFamily="18" charset="0"/>
                      </a:endParaRPr>
                    </a:p>
                  </a:txBody>
                  <a:tcPr anchor="ctr">
                    <a:lnT w="38100" cmpd="sng">
                      <a:noFill/>
                    </a:lnT>
                    <a:solidFill>
                      <a:schemeClr val="bg1"/>
                    </a:solidFill>
                  </a:tcPr>
                </a:tc>
                <a:extLst>
                  <a:ext uri="{0D108BD9-81ED-4DB2-BD59-A6C34878D82A}">
                    <a16:rowId xmlns:a16="http://schemas.microsoft.com/office/drawing/2014/main" xmlns="" val="10004"/>
                  </a:ext>
                </a:extLst>
              </a:tr>
              <a:tr h="1768517">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ZA" sz="2000" dirty="0" smtClean="0">
                          <a:latin typeface="+mj-lt"/>
                          <a:ea typeface="Calibri" panose="020F0502020204030204" pitchFamily="34" charset="0"/>
                          <a:cs typeface="Times New Roman" panose="02020603050405020304" pitchFamily="18" charset="0"/>
                        </a:rPr>
                        <a:t>Para asegurar la mayor participación posible de los aliados de ONUSIDA, se invita a los grupos autogestionados a explorar e identificar temas o ejes geográficos para diálogos exhaustivos.</a:t>
                      </a:r>
                      <a:endParaRPr lang="en-ZA" sz="2000" dirty="0">
                        <a:latin typeface="+mj-lt"/>
                        <a:ea typeface="Calibri" panose="020F0502020204030204" pitchFamily="34" charset="0"/>
                        <a:cs typeface="Times New Roman" panose="02020603050405020304" pitchFamily="18" charset="0"/>
                      </a:endParaRPr>
                    </a:p>
                  </a:txBody>
                  <a:tcPr anchor="ctr">
                    <a:solidFill>
                      <a:schemeClr val="bg1">
                        <a:lumMod val="85000"/>
                      </a:schemeClr>
                    </a:solidFill>
                  </a:tcPr>
                </a:tc>
                <a:extLst>
                  <a:ext uri="{0D108BD9-81ED-4DB2-BD59-A6C34878D82A}">
                    <a16:rowId xmlns:a16="http://schemas.microsoft.com/office/drawing/2014/main" xmlns="" val="1738329731"/>
                  </a:ext>
                </a:extLst>
              </a:tr>
              <a:tr h="1849547">
                <a:tc>
                  <a:txBody>
                    <a:bodyPr/>
                    <a:lstStyle/>
                    <a:p>
                      <a:pPr algn="ctr">
                        <a:lnSpc>
                          <a:spcPct val="107000"/>
                        </a:lnSpc>
                        <a:spcAft>
                          <a:spcPts val="600"/>
                        </a:spcAft>
                      </a:pPr>
                      <a:r>
                        <a:rPr lang="es-VE" sz="1800" dirty="0" smtClean="0">
                          <a:effectLst/>
                          <a:latin typeface="+mj-lt"/>
                          <a:ea typeface="Calibri" panose="020F0502020204030204" pitchFamily="34" charset="0"/>
                          <a:cs typeface="Times New Roman" panose="02020603050405020304" pitchFamily="18" charset="0"/>
                        </a:rPr>
                        <a:t>Invitamos a los interesados en dirigir discusiones </a:t>
                      </a:r>
                      <a:r>
                        <a:rPr lang="es-VE" sz="1800" dirty="0" smtClean="0">
                          <a:effectLst/>
                          <a:latin typeface="+mj-lt"/>
                          <a:ea typeface="Calibri" panose="020F0502020204030204" pitchFamily="34" charset="0"/>
                          <a:cs typeface="Times New Roman" panose="02020603050405020304" pitchFamily="18" charset="0"/>
                        </a:rPr>
                        <a:t>en</a:t>
                      </a:r>
                      <a:r>
                        <a:rPr lang="es-VE" sz="1800" baseline="0" dirty="0" smtClean="0">
                          <a:effectLst/>
                          <a:latin typeface="+mj-lt"/>
                          <a:ea typeface="Calibri" panose="020F0502020204030204" pitchFamily="34" charset="0"/>
                          <a:cs typeface="Times New Roman" panose="02020603050405020304" pitchFamily="18" charset="0"/>
                        </a:rPr>
                        <a:t> grupos de enfoque </a:t>
                      </a:r>
                      <a:r>
                        <a:rPr lang="es-VE" sz="1800" dirty="0" smtClean="0">
                          <a:effectLst/>
                          <a:latin typeface="+mj-lt"/>
                          <a:ea typeface="Calibri" panose="020F0502020204030204" pitchFamily="34" charset="0"/>
                          <a:cs typeface="Times New Roman" panose="02020603050405020304" pitchFamily="18" charset="0"/>
                        </a:rPr>
                        <a:t>a </a:t>
                      </a:r>
                      <a:r>
                        <a:rPr lang="es-VE" sz="1800" dirty="0" smtClean="0">
                          <a:effectLst/>
                          <a:latin typeface="+mj-lt"/>
                          <a:ea typeface="Calibri" panose="020F0502020204030204" pitchFamily="34" charset="0"/>
                          <a:cs typeface="Times New Roman" panose="02020603050405020304" pitchFamily="18" charset="0"/>
                        </a:rPr>
                        <a:t>contactarnos a través de strategyteam@unaids.org. Podremos darles orientaciones y apoyo durante su preparación.</a:t>
                      </a:r>
                      <a:endParaRPr lang="en-ZA" sz="1800" dirty="0">
                        <a:effectLst/>
                        <a:latin typeface="+mj-lt"/>
                        <a:ea typeface="Calibri" panose="020F0502020204030204" pitchFamily="34" charset="0"/>
                        <a:cs typeface="Times New Roman" panose="02020603050405020304" pitchFamily="18" charset="0"/>
                      </a:endParaRPr>
                    </a:p>
                  </a:txBody>
                  <a:tcPr anchor="ctr">
                    <a:solidFill>
                      <a:schemeClr val="accent2"/>
                    </a:solidFill>
                  </a:tcPr>
                </a:tc>
                <a:extLst>
                  <a:ext uri="{0D108BD9-81ED-4DB2-BD59-A6C34878D82A}">
                    <a16:rowId xmlns:a16="http://schemas.microsoft.com/office/drawing/2014/main" xmlns="" val="1434521287"/>
                  </a:ext>
                </a:extLst>
              </a:tr>
            </a:tbl>
          </a:graphicData>
        </a:graphic>
      </p:graphicFrame>
    </p:spTree>
    <p:extLst>
      <p:ext uri="{BB962C8B-B14F-4D97-AF65-F5344CB8AC3E}">
        <p14:creationId xmlns:p14="http://schemas.microsoft.com/office/powerpoint/2010/main" val="4573106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Rounded Rectangle 13">
            <a:hlinkClick r:id="rId3"/>
          </p:cNvPr>
          <p:cNvSpPr/>
          <p:nvPr/>
        </p:nvSpPr>
        <p:spPr>
          <a:xfrm>
            <a:off x="174038" y="4038104"/>
            <a:ext cx="4146175" cy="2470781"/>
          </a:xfrm>
          <a:prstGeom prst="round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a:lnSpc>
                <a:spcPct val="107000"/>
              </a:lnSpc>
              <a:spcAft>
                <a:spcPts val="800"/>
              </a:spcAft>
            </a:pPr>
            <a:r>
              <a:rPr lang="en-ZA" b="1" dirty="0" smtClean="0">
                <a:solidFill>
                  <a:schemeClr val="tx1"/>
                </a:solidFill>
                <a:latin typeface="Arial" panose="020B0604020202020204" pitchFamily="34" charset="0"/>
                <a:ea typeface="Calibri" panose="020F0502020204030204" pitchFamily="34" charset="0"/>
                <a:cs typeface="Times New Roman" panose="02020603050405020304" pitchFamily="18" charset="0"/>
              </a:rPr>
              <a:t>Nota:</a:t>
            </a:r>
            <a:r>
              <a:rPr lang="en-ZA" dirty="0" smtClean="0">
                <a:solidFill>
                  <a:schemeClr val="tx1"/>
                </a:solidFill>
                <a:latin typeface="Arial" panose="020B0604020202020204" pitchFamily="34" charset="0"/>
                <a:ea typeface="Calibri" panose="020F0502020204030204" pitchFamily="34" charset="0"/>
                <a:cs typeface="Times New Roman" panose="02020603050405020304" pitchFamily="18" charset="0"/>
              </a:rPr>
              <a:t> </a:t>
            </a:r>
            <a:r>
              <a:rPr lang="es-VE" dirty="0">
                <a:solidFill>
                  <a:schemeClr val="tx1"/>
                </a:solidFill>
                <a:latin typeface="Arial" panose="020B0604020202020204" pitchFamily="34" charset="0"/>
                <a:ea typeface="Calibri" panose="020F0502020204030204" pitchFamily="34" charset="0"/>
                <a:cs typeface="Times New Roman" panose="02020603050405020304" pitchFamily="18" charset="0"/>
              </a:rPr>
              <a:t>La agenda incluye discusiones para grupos pequeños. La guía utiliza una cuenta de Zoom paga como plataforma virtual. Si no utilizas Zoom, verifica que tu plataforma de elección cuenta con esta función.</a:t>
            </a:r>
            <a:endParaRPr lang="en-ZA" dirty="0">
              <a:solidFill>
                <a:schemeClr val="tx1"/>
              </a:solidFill>
              <a:latin typeface="Calibri" panose="020F0502020204030204" pitchFamily="34" charset="0"/>
              <a:ea typeface="Calibri" panose="020F0502020204030204" pitchFamily="34" charset="0"/>
              <a:cs typeface="Times New Roman" panose="02020603050405020304" pitchFamily="18" charset="0"/>
            </a:endParaRPr>
          </a:p>
        </p:txBody>
      </p:sp>
      <p:sp>
        <p:nvSpPr>
          <p:cNvPr id="17" name="Freeform 19"/>
          <p:cNvSpPr>
            <a:spLocks noChangeAspect="1" noEditPoints="1"/>
          </p:cNvSpPr>
          <p:nvPr/>
        </p:nvSpPr>
        <p:spPr bwMode="auto">
          <a:xfrm rot="9093742">
            <a:off x="4422181" y="5285171"/>
            <a:ext cx="2867173" cy="1154766"/>
          </a:xfrm>
          <a:custGeom>
            <a:avLst/>
            <a:gdLst>
              <a:gd name="T0" fmla="*/ 715 w 868"/>
              <a:gd name="T1" fmla="*/ 128 h 351"/>
              <a:gd name="T2" fmla="*/ 363 w 868"/>
              <a:gd name="T3" fmla="*/ 50 h 351"/>
              <a:gd name="T4" fmla="*/ 226 w 868"/>
              <a:gd name="T5" fmla="*/ 94 h 351"/>
              <a:gd name="T6" fmla="*/ 155 w 868"/>
              <a:gd name="T7" fmla="*/ 112 h 351"/>
              <a:gd name="T8" fmla="*/ 111 w 868"/>
              <a:gd name="T9" fmla="*/ 138 h 351"/>
              <a:gd name="T10" fmla="*/ 85 w 868"/>
              <a:gd name="T11" fmla="*/ 163 h 351"/>
              <a:gd name="T12" fmla="*/ 104 w 868"/>
              <a:gd name="T13" fmla="*/ 185 h 351"/>
              <a:gd name="T14" fmla="*/ 69 w 868"/>
              <a:gd name="T15" fmla="*/ 174 h 351"/>
              <a:gd name="T16" fmla="*/ 92 w 868"/>
              <a:gd name="T17" fmla="*/ 203 h 351"/>
              <a:gd name="T18" fmla="*/ 66 w 868"/>
              <a:gd name="T19" fmla="*/ 192 h 351"/>
              <a:gd name="T20" fmla="*/ 75 w 868"/>
              <a:gd name="T21" fmla="*/ 207 h 351"/>
              <a:gd name="T22" fmla="*/ 72 w 868"/>
              <a:gd name="T23" fmla="*/ 224 h 351"/>
              <a:gd name="T24" fmla="*/ 64 w 868"/>
              <a:gd name="T25" fmla="*/ 228 h 351"/>
              <a:gd name="T26" fmla="*/ 29 w 868"/>
              <a:gd name="T27" fmla="*/ 217 h 351"/>
              <a:gd name="T28" fmla="*/ 31 w 868"/>
              <a:gd name="T29" fmla="*/ 228 h 351"/>
              <a:gd name="T30" fmla="*/ 53 w 868"/>
              <a:gd name="T31" fmla="*/ 253 h 351"/>
              <a:gd name="T32" fmla="*/ 36 w 868"/>
              <a:gd name="T33" fmla="*/ 257 h 351"/>
              <a:gd name="T34" fmla="*/ 774 w 868"/>
              <a:gd name="T35" fmla="*/ 258 h 351"/>
              <a:gd name="T36" fmla="*/ 640 w 868"/>
              <a:gd name="T37" fmla="*/ 136 h 351"/>
              <a:gd name="T38" fmla="*/ 376 w 868"/>
              <a:gd name="T39" fmla="*/ 47 h 351"/>
              <a:gd name="T40" fmla="*/ 235 w 868"/>
              <a:gd name="T41" fmla="*/ 76 h 351"/>
              <a:gd name="T42" fmla="*/ 221 w 868"/>
              <a:gd name="T43" fmla="*/ 70 h 351"/>
              <a:gd name="T44" fmla="*/ 180 w 868"/>
              <a:gd name="T45" fmla="*/ 89 h 351"/>
              <a:gd name="T46" fmla="*/ 168 w 868"/>
              <a:gd name="T47" fmla="*/ 110 h 351"/>
              <a:gd name="T48" fmla="*/ 140 w 868"/>
              <a:gd name="T49" fmla="*/ 145 h 351"/>
              <a:gd name="T50" fmla="*/ 81 w 868"/>
              <a:gd name="T51" fmla="*/ 192 h 351"/>
              <a:gd name="T52" fmla="*/ 126 w 868"/>
              <a:gd name="T53" fmla="*/ 134 h 351"/>
              <a:gd name="T54" fmla="*/ 253 w 868"/>
              <a:gd name="T55" fmla="*/ 36 h 351"/>
              <a:gd name="T56" fmla="*/ 399 w 868"/>
              <a:gd name="T57" fmla="*/ 2 h 351"/>
              <a:gd name="T58" fmla="*/ 510 w 868"/>
              <a:gd name="T59" fmla="*/ 14 h 351"/>
              <a:gd name="T60" fmla="*/ 732 w 868"/>
              <a:gd name="T61" fmla="*/ 145 h 351"/>
              <a:gd name="T62" fmla="*/ 794 w 868"/>
              <a:gd name="T63" fmla="*/ 260 h 351"/>
              <a:gd name="T64" fmla="*/ 787 w 868"/>
              <a:gd name="T65" fmla="*/ 222 h 351"/>
              <a:gd name="T66" fmla="*/ 721 w 868"/>
              <a:gd name="T67" fmla="*/ 150 h 351"/>
              <a:gd name="T68" fmla="*/ 533 w 868"/>
              <a:gd name="T69" fmla="*/ 22 h 351"/>
              <a:gd name="T70" fmla="*/ 380 w 868"/>
              <a:gd name="T71" fmla="*/ 47 h 351"/>
              <a:gd name="T72" fmla="*/ 307 w 868"/>
              <a:gd name="T73" fmla="*/ 53 h 351"/>
              <a:gd name="T74" fmla="*/ 281 w 868"/>
              <a:gd name="T75" fmla="*/ 47 h 351"/>
              <a:gd name="T76" fmla="*/ 242 w 868"/>
              <a:gd name="T77" fmla="*/ 43 h 351"/>
              <a:gd name="T78" fmla="*/ 222 w 868"/>
              <a:gd name="T79" fmla="*/ 51 h 351"/>
              <a:gd name="T80" fmla="*/ 197 w 868"/>
              <a:gd name="T81" fmla="*/ 73 h 351"/>
              <a:gd name="T82" fmla="*/ 164 w 868"/>
              <a:gd name="T83" fmla="*/ 99 h 351"/>
              <a:gd name="T84" fmla="*/ 142 w 868"/>
              <a:gd name="T85" fmla="*/ 117 h 351"/>
              <a:gd name="T86" fmla="*/ 141 w 868"/>
              <a:gd name="T87" fmla="*/ 138 h 351"/>
              <a:gd name="T88" fmla="*/ 124 w 868"/>
              <a:gd name="T89" fmla="*/ 129 h 351"/>
              <a:gd name="T90" fmla="*/ 113 w 868"/>
              <a:gd name="T91" fmla="*/ 142 h 351"/>
              <a:gd name="T92" fmla="*/ 337 w 868"/>
              <a:gd name="T93" fmla="*/ 9 h 351"/>
              <a:gd name="T94" fmla="*/ 168 w 868"/>
              <a:gd name="T95" fmla="*/ 125 h 351"/>
              <a:gd name="T96" fmla="*/ 197 w 868"/>
              <a:gd name="T97" fmla="*/ 105 h 351"/>
              <a:gd name="T98" fmla="*/ 131 w 868"/>
              <a:gd name="T99" fmla="*/ 159 h 351"/>
              <a:gd name="T100" fmla="*/ 88 w 868"/>
              <a:gd name="T101" fmla="*/ 171 h 351"/>
              <a:gd name="T102" fmla="*/ 85 w 868"/>
              <a:gd name="T103" fmla="*/ 191 h 351"/>
              <a:gd name="T104" fmla="*/ 79 w 868"/>
              <a:gd name="T105" fmla="*/ 215 h 351"/>
              <a:gd name="T106" fmla="*/ 48 w 868"/>
              <a:gd name="T107" fmla="*/ 193 h 351"/>
              <a:gd name="T108" fmla="*/ 64 w 868"/>
              <a:gd name="T109" fmla="*/ 238 h 351"/>
              <a:gd name="T110" fmla="*/ 17 w 868"/>
              <a:gd name="T111" fmla="*/ 235 h 351"/>
              <a:gd name="T112" fmla="*/ 87 w 868"/>
              <a:gd name="T113" fmla="*/ 158 h 351"/>
              <a:gd name="T114" fmla="*/ 865 w 868"/>
              <a:gd name="T115" fmla="*/ 172 h 351"/>
              <a:gd name="T116" fmla="*/ 859 w 868"/>
              <a:gd name="T117" fmla="*/ 117 h 351"/>
              <a:gd name="T118" fmla="*/ 782 w 868"/>
              <a:gd name="T119" fmla="*/ 277 h 351"/>
              <a:gd name="T120" fmla="*/ 841 w 868"/>
              <a:gd name="T121" fmla="*/ 164 h 351"/>
              <a:gd name="T122" fmla="*/ 861 w 868"/>
              <a:gd name="T123" fmla="*/ 201 h 351"/>
              <a:gd name="T124" fmla="*/ 666 w 868"/>
              <a:gd name="T125" fmla="*/ 296 h 3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868" h="351">
                <a:moveTo>
                  <a:pt x="813" y="278"/>
                </a:moveTo>
                <a:cubicBezTo>
                  <a:pt x="812" y="276"/>
                  <a:pt x="811" y="275"/>
                  <a:pt x="812" y="275"/>
                </a:cubicBezTo>
                <a:cubicBezTo>
                  <a:pt x="813" y="277"/>
                  <a:pt x="813" y="278"/>
                  <a:pt x="813" y="278"/>
                </a:cubicBezTo>
                <a:close/>
                <a:moveTo>
                  <a:pt x="812" y="266"/>
                </a:moveTo>
                <a:cubicBezTo>
                  <a:pt x="813" y="269"/>
                  <a:pt x="814" y="269"/>
                  <a:pt x="814" y="271"/>
                </a:cubicBezTo>
                <a:cubicBezTo>
                  <a:pt x="813" y="267"/>
                  <a:pt x="813" y="271"/>
                  <a:pt x="813" y="270"/>
                </a:cubicBezTo>
                <a:cubicBezTo>
                  <a:pt x="815" y="276"/>
                  <a:pt x="814" y="270"/>
                  <a:pt x="815" y="272"/>
                </a:cubicBezTo>
                <a:cubicBezTo>
                  <a:pt x="814" y="268"/>
                  <a:pt x="813" y="267"/>
                  <a:pt x="812" y="266"/>
                </a:cubicBezTo>
                <a:close/>
                <a:moveTo>
                  <a:pt x="781" y="282"/>
                </a:moveTo>
                <a:cubicBezTo>
                  <a:pt x="782" y="285"/>
                  <a:pt x="783" y="285"/>
                  <a:pt x="784" y="284"/>
                </a:cubicBezTo>
                <a:cubicBezTo>
                  <a:pt x="782" y="282"/>
                  <a:pt x="782" y="282"/>
                  <a:pt x="781" y="282"/>
                </a:cubicBezTo>
                <a:close/>
                <a:moveTo>
                  <a:pt x="798" y="267"/>
                </a:moveTo>
                <a:cubicBezTo>
                  <a:pt x="798" y="268"/>
                  <a:pt x="801" y="272"/>
                  <a:pt x="801" y="272"/>
                </a:cubicBezTo>
                <a:cubicBezTo>
                  <a:pt x="801" y="269"/>
                  <a:pt x="799" y="267"/>
                  <a:pt x="798" y="267"/>
                </a:cubicBezTo>
                <a:close/>
                <a:moveTo>
                  <a:pt x="791" y="270"/>
                </a:moveTo>
                <a:cubicBezTo>
                  <a:pt x="791" y="272"/>
                  <a:pt x="793" y="275"/>
                  <a:pt x="793" y="276"/>
                </a:cubicBezTo>
                <a:cubicBezTo>
                  <a:pt x="793" y="274"/>
                  <a:pt x="791" y="271"/>
                  <a:pt x="791" y="270"/>
                </a:cubicBezTo>
                <a:close/>
                <a:moveTo>
                  <a:pt x="789" y="269"/>
                </a:moveTo>
                <a:cubicBezTo>
                  <a:pt x="788" y="269"/>
                  <a:pt x="791" y="272"/>
                  <a:pt x="790" y="273"/>
                </a:cubicBezTo>
                <a:cubicBezTo>
                  <a:pt x="789" y="270"/>
                  <a:pt x="788" y="270"/>
                  <a:pt x="787" y="270"/>
                </a:cubicBezTo>
                <a:cubicBezTo>
                  <a:pt x="789" y="273"/>
                  <a:pt x="790" y="274"/>
                  <a:pt x="791" y="276"/>
                </a:cubicBezTo>
                <a:cubicBezTo>
                  <a:pt x="792" y="276"/>
                  <a:pt x="792" y="274"/>
                  <a:pt x="793" y="276"/>
                </a:cubicBezTo>
                <a:cubicBezTo>
                  <a:pt x="792" y="273"/>
                  <a:pt x="791" y="272"/>
                  <a:pt x="789" y="269"/>
                </a:cubicBezTo>
                <a:close/>
                <a:moveTo>
                  <a:pt x="801" y="266"/>
                </a:moveTo>
                <a:cubicBezTo>
                  <a:pt x="800" y="266"/>
                  <a:pt x="800" y="268"/>
                  <a:pt x="801" y="271"/>
                </a:cubicBezTo>
                <a:cubicBezTo>
                  <a:pt x="802" y="271"/>
                  <a:pt x="801" y="267"/>
                  <a:pt x="801" y="266"/>
                </a:cubicBezTo>
                <a:close/>
                <a:moveTo>
                  <a:pt x="799" y="270"/>
                </a:moveTo>
                <a:cubicBezTo>
                  <a:pt x="799" y="270"/>
                  <a:pt x="798" y="270"/>
                  <a:pt x="798" y="269"/>
                </a:cubicBezTo>
                <a:cubicBezTo>
                  <a:pt x="797" y="269"/>
                  <a:pt x="797" y="270"/>
                  <a:pt x="798" y="272"/>
                </a:cubicBezTo>
                <a:cubicBezTo>
                  <a:pt x="798" y="271"/>
                  <a:pt x="800" y="273"/>
                  <a:pt x="799" y="270"/>
                </a:cubicBezTo>
                <a:close/>
                <a:moveTo>
                  <a:pt x="770" y="269"/>
                </a:moveTo>
                <a:cubicBezTo>
                  <a:pt x="771" y="271"/>
                  <a:pt x="772" y="272"/>
                  <a:pt x="773" y="272"/>
                </a:cubicBezTo>
                <a:cubicBezTo>
                  <a:pt x="772" y="270"/>
                  <a:pt x="771" y="269"/>
                  <a:pt x="770" y="269"/>
                </a:cubicBezTo>
                <a:close/>
                <a:moveTo>
                  <a:pt x="807" y="248"/>
                </a:moveTo>
                <a:cubicBezTo>
                  <a:pt x="808" y="250"/>
                  <a:pt x="810" y="253"/>
                  <a:pt x="810" y="252"/>
                </a:cubicBezTo>
                <a:cubicBezTo>
                  <a:pt x="809" y="249"/>
                  <a:pt x="808" y="247"/>
                  <a:pt x="807" y="248"/>
                </a:cubicBezTo>
                <a:close/>
                <a:moveTo>
                  <a:pt x="802" y="246"/>
                </a:moveTo>
                <a:cubicBezTo>
                  <a:pt x="803" y="247"/>
                  <a:pt x="803" y="248"/>
                  <a:pt x="804" y="251"/>
                </a:cubicBezTo>
                <a:cubicBezTo>
                  <a:pt x="805" y="251"/>
                  <a:pt x="803" y="245"/>
                  <a:pt x="802" y="246"/>
                </a:cubicBezTo>
                <a:close/>
                <a:moveTo>
                  <a:pt x="805" y="245"/>
                </a:moveTo>
                <a:cubicBezTo>
                  <a:pt x="803" y="240"/>
                  <a:pt x="804" y="239"/>
                  <a:pt x="802" y="235"/>
                </a:cubicBezTo>
                <a:cubicBezTo>
                  <a:pt x="800" y="234"/>
                  <a:pt x="796" y="236"/>
                  <a:pt x="801" y="245"/>
                </a:cubicBezTo>
                <a:cubicBezTo>
                  <a:pt x="801" y="242"/>
                  <a:pt x="806" y="248"/>
                  <a:pt x="805" y="245"/>
                </a:cubicBezTo>
                <a:close/>
                <a:moveTo>
                  <a:pt x="759" y="246"/>
                </a:moveTo>
                <a:cubicBezTo>
                  <a:pt x="759" y="247"/>
                  <a:pt x="758" y="246"/>
                  <a:pt x="758" y="246"/>
                </a:cubicBezTo>
                <a:cubicBezTo>
                  <a:pt x="759" y="248"/>
                  <a:pt x="760" y="248"/>
                  <a:pt x="759" y="248"/>
                </a:cubicBezTo>
                <a:cubicBezTo>
                  <a:pt x="760" y="250"/>
                  <a:pt x="760" y="250"/>
                  <a:pt x="761" y="250"/>
                </a:cubicBezTo>
                <a:cubicBezTo>
                  <a:pt x="759" y="248"/>
                  <a:pt x="760" y="248"/>
                  <a:pt x="759" y="246"/>
                </a:cubicBezTo>
                <a:close/>
                <a:moveTo>
                  <a:pt x="766" y="178"/>
                </a:moveTo>
                <a:cubicBezTo>
                  <a:pt x="766" y="178"/>
                  <a:pt x="766" y="178"/>
                  <a:pt x="767" y="180"/>
                </a:cubicBezTo>
                <a:cubicBezTo>
                  <a:pt x="767" y="180"/>
                  <a:pt x="768" y="181"/>
                  <a:pt x="768" y="181"/>
                </a:cubicBezTo>
                <a:cubicBezTo>
                  <a:pt x="767" y="179"/>
                  <a:pt x="768" y="180"/>
                  <a:pt x="766" y="178"/>
                </a:cubicBezTo>
                <a:close/>
                <a:moveTo>
                  <a:pt x="756" y="167"/>
                </a:moveTo>
                <a:cubicBezTo>
                  <a:pt x="757" y="168"/>
                  <a:pt x="758" y="169"/>
                  <a:pt x="757" y="169"/>
                </a:cubicBezTo>
                <a:cubicBezTo>
                  <a:pt x="762" y="175"/>
                  <a:pt x="758" y="167"/>
                  <a:pt x="756" y="167"/>
                </a:cubicBezTo>
                <a:close/>
                <a:moveTo>
                  <a:pt x="713" y="128"/>
                </a:moveTo>
                <a:cubicBezTo>
                  <a:pt x="713" y="127"/>
                  <a:pt x="714" y="127"/>
                  <a:pt x="715" y="128"/>
                </a:cubicBezTo>
                <a:cubicBezTo>
                  <a:pt x="712" y="125"/>
                  <a:pt x="710" y="125"/>
                  <a:pt x="713" y="128"/>
                </a:cubicBezTo>
                <a:close/>
                <a:moveTo>
                  <a:pt x="640" y="70"/>
                </a:moveTo>
                <a:cubicBezTo>
                  <a:pt x="634" y="64"/>
                  <a:pt x="636" y="68"/>
                  <a:pt x="640" y="70"/>
                </a:cubicBezTo>
                <a:close/>
                <a:moveTo>
                  <a:pt x="545" y="23"/>
                </a:moveTo>
                <a:cubicBezTo>
                  <a:pt x="544" y="24"/>
                  <a:pt x="548" y="25"/>
                  <a:pt x="549" y="24"/>
                </a:cubicBezTo>
                <a:cubicBezTo>
                  <a:pt x="546" y="24"/>
                  <a:pt x="547" y="24"/>
                  <a:pt x="545" y="23"/>
                </a:cubicBezTo>
                <a:close/>
                <a:moveTo>
                  <a:pt x="539" y="20"/>
                </a:moveTo>
                <a:cubicBezTo>
                  <a:pt x="539" y="20"/>
                  <a:pt x="538" y="20"/>
                  <a:pt x="538" y="20"/>
                </a:cubicBezTo>
                <a:cubicBezTo>
                  <a:pt x="540" y="21"/>
                  <a:pt x="543" y="22"/>
                  <a:pt x="543" y="21"/>
                </a:cubicBezTo>
                <a:cubicBezTo>
                  <a:pt x="540" y="20"/>
                  <a:pt x="540" y="21"/>
                  <a:pt x="539" y="20"/>
                </a:cubicBezTo>
                <a:close/>
                <a:moveTo>
                  <a:pt x="530" y="17"/>
                </a:moveTo>
                <a:cubicBezTo>
                  <a:pt x="529" y="18"/>
                  <a:pt x="534" y="19"/>
                  <a:pt x="534" y="18"/>
                </a:cubicBezTo>
                <a:lnTo>
                  <a:pt x="530" y="17"/>
                </a:lnTo>
                <a:close/>
                <a:moveTo>
                  <a:pt x="524" y="16"/>
                </a:moveTo>
                <a:cubicBezTo>
                  <a:pt x="524" y="16"/>
                  <a:pt x="522" y="16"/>
                  <a:pt x="522" y="17"/>
                </a:cubicBezTo>
                <a:cubicBezTo>
                  <a:pt x="524" y="17"/>
                  <a:pt x="527" y="18"/>
                  <a:pt x="529" y="18"/>
                </a:cubicBezTo>
                <a:cubicBezTo>
                  <a:pt x="528" y="17"/>
                  <a:pt x="526" y="17"/>
                  <a:pt x="524" y="16"/>
                </a:cubicBezTo>
                <a:close/>
                <a:moveTo>
                  <a:pt x="498" y="10"/>
                </a:moveTo>
                <a:cubicBezTo>
                  <a:pt x="501" y="10"/>
                  <a:pt x="502" y="10"/>
                  <a:pt x="503" y="10"/>
                </a:cubicBezTo>
                <a:cubicBezTo>
                  <a:pt x="502" y="10"/>
                  <a:pt x="498" y="9"/>
                  <a:pt x="498" y="10"/>
                </a:cubicBezTo>
                <a:close/>
                <a:moveTo>
                  <a:pt x="467" y="7"/>
                </a:moveTo>
                <a:cubicBezTo>
                  <a:pt x="468" y="7"/>
                  <a:pt x="473" y="8"/>
                  <a:pt x="473" y="7"/>
                </a:cubicBezTo>
                <a:cubicBezTo>
                  <a:pt x="470" y="7"/>
                  <a:pt x="467" y="6"/>
                  <a:pt x="467" y="7"/>
                </a:cubicBezTo>
                <a:close/>
                <a:moveTo>
                  <a:pt x="443" y="52"/>
                </a:moveTo>
                <a:cubicBezTo>
                  <a:pt x="443" y="52"/>
                  <a:pt x="443" y="52"/>
                  <a:pt x="443" y="53"/>
                </a:cubicBezTo>
                <a:cubicBezTo>
                  <a:pt x="445" y="53"/>
                  <a:pt x="444" y="54"/>
                  <a:pt x="447" y="54"/>
                </a:cubicBezTo>
                <a:cubicBezTo>
                  <a:pt x="446" y="53"/>
                  <a:pt x="446" y="53"/>
                  <a:pt x="448" y="53"/>
                </a:cubicBezTo>
                <a:cubicBezTo>
                  <a:pt x="447" y="52"/>
                  <a:pt x="446" y="52"/>
                  <a:pt x="443" y="52"/>
                </a:cubicBezTo>
                <a:close/>
                <a:moveTo>
                  <a:pt x="435" y="51"/>
                </a:moveTo>
                <a:cubicBezTo>
                  <a:pt x="435" y="52"/>
                  <a:pt x="430" y="51"/>
                  <a:pt x="431" y="51"/>
                </a:cubicBezTo>
                <a:cubicBezTo>
                  <a:pt x="432" y="51"/>
                  <a:pt x="436" y="52"/>
                  <a:pt x="437" y="52"/>
                </a:cubicBezTo>
                <a:cubicBezTo>
                  <a:pt x="435" y="52"/>
                  <a:pt x="437" y="51"/>
                  <a:pt x="435" y="51"/>
                </a:cubicBezTo>
                <a:close/>
                <a:moveTo>
                  <a:pt x="402" y="50"/>
                </a:moveTo>
                <a:cubicBezTo>
                  <a:pt x="404" y="50"/>
                  <a:pt x="406" y="50"/>
                  <a:pt x="406" y="49"/>
                </a:cubicBezTo>
                <a:cubicBezTo>
                  <a:pt x="404" y="49"/>
                  <a:pt x="402" y="49"/>
                  <a:pt x="402" y="50"/>
                </a:cubicBezTo>
                <a:close/>
                <a:moveTo>
                  <a:pt x="391" y="1"/>
                </a:moveTo>
                <a:cubicBezTo>
                  <a:pt x="391" y="2"/>
                  <a:pt x="395" y="2"/>
                  <a:pt x="397" y="2"/>
                </a:cubicBezTo>
                <a:cubicBezTo>
                  <a:pt x="397" y="2"/>
                  <a:pt x="395" y="2"/>
                  <a:pt x="395" y="3"/>
                </a:cubicBezTo>
                <a:cubicBezTo>
                  <a:pt x="396" y="3"/>
                  <a:pt x="397" y="3"/>
                  <a:pt x="398" y="3"/>
                </a:cubicBezTo>
                <a:cubicBezTo>
                  <a:pt x="397" y="2"/>
                  <a:pt x="401" y="4"/>
                  <a:pt x="402" y="3"/>
                </a:cubicBezTo>
                <a:cubicBezTo>
                  <a:pt x="400" y="2"/>
                  <a:pt x="396" y="3"/>
                  <a:pt x="399" y="2"/>
                </a:cubicBezTo>
                <a:cubicBezTo>
                  <a:pt x="393" y="2"/>
                  <a:pt x="395" y="1"/>
                  <a:pt x="391" y="1"/>
                </a:cubicBezTo>
                <a:close/>
                <a:moveTo>
                  <a:pt x="394" y="3"/>
                </a:moveTo>
                <a:cubicBezTo>
                  <a:pt x="391" y="3"/>
                  <a:pt x="389" y="3"/>
                  <a:pt x="388" y="3"/>
                </a:cubicBezTo>
                <a:cubicBezTo>
                  <a:pt x="391" y="3"/>
                  <a:pt x="394" y="4"/>
                  <a:pt x="395" y="3"/>
                </a:cubicBezTo>
                <a:cubicBezTo>
                  <a:pt x="394" y="3"/>
                  <a:pt x="394" y="3"/>
                  <a:pt x="394" y="3"/>
                </a:cubicBezTo>
                <a:close/>
                <a:moveTo>
                  <a:pt x="384" y="2"/>
                </a:moveTo>
                <a:cubicBezTo>
                  <a:pt x="386" y="2"/>
                  <a:pt x="388" y="2"/>
                  <a:pt x="389" y="2"/>
                </a:cubicBezTo>
                <a:cubicBezTo>
                  <a:pt x="387" y="2"/>
                  <a:pt x="384" y="2"/>
                  <a:pt x="384" y="2"/>
                </a:cubicBezTo>
                <a:close/>
                <a:moveTo>
                  <a:pt x="371" y="5"/>
                </a:moveTo>
                <a:cubicBezTo>
                  <a:pt x="370" y="6"/>
                  <a:pt x="367" y="6"/>
                  <a:pt x="365" y="6"/>
                </a:cubicBezTo>
                <a:cubicBezTo>
                  <a:pt x="367" y="7"/>
                  <a:pt x="377" y="6"/>
                  <a:pt x="377" y="5"/>
                </a:cubicBezTo>
                <a:cubicBezTo>
                  <a:pt x="374" y="5"/>
                  <a:pt x="374" y="5"/>
                  <a:pt x="371" y="5"/>
                </a:cubicBezTo>
                <a:close/>
                <a:moveTo>
                  <a:pt x="364" y="51"/>
                </a:moveTo>
                <a:cubicBezTo>
                  <a:pt x="364" y="52"/>
                  <a:pt x="367" y="51"/>
                  <a:pt x="370" y="51"/>
                </a:cubicBezTo>
                <a:cubicBezTo>
                  <a:pt x="370" y="51"/>
                  <a:pt x="366" y="51"/>
                  <a:pt x="364" y="51"/>
                </a:cubicBezTo>
                <a:close/>
                <a:moveTo>
                  <a:pt x="363" y="50"/>
                </a:moveTo>
                <a:cubicBezTo>
                  <a:pt x="365" y="49"/>
                  <a:pt x="366" y="49"/>
                  <a:pt x="367" y="49"/>
                </a:cubicBezTo>
                <a:cubicBezTo>
                  <a:pt x="365" y="48"/>
                  <a:pt x="363" y="49"/>
                  <a:pt x="363" y="50"/>
                </a:cubicBezTo>
                <a:close/>
                <a:moveTo>
                  <a:pt x="326" y="13"/>
                </a:moveTo>
                <a:cubicBezTo>
                  <a:pt x="327" y="12"/>
                  <a:pt x="332" y="11"/>
                  <a:pt x="333" y="11"/>
                </a:cubicBezTo>
                <a:cubicBezTo>
                  <a:pt x="329" y="11"/>
                  <a:pt x="328" y="12"/>
                  <a:pt x="326" y="13"/>
                </a:cubicBezTo>
                <a:close/>
                <a:moveTo>
                  <a:pt x="321" y="10"/>
                </a:moveTo>
                <a:cubicBezTo>
                  <a:pt x="322" y="11"/>
                  <a:pt x="325" y="10"/>
                  <a:pt x="329" y="9"/>
                </a:cubicBezTo>
                <a:cubicBezTo>
                  <a:pt x="329" y="9"/>
                  <a:pt x="329" y="9"/>
                  <a:pt x="328" y="9"/>
                </a:cubicBezTo>
                <a:cubicBezTo>
                  <a:pt x="326" y="10"/>
                  <a:pt x="323" y="10"/>
                  <a:pt x="321" y="10"/>
                </a:cubicBezTo>
                <a:close/>
                <a:moveTo>
                  <a:pt x="322" y="58"/>
                </a:moveTo>
                <a:cubicBezTo>
                  <a:pt x="323" y="58"/>
                  <a:pt x="326" y="58"/>
                  <a:pt x="328" y="58"/>
                </a:cubicBezTo>
                <a:cubicBezTo>
                  <a:pt x="327" y="57"/>
                  <a:pt x="325" y="57"/>
                  <a:pt x="322" y="58"/>
                </a:cubicBezTo>
                <a:close/>
                <a:moveTo>
                  <a:pt x="313" y="59"/>
                </a:moveTo>
                <a:cubicBezTo>
                  <a:pt x="314" y="60"/>
                  <a:pt x="309" y="60"/>
                  <a:pt x="309" y="61"/>
                </a:cubicBezTo>
                <a:cubicBezTo>
                  <a:pt x="311" y="61"/>
                  <a:pt x="312" y="61"/>
                  <a:pt x="316" y="60"/>
                </a:cubicBezTo>
                <a:cubicBezTo>
                  <a:pt x="315" y="60"/>
                  <a:pt x="316" y="59"/>
                  <a:pt x="313" y="59"/>
                </a:cubicBezTo>
                <a:close/>
                <a:moveTo>
                  <a:pt x="286" y="24"/>
                </a:moveTo>
                <a:cubicBezTo>
                  <a:pt x="286" y="24"/>
                  <a:pt x="280" y="25"/>
                  <a:pt x="280" y="26"/>
                </a:cubicBezTo>
                <a:cubicBezTo>
                  <a:pt x="281" y="26"/>
                  <a:pt x="280" y="26"/>
                  <a:pt x="281" y="26"/>
                </a:cubicBezTo>
                <a:cubicBezTo>
                  <a:pt x="282" y="26"/>
                  <a:pt x="284" y="25"/>
                  <a:pt x="285" y="24"/>
                </a:cubicBezTo>
                <a:cubicBezTo>
                  <a:pt x="285" y="25"/>
                  <a:pt x="286" y="25"/>
                  <a:pt x="287" y="25"/>
                </a:cubicBezTo>
                <a:cubicBezTo>
                  <a:pt x="290" y="24"/>
                  <a:pt x="290" y="24"/>
                  <a:pt x="294" y="23"/>
                </a:cubicBezTo>
                <a:cubicBezTo>
                  <a:pt x="293" y="22"/>
                  <a:pt x="293" y="22"/>
                  <a:pt x="293" y="22"/>
                </a:cubicBezTo>
                <a:cubicBezTo>
                  <a:pt x="290" y="23"/>
                  <a:pt x="288" y="23"/>
                  <a:pt x="286" y="24"/>
                </a:cubicBezTo>
                <a:close/>
                <a:moveTo>
                  <a:pt x="287" y="68"/>
                </a:moveTo>
                <a:cubicBezTo>
                  <a:pt x="289" y="67"/>
                  <a:pt x="289" y="67"/>
                  <a:pt x="289" y="66"/>
                </a:cubicBezTo>
                <a:cubicBezTo>
                  <a:pt x="287" y="67"/>
                  <a:pt x="287" y="67"/>
                  <a:pt x="287" y="68"/>
                </a:cubicBezTo>
                <a:close/>
                <a:moveTo>
                  <a:pt x="237" y="80"/>
                </a:moveTo>
                <a:cubicBezTo>
                  <a:pt x="236" y="81"/>
                  <a:pt x="235" y="83"/>
                  <a:pt x="230" y="86"/>
                </a:cubicBezTo>
                <a:cubicBezTo>
                  <a:pt x="227" y="86"/>
                  <a:pt x="224" y="88"/>
                  <a:pt x="221" y="89"/>
                </a:cubicBezTo>
                <a:cubicBezTo>
                  <a:pt x="221" y="89"/>
                  <a:pt x="221" y="90"/>
                  <a:pt x="220" y="91"/>
                </a:cubicBezTo>
                <a:cubicBezTo>
                  <a:pt x="219" y="91"/>
                  <a:pt x="215" y="92"/>
                  <a:pt x="215" y="93"/>
                </a:cubicBezTo>
                <a:cubicBezTo>
                  <a:pt x="217" y="93"/>
                  <a:pt x="218" y="93"/>
                  <a:pt x="220" y="92"/>
                </a:cubicBezTo>
                <a:cubicBezTo>
                  <a:pt x="222" y="91"/>
                  <a:pt x="219" y="91"/>
                  <a:pt x="221" y="90"/>
                </a:cubicBezTo>
                <a:cubicBezTo>
                  <a:pt x="227" y="88"/>
                  <a:pt x="233" y="84"/>
                  <a:pt x="238" y="81"/>
                </a:cubicBezTo>
                <a:cubicBezTo>
                  <a:pt x="237" y="81"/>
                  <a:pt x="237" y="81"/>
                  <a:pt x="236" y="81"/>
                </a:cubicBezTo>
                <a:cubicBezTo>
                  <a:pt x="239" y="80"/>
                  <a:pt x="241" y="79"/>
                  <a:pt x="242" y="78"/>
                </a:cubicBezTo>
                <a:cubicBezTo>
                  <a:pt x="239" y="79"/>
                  <a:pt x="238" y="79"/>
                  <a:pt x="237" y="80"/>
                </a:cubicBezTo>
                <a:close/>
                <a:moveTo>
                  <a:pt x="228" y="79"/>
                </a:moveTo>
                <a:cubicBezTo>
                  <a:pt x="228" y="80"/>
                  <a:pt x="230" y="79"/>
                  <a:pt x="228" y="80"/>
                </a:cubicBezTo>
                <a:cubicBezTo>
                  <a:pt x="228" y="80"/>
                  <a:pt x="224" y="82"/>
                  <a:pt x="224" y="81"/>
                </a:cubicBezTo>
                <a:cubicBezTo>
                  <a:pt x="219" y="84"/>
                  <a:pt x="214" y="86"/>
                  <a:pt x="212" y="89"/>
                </a:cubicBezTo>
                <a:cubicBezTo>
                  <a:pt x="217" y="86"/>
                  <a:pt x="220" y="83"/>
                  <a:pt x="224" y="82"/>
                </a:cubicBezTo>
                <a:cubicBezTo>
                  <a:pt x="224" y="82"/>
                  <a:pt x="222" y="83"/>
                  <a:pt x="223" y="83"/>
                </a:cubicBezTo>
                <a:cubicBezTo>
                  <a:pt x="226" y="82"/>
                  <a:pt x="228" y="80"/>
                  <a:pt x="232" y="79"/>
                </a:cubicBezTo>
                <a:cubicBezTo>
                  <a:pt x="231" y="78"/>
                  <a:pt x="231" y="78"/>
                  <a:pt x="228" y="79"/>
                </a:cubicBezTo>
                <a:close/>
                <a:moveTo>
                  <a:pt x="209" y="55"/>
                </a:moveTo>
                <a:cubicBezTo>
                  <a:pt x="212" y="54"/>
                  <a:pt x="215" y="52"/>
                  <a:pt x="216" y="50"/>
                </a:cubicBezTo>
                <a:cubicBezTo>
                  <a:pt x="212" y="52"/>
                  <a:pt x="211" y="53"/>
                  <a:pt x="209" y="55"/>
                </a:cubicBezTo>
                <a:close/>
                <a:moveTo>
                  <a:pt x="220" y="66"/>
                </a:moveTo>
                <a:cubicBezTo>
                  <a:pt x="223" y="64"/>
                  <a:pt x="220" y="67"/>
                  <a:pt x="223" y="65"/>
                </a:cubicBezTo>
                <a:cubicBezTo>
                  <a:pt x="224" y="64"/>
                  <a:pt x="223" y="65"/>
                  <a:pt x="223" y="64"/>
                </a:cubicBezTo>
                <a:cubicBezTo>
                  <a:pt x="222" y="65"/>
                  <a:pt x="220" y="65"/>
                  <a:pt x="220" y="66"/>
                </a:cubicBezTo>
                <a:close/>
                <a:moveTo>
                  <a:pt x="217" y="67"/>
                </a:moveTo>
                <a:cubicBezTo>
                  <a:pt x="214" y="69"/>
                  <a:pt x="216" y="70"/>
                  <a:pt x="219" y="67"/>
                </a:cubicBezTo>
                <a:cubicBezTo>
                  <a:pt x="214" y="69"/>
                  <a:pt x="222" y="65"/>
                  <a:pt x="217" y="67"/>
                </a:cubicBezTo>
                <a:close/>
                <a:moveTo>
                  <a:pt x="226" y="94"/>
                </a:moveTo>
                <a:cubicBezTo>
                  <a:pt x="225" y="94"/>
                  <a:pt x="224" y="95"/>
                  <a:pt x="224" y="96"/>
                </a:cubicBezTo>
                <a:cubicBezTo>
                  <a:pt x="226" y="94"/>
                  <a:pt x="226" y="95"/>
                  <a:pt x="228" y="94"/>
                </a:cubicBezTo>
                <a:cubicBezTo>
                  <a:pt x="228" y="93"/>
                  <a:pt x="227" y="94"/>
                  <a:pt x="226" y="94"/>
                </a:cubicBezTo>
                <a:close/>
                <a:moveTo>
                  <a:pt x="216" y="80"/>
                </a:moveTo>
                <a:cubicBezTo>
                  <a:pt x="215" y="80"/>
                  <a:pt x="213" y="82"/>
                  <a:pt x="211" y="82"/>
                </a:cubicBezTo>
                <a:cubicBezTo>
                  <a:pt x="211" y="83"/>
                  <a:pt x="214" y="82"/>
                  <a:pt x="216" y="80"/>
                </a:cubicBezTo>
                <a:close/>
                <a:moveTo>
                  <a:pt x="206" y="79"/>
                </a:moveTo>
                <a:cubicBezTo>
                  <a:pt x="206" y="79"/>
                  <a:pt x="208" y="78"/>
                  <a:pt x="207" y="79"/>
                </a:cubicBezTo>
                <a:cubicBezTo>
                  <a:pt x="209" y="77"/>
                  <a:pt x="210" y="78"/>
                  <a:pt x="212" y="75"/>
                </a:cubicBezTo>
                <a:cubicBezTo>
                  <a:pt x="210" y="76"/>
                  <a:pt x="208" y="77"/>
                  <a:pt x="206" y="79"/>
                </a:cubicBezTo>
                <a:close/>
                <a:moveTo>
                  <a:pt x="192" y="65"/>
                </a:moveTo>
                <a:cubicBezTo>
                  <a:pt x="191" y="66"/>
                  <a:pt x="190" y="67"/>
                  <a:pt x="190" y="67"/>
                </a:cubicBezTo>
                <a:cubicBezTo>
                  <a:pt x="193" y="65"/>
                  <a:pt x="197" y="64"/>
                  <a:pt x="198" y="63"/>
                </a:cubicBezTo>
                <a:cubicBezTo>
                  <a:pt x="194" y="64"/>
                  <a:pt x="195" y="64"/>
                  <a:pt x="192" y="65"/>
                </a:cubicBezTo>
                <a:close/>
                <a:moveTo>
                  <a:pt x="208" y="90"/>
                </a:moveTo>
                <a:cubicBezTo>
                  <a:pt x="207" y="91"/>
                  <a:pt x="206" y="91"/>
                  <a:pt x="206" y="92"/>
                </a:cubicBezTo>
                <a:cubicBezTo>
                  <a:pt x="207" y="91"/>
                  <a:pt x="206" y="93"/>
                  <a:pt x="209" y="91"/>
                </a:cubicBezTo>
                <a:cubicBezTo>
                  <a:pt x="210" y="90"/>
                  <a:pt x="208" y="91"/>
                  <a:pt x="208" y="90"/>
                </a:cubicBezTo>
                <a:close/>
                <a:moveTo>
                  <a:pt x="207" y="101"/>
                </a:moveTo>
                <a:cubicBezTo>
                  <a:pt x="208" y="101"/>
                  <a:pt x="212" y="98"/>
                  <a:pt x="214" y="97"/>
                </a:cubicBezTo>
                <a:cubicBezTo>
                  <a:pt x="211" y="99"/>
                  <a:pt x="207" y="101"/>
                  <a:pt x="207" y="101"/>
                </a:cubicBezTo>
                <a:close/>
                <a:moveTo>
                  <a:pt x="190" y="86"/>
                </a:moveTo>
                <a:cubicBezTo>
                  <a:pt x="191" y="85"/>
                  <a:pt x="196" y="82"/>
                  <a:pt x="196" y="82"/>
                </a:cubicBezTo>
                <a:cubicBezTo>
                  <a:pt x="194" y="83"/>
                  <a:pt x="192" y="85"/>
                  <a:pt x="190" y="86"/>
                </a:cubicBezTo>
                <a:close/>
                <a:moveTo>
                  <a:pt x="198" y="111"/>
                </a:moveTo>
                <a:cubicBezTo>
                  <a:pt x="199" y="112"/>
                  <a:pt x="204" y="109"/>
                  <a:pt x="205" y="107"/>
                </a:cubicBezTo>
                <a:cubicBezTo>
                  <a:pt x="203" y="109"/>
                  <a:pt x="201" y="110"/>
                  <a:pt x="198" y="111"/>
                </a:cubicBezTo>
                <a:close/>
                <a:moveTo>
                  <a:pt x="185" y="86"/>
                </a:moveTo>
                <a:cubicBezTo>
                  <a:pt x="185" y="86"/>
                  <a:pt x="189" y="84"/>
                  <a:pt x="188" y="84"/>
                </a:cubicBezTo>
                <a:cubicBezTo>
                  <a:pt x="184" y="85"/>
                  <a:pt x="184" y="87"/>
                  <a:pt x="183" y="89"/>
                </a:cubicBezTo>
                <a:cubicBezTo>
                  <a:pt x="184" y="88"/>
                  <a:pt x="184" y="88"/>
                  <a:pt x="184" y="88"/>
                </a:cubicBezTo>
                <a:cubicBezTo>
                  <a:pt x="187" y="87"/>
                  <a:pt x="190" y="84"/>
                  <a:pt x="188" y="84"/>
                </a:cubicBezTo>
                <a:cubicBezTo>
                  <a:pt x="188" y="84"/>
                  <a:pt x="186" y="86"/>
                  <a:pt x="185" y="86"/>
                </a:cubicBezTo>
                <a:close/>
                <a:moveTo>
                  <a:pt x="175" y="77"/>
                </a:moveTo>
                <a:cubicBezTo>
                  <a:pt x="177" y="75"/>
                  <a:pt x="182" y="73"/>
                  <a:pt x="180" y="73"/>
                </a:cubicBezTo>
                <a:cubicBezTo>
                  <a:pt x="179" y="75"/>
                  <a:pt x="174" y="76"/>
                  <a:pt x="175" y="77"/>
                </a:cubicBezTo>
                <a:close/>
                <a:moveTo>
                  <a:pt x="186" y="115"/>
                </a:moveTo>
                <a:cubicBezTo>
                  <a:pt x="187" y="115"/>
                  <a:pt x="191" y="112"/>
                  <a:pt x="191" y="111"/>
                </a:cubicBezTo>
                <a:cubicBezTo>
                  <a:pt x="190" y="112"/>
                  <a:pt x="187" y="113"/>
                  <a:pt x="186" y="115"/>
                </a:cubicBezTo>
                <a:close/>
                <a:moveTo>
                  <a:pt x="177" y="93"/>
                </a:moveTo>
                <a:cubicBezTo>
                  <a:pt x="170" y="97"/>
                  <a:pt x="177" y="95"/>
                  <a:pt x="177" y="93"/>
                </a:cubicBezTo>
                <a:close/>
                <a:moveTo>
                  <a:pt x="183" y="114"/>
                </a:moveTo>
                <a:cubicBezTo>
                  <a:pt x="185" y="113"/>
                  <a:pt x="188" y="111"/>
                  <a:pt x="188" y="110"/>
                </a:cubicBezTo>
                <a:cubicBezTo>
                  <a:pt x="185" y="112"/>
                  <a:pt x="184" y="113"/>
                  <a:pt x="183" y="114"/>
                </a:cubicBezTo>
                <a:close/>
                <a:moveTo>
                  <a:pt x="158" y="89"/>
                </a:moveTo>
                <a:cubicBezTo>
                  <a:pt x="160" y="88"/>
                  <a:pt x="165" y="84"/>
                  <a:pt x="163" y="85"/>
                </a:cubicBezTo>
                <a:cubicBezTo>
                  <a:pt x="163" y="85"/>
                  <a:pt x="157" y="89"/>
                  <a:pt x="158" y="89"/>
                </a:cubicBezTo>
                <a:close/>
                <a:moveTo>
                  <a:pt x="166" y="104"/>
                </a:moveTo>
                <a:cubicBezTo>
                  <a:pt x="168" y="103"/>
                  <a:pt x="170" y="102"/>
                  <a:pt x="171" y="101"/>
                </a:cubicBezTo>
                <a:cubicBezTo>
                  <a:pt x="169" y="103"/>
                  <a:pt x="166" y="103"/>
                  <a:pt x="166" y="104"/>
                </a:cubicBezTo>
                <a:close/>
                <a:moveTo>
                  <a:pt x="172" y="122"/>
                </a:moveTo>
                <a:cubicBezTo>
                  <a:pt x="172" y="122"/>
                  <a:pt x="176" y="120"/>
                  <a:pt x="176" y="120"/>
                </a:cubicBezTo>
                <a:cubicBezTo>
                  <a:pt x="175" y="120"/>
                  <a:pt x="175" y="120"/>
                  <a:pt x="172" y="122"/>
                </a:cubicBezTo>
                <a:close/>
                <a:moveTo>
                  <a:pt x="142" y="97"/>
                </a:moveTo>
                <a:cubicBezTo>
                  <a:pt x="145" y="95"/>
                  <a:pt x="147" y="93"/>
                  <a:pt x="148" y="92"/>
                </a:cubicBezTo>
                <a:cubicBezTo>
                  <a:pt x="146" y="93"/>
                  <a:pt x="142" y="96"/>
                  <a:pt x="142" y="97"/>
                </a:cubicBezTo>
                <a:close/>
                <a:moveTo>
                  <a:pt x="155" y="112"/>
                </a:moveTo>
                <a:cubicBezTo>
                  <a:pt x="155" y="112"/>
                  <a:pt x="156" y="111"/>
                  <a:pt x="156" y="111"/>
                </a:cubicBezTo>
                <a:cubicBezTo>
                  <a:pt x="155" y="112"/>
                  <a:pt x="156" y="112"/>
                  <a:pt x="157" y="111"/>
                </a:cubicBezTo>
                <a:cubicBezTo>
                  <a:pt x="157" y="111"/>
                  <a:pt x="158" y="110"/>
                  <a:pt x="158" y="109"/>
                </a:cubicBezTo>
                <a:cubicBezTo>
                  <a:pt x="157" y="110"/>
                  <a:pt x="155" y="111"/>
                  <a:pt x="155" y="112"/>
                </a:cubicBezTo>
                <a:close/>
                <a:moveTo>
                  <a:pt x="164" y="129"/>
                </a:moveTo>
                <a:cubicBezTo>
                  <a:pt x="165" y="128"/>
                  <a:pt x="170" y="125"/>
                  <a:pt x="169" y="124"/>
                </a:cubicBezTo>
                <a:cubicBezTo>
                  <a:pt x="167" y="126"/>
                  <a:pt x="165" y="127"/>
                  <a:pt x="164" y="129"/>
                </a:cubicBezTo>
                <a:close/>
                <a:moveTo>
                  <a:pt x="153" y="112"/>
                </a:moveTo>
                <a:cubicBezTo>
                  <a:pt x="155" y="111"/>
                  <a:pt x="158" y="109"/>
                  <a:pt x="157" y="109"/>
                </a:cubicBezTo>
                <a:cubicBezTo>
                  <a:pt x="154" y="110"/>
                  <a:pt x="154" y="111"/>
                  <a:pt x="153" y="112"/>
                </a:cubicBezTo>
                <a:close/>
                <a:moveTo>
                  <a:pt x="164" y="125"/>
                </a:moveTo>
                <a:cubicBezTo>
                  <a:pt x="165" y="124"/>
                  <a:pt x="167" y="122"/>
                  <a:pt x="167" y="122"/>
                </a:cubicBezTo>
                <a:cubicBezTo>
                  <a:pt x="166" y="122"/>
                  <a:pt x="162" y="125"/>
                  <a:pt x="164" y="125"/>
                </a:cubicBezTo>
                <a:close/>
                <a:moveTo>
                  <a:pt x="162" y="131"/>
                </a:moveTo>
                <a:cubicBezTo>
                  <a:pt x="162" y="131"/>
                  <a:pt x="161" y="132"/>
                  <a:pt x="161" y="133"/>
                </a:cubicBezTo>
                <a:cubicBezTo>
                  <a:pt x="164" y="130"/>
                  <a:pt x="164" y="130"/>
                  <a:pt x="164" y="130"/>
                </a:cubicBezTo>
                <a:cubicBezTo>
                  <a:pt x="162" y="131"/>
                  <a:pt x="170" y="126"/>
                  <a:pt x="167" y="127"/>
                </a:cubicBezTo>
                <a:cubicBezTo>
                  <a:pt x="165" y="129"/>
                  <a:pt x="163" y="130"/>
                  <a:pt x="162" y="131"/>
                </a:cubicBezTo>
                <a:close/>
                <a:moveTo>
                  <a:pt x="153" y="115"/>
                </a:moveTo>
                <a:cubicBezTo>
                  <a:pt x="153" y="115"/>
                  <a:pt x="154" y="114"/>
                  <a:pt x="153" y="114"/>
                </a:cubicBezTo>
                <a:cubicBezTo>
                  <a:pt x="149" y="118"/>
                  <a:pt x="155" y="114"/>
                  <a:pt x="153" y="116"/>
                </a:cubicBezTo>
                <a:cubicBezTo>
                  <a:pt x="155" y="115"/>
                  <a:pt x="155" y="115"/>
                  <a:pt x="155" y="115"/>
                </a:cubicBezTo>
                <a:cubicBezTo>
                  <a:pt x="155" y="115"/>
                  <a:pt x="155" y="114"/>
                  <a:pt x="155" y="114"/>
                </a:cubicBezTo>
                <a:cubicBezTo>
                  <a:pt x="154" y="115"/>
                  <a:pt x="153" y="115"/>
                  <a:pt x="153" y="115"/>
                </a:cubicBezTo>
                <a:close/>
                <a:moveTo>
                  <a:pt x="132" y="105"/>
                </a:moveTo>
                <a:cubicBezTo>
                  <a:pt x="135" y="103"/>
                  <a:pt x="140" y="99"/>
                  <a:pt x="140" y="98"/>
                </a:cubicBezTo>
                <a:cubicBezTo>
                  <a:pt x="136" y="101"/>
                  <a:pt x="133" y="104"/>
                  <a:pt x="132" y="105"/>
                </a:cubicBezTo>
                <a:close/>
                <a:moveTo>
                  <a:pt x="158" y="134"/>
                </a:moveTo>
                <a:cubicBezTo>
                  <a:pt x="159" y="132"/>
                  <a:pt x="163" y="130"/>
                  <a:pt x="163" y="130"/>
                </a:cubicBezTo>
                <a:cubicBezTo>
                  <a:pt x="161" y="131"/>
                  <a:pt x="157" y="133"/>
                  <a:pt x="158" y="134"/>
                </a:cubicBezTo>
                <a:close/>
                <a:moveTo>
                  <a:pt x="149" y="141"/>
                </a:moveTo>
                <a:cubicBezTo>
                  <a:pt x="151" y="141"/>
                  <a:pt x="153" y="139"/>
                  <a:pt x="153" y="138"/>
                </a:cubicBezTo>
                <a:cubicBezTo>
                  <a:pt x="154" y="138"/>
                  <a:pt x="157" y="136"/>
                  <a:pt x="158" y="135"/>
                </a:cubicBezTo>
                <a:cubicBezTo>
                  <a:pt x="155" y="136"/>
                  <a:pt x="151" y="139"/>
                  <a:pt x="149" y="141"/>
                </a:cubicBezTo>
                <a:close/>
                <a:moveTo>
                  <a:pt x="132" y="110"/>
                </a:moveTo>
                <a:cubicBezTo>
                  <a:pt x="132" y="108"/>
                  <a:pt x="128" y="112"/>
                  <a:pt x="127" y="113"/>
                </a:cubicBezTo>
                <a:cubicBezTo>
                  <a:pt x="126" y="114"/>
                  <a:pt x="128" y="114"/>
                  <a:pt x="129" y="112"/>
                </a:cubicBezTo>
                <a:cubicBezTo>
                  <a:pt x="129" y="111"/>
                  <a:pt x="131" y="110"/>
                  <a:pt x="131" y="110"/>
                </a:cubicBezTo>
                <a:cubicBezTo>
                  <a:pt x="131" y="110"/>
                  <a:pt x="131" y="110"/>
                  <a:pt x="132" y="110"/>
                </a:cubicBezTo>
                <a:close/>
                <a:moveTo>
                  <a:pt x="137" y="153"/>
                </a:moveTo>
                <a:cubicBezTo>
                  <a:pt x="139" y="150"/>
                  <a:pt x="143" y="148"/>
                  <a:pt x="143" y="147"/>
                </a:cubicBezTo>
                <a:cubicBezTo>
                  <a:pt x="140" y="149"/>
                  <a:pt x="138" y="151"/>
                  <a:pt x="137" y="153"/>
                </a:cubicBezTo>
                <a:close/>
                <a:moveTo>
                  <a:pt x="105" y="131"/>
                </a:moveTo>
                <a:cubicBezTo>
                  <a:pt x="110" y="128"/>
                  <a:pt x="114" y="123"/>
                  <a:pt x="118" y="120"/>
                </a:cubicBezTo>
                <a:cubicBezTo>
                  <a:pt x="117" y="119"/>
                  <a:pt x="117" y="119"/>
                  <a:pt x="117" y="119"/>
                </a:cubicBezTo>
                <a:cubicBezTo>
                  <a:pt x="113" y="123"/>
                  <a:pt x="107" y="128"/>
                  <a:pt x="105" y="131"/>
                </a:cubicBezTo>
                <a:close/>
                <a:moveTo>
                  <a:pt x="144" y="153"/>
                </a:moveTo>
                <a:cubicBezTo>
                  <a:pt x="144" y="154"/>
                  <a:pt x="143" y="155"/>
                  <a:pt x="143" y="155"/>
                </a:cubicBezTo>
                <a:cubicBezTo>
                  <a:pt x="146" y="153"/>
                  <a:pt x="146" y="153"/>
                  <a:pt x="146" y="153"/>
                </a:cubicBezTo>
                <a:cubicBezTo>
                  <a:pt x="145" y="153"/>
                  <a:pt x="146" y="152"/>
                  <a:pt x="144" y="153"/>
                </a:cubicBezTo>
                <a:close/>
                <a:moveTo>
                  <a:pt x="124" y="137"/>
                </a:moveTo>
                <a:cubicBezTo>
                  <a:pt x="125" y="137"/>
                  <a:pt x="126" y="136"/>
                  <a:pt x="126" y="136"/>
                </a:cubicBezTo>
                <a:cubicBezTo>
                  <a:pt x="125" y="136"/>
                  <a:pt x="123" y="138"/>
                  <a:pt x="122" y="139"/>
                </a:cubicBezTo>
                <a:cubicBezTo>
                  <a:pt x="121" y="140"/>
                  <a:pt x="121" y="140"/>
                  <a:pt x="122" y="140"/>
                </a:cubicBezTo>
                <a:cubicBezTo>
                  <a:pt x="124" y="138"/>
                  <a:pt x="123" y="138"/>
                  <a:pt x="124" y="137"/>
                </a:cubicBezTo>
                <a:close/>
                <a:moveTo>
                  <a:pt x="112" y="136"/>
                </a:moveTo>
                <a:cubicBezTo>
                  <a:pt x="109" y="139"/>
                  <a:pt x="114" y="135"/>
                  <a:pt x="111" y="138"/>
                </a:cubicBezTo>
                <a:cubicBezTo>
                  <a:pt x="113" y="136"/>
                  <a:pt x="113" y="136"/>
                  <a:pt x="115" y="135"/>
                </a:cubicBezTo>
                <a:cubicBezTo>
                  <a:pt x="115" y="135"/>
                  <a:pt x="116" y="134"/>
                  <a:pt x="115" y="134"/>
                </a:cubicBezTo>
                <a:cubicBezTo>
                  <a:pt x="113" y="136"/>
                  <a:pt x="114" y="134"/>
                  <a:pt x="112" y="136"/>
                </a:cubicBezTo>
                <a:close/>
                <a:moveTo>
                  <a:pt x="125" y="156"/>
                </a:moveTo>
                <a:cubicBezTo>
                  <a:pt x="126" y="156"/>
                  <a:pt x="128" y="154"/>
                  <a:pt x="129" y="152"/>
                </a:cubicBezTo>
                <a:cubicBezTo>
                  <a:pt x="128" y="153"/>
                  <a:pt x="126" y="154"/>
                  <a:pt x="125" y="156"/>
                </a:cubicBezTo>
                <a:close/>
                <a:moveTo>
                  <a:pt x="113" y="150"/>
                </a:moveTo>
                <a:cubicBezTo>
                  <a:pt x="117" y="147"/>
                  <a:pt x="116" y="148"/>
                  <a:pt x="120" y="145"/>
                </a:cubicBezTo>
                <a:cubicBezTo>
                  <a:pt x="118" y="145"/>
                  <a:pt x="121" y="143"/>
                  <a:pt x="120" y="143"/>
                </a:cubicBezTo>
                <a:cubicBezTo>
                  <a:pt x="119" y="145"/>
                  <a:pt x="113" y="149"/>
                  <a:pt x="113" y="150"/>
                </a:cubicBezTo>
                <a:close/>
                <a:moveTo>
                  <a:pt x="112" y="138"/>
                </a:moveTo>
                <a:cubicBezTo>
                  <a:pt x="110" y="140"/>
                  <a:pt x="110" y="138"/>
                  <a:pt x="108" y="140"/>
                </a:cubicBezTo>
                <a:cubicBezTo>
                  <a:pt x="107" y="142"/>
                  <a:pt x="109" y="140"/>
                  <a:pt x="110" y="141"/>
                </a:cubicBezTo>
                <a:cubicBezTo>
                  <a:pt x="111" y="140"/>
                  <a:pt x="114" y="137"/>
                  <a:pt x="112" y="138"/>
                </a:cubicBezTo>
                <a:close/>
                <a:moveTo>
                  <a:pt x="96" y="141"/>
                </a:moveTo>
                <a:cubicBezTo>
                  <a:pt x="99" y="138"/>
                  <a:pt x="99" y="138"/>
                  <a:pt x="99" y="138"/>
                </a:cubicBezTo>
                <a:cubicBezTo>
                  <a:pt x="98" y="137"/>
                  <a:pt x="98" y="137"/>
                  <a:pt x="98" y="137"/>
                </a:cubicBezTo>
                <a:cubicBezTo>
                  <a:pt x="96" y="139"/>
                  <a:pt x="97" y="139"/>
                  <a:pt x="96" y="141"/>
                </a:cubicBezTo>
                <a:close/>
                <a:moveTo>
                  <a:pt x="119" y="170"/>
                </a:moveTo>
                <a:cubicBezTo>
                  <a:pt x="119" y="171"/>
                  <a:pt x="120" y="168"/>
                  <a:pt x="120" y="169"/>
                </a:cubicBezTo>
                <a:cubicBezTo>
                  <a:pt x="121" y="168"/>
                  <a:pt x="125" y="165"/>
                  <a:pt x="123" y="166"/>
                </a:cubicBezTo>
                <a:cubicBezTo>
                  <a:pt x="121" y="168"/>
                  <a:pt x="121" y="168"/>
                  <a:pt x="119" y="170"/>
                </a:cubicBezTo>
                <a:close/>
                <a:moveTo>
                  <a:pt x="111" y="161"/>
                </a:moveTo>
                <a:cubicBezTo>
                  <a:pt x="113" y="159"/>
                  <a:pt x="114" y="159"/>
                  <a:pt x="115" y="158"/>
                </a:cubicBezTo>
                <a:cubicBezTo>
                  <a:pt x="114" y="158"/>
                  <a:pt x="115" y="157"/>
                  <a:pt x="114" y="157"/>
                </a:cubicBezTo>
                <a:cubicBezTo>
                  <a:pt x="113" y="159"/>
                  <a:pt x="111" y="160"/>
                  <a:pt x="111" y="161"/>
                </a:cubicBezTo>
                <a:close/>
                <a:moveTo>
                  <a:pt x="85" y="151"/>
                </a:moveTo>
                <a:cubicBezTo>
                  <a:pt x="83" y="153"/>
                  <a:pt x="82" y="154"/>
                  <a:pt x="81" y="155"/>
                </a:cubicBezTo>
                <a:cubicBezTo>
                  <a:pt x="81" y="156"/>
                  <a:pt x="81" y="156"/>
                  <a:pt x="81" y="156"/>
                </a:cubicBezTo>
                <a:cubicBezTo>
                  <a:pt x="81" y="156"/>
                  <a:pt x="81" y="156"/>
                  <a:pt x="81" y="156"/>
                </a:cubicBezTo>
                <a:cubicBezTo>
                  <a:pt x="82" y="156"/>
                  <a:pt x="82" y="156"/>
                  <a:pt x="82" y="156"/>
                </a:cubicBezTo>
                <a:cubicBezTo>
                  <a:pt x="83" y="155"/>
                  <a:pt x="83" y="155"/>
                  <a:pt x="83" y="155"/>
                </a:cubicBezTo>
                <a:cubicBezTo>
                  <a:pt x="84" y="154"/>
                  <a:pt x="85" y="152"/>
                  <a:pt x="86" y="151"/>
                </a:cubicBezTo>
                <a:cubicBezTo>
                  <a:pt x="89" y="149"/>
                  <a:pt x="91" y="146"/>
                  <a:pt x="93" y="143"/>
                </a:cubicBezTo>
                <a:cubicBezTo>
                  <a:pt x="90" y="146"/>
                  <a:pt x="87" y="149"/>
                  <a:pt x="85" y="151"/>
                </a:cubicBezTo>
                <a:close/>
                <a:moveTo>
                  <a:pt x="88" y="156"/>
                </a:moveTo>
                <a:cubicBezTo>
                  <a:pt x="90" y="154"/>
                  <a:pt x="91" y="154"/>
                  <a:pt x="93" y="152"/>
                </a:cubicBezTo>
                <a:cubicBezTo>
                  <a:pt x="93" y="151"/>
                  <a:pt x="93" y="150"/>
                  <a:pt x="94" y="149"/>
                </a:cubicBezTo>
                <a:cubicBezTo>
                  <a:pt x="91" y="152"/>
                  <a:pt x="87" y="156"/>
                  <a:pt x="88" y="156"/>
                </a:cubicBezTo>
                <a:close/>
                <a:moveTo>
                  <a:pt x="86" y="154"/>
                </a:moveTo>
                <a:cubicBezTo>
                  <a:pt x="88" y="153"/>
                  <a:pt x="87" y="154"/>
                  <a:pt x="89" y="152"/>
                </a:cubicBezTo>
                <a:cubicBezTo>
                  <a:pt x="89" y="152"/>
                  <a:pt x="89" y="152"/>
                  <a:pt x="90" y="151"/>
                </a:cubicBezTo>
                <a:cubicBezTo>
                  <a:pt x="89" y="151"/>
                  <a:pt x="89" y="151"/>
                  <a:pt x="90" y="151"/>
                </a:cubicBezTo>
                <a:cubicBezTo>
                  <a:pt x="90" y="150"/>
                  <a:pt x="90" y="150"/>
                  <a:pt x="90" y="150"/>
                </a:cubicBezTo>
                <a:cubicBezTo>
                  <a:pt x="89" y="152"/>
                  <a:pt x="86" y="154"/>
                  <a:pt x="86" y="154"/>
                </a:cubicBezTo>
                <a:close/>
                <a:moveTo>
                  <a:pt x="96" y="160"/>
                </a:moveTo>
                <a:cubicBezTo>
                  <a:pt x="96" y="161"/>
                  <a:pt x="94" y="163"/>
                  <a:pt x="94" y="164"/>
                </a:cubicBezTo>
                <a:cubicBezTo>
                  <a:pt x="96" y="162"/>
                  <a:pt x="96" y="161"/>
                  <a:pt x="98" y="160"/>
                </a:cubicBezTo>
                <a:cubicBezTo>
                  <a:pt x="97" y="159"/>
                  <a:pt x="97" y="160"/>
                  <a:pt x="96" y="160"/>
                </a:cubicBezTo>
                <a:close/>
                <a:moveTo>
                  <a:pt x="95" y="158"/>
                </a:moveTo>
                <a:cubicBezTo>
                  <a:pt x="95" y="158"/>
                  <a:pt x="95" y="158"/>
                  <a:pt x="95" y="158"/>
                </a:cubicBezTo>
                <a:cubicBezTo>
                  <a:pt x="93" y="159"/>
                  <a:pt x="94" y="159"/>
                  <a:pt x="92" y="160"/>
                </a:cubicBezTo>
                <a:cubicBezTo>
                  <a:pt x="93" y="161"/>
                  <a:pt x="93" y="161"/>
                  <a:pt x="93" y="161"/>
                </a:cubicBezTo>
                <a:cubicBezTo>
                  <a:pt x="94" y="159"/>
                  <a:pt x="94" y="160"/>
                  <a:pt x="95" y="158"/>
                </a:cubicBezTo>
                <a:close/>
                <a:moveTo>
                  <a:pt x="85" y="163"/>
                </a:moveTo>
                <a:cubicBezTo>
                  <a:pt x="86" y="162"/>
                  <a:pt x="86" y="162"/>
                  <a:pt x="86" y="162"/>
                </a:cubicBezTo>
                <a:cubicBezTo>
                  <a:pt x="86" y="162"/>
                  <a:pt x="85" y="162"/>
                  <a:pt x="85" y="163"/>
                </a:cubicBezTo>
                <a:close/>
                <a:moveTo>
                  <a:pt x="91" y="167"/>
                </a:moveTo>
                <a:cubicBezTo>
                  <a:pt x="91" y="167"/>
                  <a:pt x="91" y="167"/>
                  <a:pt x="91" y="168"/>
                </a:cubicBezTo>
                <a:cubicBezTo>
                  <a:pt x="92" y="168"/>
                  <a:pt x="92" y="168"/>
                  <a:pt x="92" y="167"/>
                </a:cubicBezTo>
                <a:cubicBezTo>
                  <a:pt x="92" y="167"/>
                  <a:pt x="92" y="167"/>
                  <a:pt x="92" y="167"/>
                </a:cubicBezTo>
                <a:cubicBezTo>
                  <a:pt x="92" y="167"/>
                  <a:pt x="91" y="166"/>
                  <a:pt x="91" y="167"/>
                </a:cubicBezTo>
                <a:close/>
                <a:moveTo>
                  <a:pt x="101" y="179"/>
                </a:moveTo>
                <a:cubicBezTo>
                  <a:pt x="101" y="179"/>
                  <a:pt x="101" y="179"/>
                  <a:pt x="102" y="180"/>
                </a:cubicBezTo>
                <a:cubicBezTo>
                  <a:pt x="102" y="179"/>
                  <a:pt x="102" y="178"/>
                  <a:pt x="103" y="178"/>
                </a:cubicBezTo>
                <a:cubicBezTo>
                  <a:pt x="103" y="178"/>
                  <a:pt x="103" y="178"/>
                  <a:pt x="103" y="177"/>
                </a:cubicBezTo>
                <a:cubicBezTo>
                  <a:pt x="102" y="178"/>
                  <a:pt x="102" y="178"/>
                  <a:pt x="101" y="179"/>
                </a:cubicBezTo>
                <a:close/>
                <a:moveTo>
                  <a:pt x="111" y="187"/>
                </a:moveTo>
                <a:cubicBezTo>
                  <a:pt x="111" y="188"/>
                  <a:pt x="112" y="187"/>
                  <a:pt x="112" y="187"/>
                </a:cubicBezTo>
                <a:cubicBezTo>
                  <a:pt x="111" y="187"/>
                  <a:pt x="112" y="187"/>
                  <a:pt x="112" y="186"/>
                </a:cubicBezTo>
                <a:cubicBezTo>
                  <a:pt x="111" y="186"/>
                  <a:pt x="112" y="187"/>
                  <a:pt x="111" y="187"/>
                </a:cubicBezTo>
                <a:close/>
                <a:moveTo>
                  <a:pt x="100" y="178"/>
                </a:moveTo>
                <a:cubicBezTo>
                  <a:pt x="100" y="179"/>
                  <a:pt x="101" y="179"/>
                  <a:pt x="101" y="178"/>
                </a:cubicBezTo>
                <a:cubicBezTo>
                  <a:pt x="101" y="178"/>
                  <a:pt x="101" y="178"/>
                  <a:pt x="101" y="178"/>
                </a:cubicBezTo>
                <a:cubicBezTo>
                  <a:pt x="101" y="178"/>
                  <a:pt x="101" y="178"/>
                  <a:pt x="101" y="178"/>
                </a:cubicBezTo>
                <a:cubicBezTo>
                  <a:pt x="101" y="178"/>
                  <a:pt x="100" y="178"/>
                  <a:pt x="100" y="178"/>
                </a:cubicBezTo>
                <a:close/>
                <a:moveTo>
                  <a:pt x="101" y="180"/>
                </a:moveTo>
                <a:cubicBezTo>
                  <a:pt x="101" y="179"/>
                  <a:pt x="101" y="181"/>
                  <a:pt x="102" y="180"/>
                </a:cubicBezTo>
                <a:cubicBezTo>
                  <a:pt x="102" y="180"/>
                  <a:pt x="101" y="179"/>
                  <a:pt x="101" y="179"/>
                </a:cubicBezTo>
                <a:cubicBezTo>
                  <a:pt x="101" y="179"/>
                  <a:pt x="100" y="180"/>
                  <a:pt x="101" y="180"/>
                </a:cubicBezTo>
                <a:close/>
                <a:moveTo>
                  <a:pt x="76" y="157"/>
                </a:moveTo>
                <a:cubicBezTo>
                  <a:pt x="76" y="157"/>
                  <a:pt x="77" y="156"/>
                  <a:pt x="76" y="156"/>
                </a:cubicBezTo>
                <a:cubicBezTo>
                  <a:pt x="76" y="156"/>
                  <a:pt x="76" y="157"/>
                  <a:pt x="76" y="157"/>
                </a:cubicBezTo>
                <a:close/>
                <a:moveTo>
                  <a:pt x="99" y="179"/>
                </a:moveTo>
                <a:cubicBezTo>
                  <a:pt x="99" y="178"/>
                  <a:pt x="100" y="180"/>
                  <a:pt x="100" y="179"/>
                </a:cubicBezTo>
                <a:cubicBezTo>
                  <a:pt x="99" y="179"/>
                  <a:pt x="100" y="179"/>
                  <a:pt x="100" y="178"/>
                </a:cubicBezTo>
                <a:cubicBezTo>
                  <a:pt x="100" y="178"/>
                  <a:pt x="99" y="179"/>
                  <a:pt x="99" y="179"/>
                </a:cubicBezTo>
                <a:close/>
                <a:moveTo>
                  <a:pt x="104" y="186"/>
                </a:moveTo>
                <a:cubicBezTo>
                  <a:pt x="105" y="185"/>
                  <a:pt x="105" y="185"/>
                  <a:pt x="105" y="185"/>
                </a:cubicBezTo>
                <a:cubicBezTo>
                  <a:pt x="105" y="184"/>
                  <a:pt x="104" y="185"/>
                  <a:pt x="104" y="186"/>
                </a:cubicBezTo>
                <a:close/>
                <a:moveTo>
                  <a:pt x="100" y="181"/>
                </a:moveTo>
                <a:cubicBezTo>
                  <a:pt x="100" y="181"/>
                  <a:pt x="100" y="181"/>
                  <a:pt x="100" y="181"/>
                </a:cubicBezTo>
                <a:cubicBezTo>
                  <a:pt x="100" y="181"/>
                  <a:pt x="100" y="181"/>
                  <a:pt x="100" y="181"/>
                </a:cubicBezTo>
                <a:cubicBezTo>
                  <a:pt x="100" y="181"/>
                  <a:pt x="101" y="181"/>
                  <a:pt x="101" y="181"/>
                </a:cubicBezTo>
                <a:cubicBezTo>
                  <a:pt x="100" y="181"/>
                  <a:pt x="100" y="180"/>
                  <a:pt x="100" y="181"/>
                </a:cubicBezTo>
                <a:close/>
                <a:moveTo>
                  <a:pt x="108" y="192"/>
                </a:moveTo>
                <a:cubicBezTo>
                  <a:pt x="108" y="191"/>
                  <a:pt x="109" y="190"/>
                  <a:pt x="109" y="190"/>
                </a:cubicBezTo>
                <a:cubicBezTo>
                  <a:pt x="108" y="191"/>
                  <a:pt x="107" y="191"/>
                  <a:pt x="108" y="192"/>
                </a:cubicBezTo>
                <a:close/>
                <a:moveTo>
                  <a:pt x="76" y="161"/>
                </a:moveTo>
                <a:cubicBezTo>
                  <a:pt x="76" y="161"/>
                  <a:pt x="77" y="162"/>
                  <a:pt x="77" y="161"/>
                </a:cubicBezTo>
                <a:cubicBezTo>
                  <a:pt x="77" y="161"/>
                  <a:pt x="77" y="161"/>
                  <a:pt x="77" y="161"/>
                </a:cubicBezTo>
                <a:cubicBezTo>
                  <a:pt x="77" y="161"/>
                  <a:pt x="78" y="161"/>
                  <a:pt x="77" y="161"/>
                </a:cubicBezTo>
                <a:cubicBezTo>
                  <a:pt x="77" y="161"/>
                  <a:pt x="77" y="161"/>
                  <a:pt x="76" y="161"/>
                </a:cubicBezTo>
                <a:close/>
                <a:moveTo>
                  <a:pt x="99" y="182"/>
                </a:moveTo>
                <a:cubicBezTo>
                  <a:pt x="99" y="182"/>
                  <a:pt x="99" y="182"/>
                  <a:pt x="99" y="182"/>
                </a:cubicBezTo>
                <a:cubicBezTo>
                  <a:pt x="100" y="182"/>
                  <a:pt x="100" y="182"/>
                  <a:pt x="100" y="181"/>
                </a:cubicBezTo>
                <a:cubicBezTo>
                  <a:pt x="99" y="181"/>
                  <a:pt x="99" y="182"/>
                  <a:pt x="99" y="182"/>
                </a:cubicBezTo>
                <a:close/>
                <a:moveTo>
                  <a:pt x="102" y="184"/>
                </a:moveTo>
                <a:cubicBezTo>
                  <a:pt x="102" y="184"/>
                  <a:pt x="102" y="185"/>
                  <a:pt x="102" y="185"/>
                </a:cubicBezTo>
                <a:cubicBezTo>
                  <a:pt x="102" y="185"/>
                  <a:pt x="102" y="185"/>
                  <a:pt x="102" y="185"/>
                </a:cubicBezTo>
                <a:cubicBezTo>
                  <a:pt x="102" y="185"/>
                  <a:pt x="103" y="185"/>
                  <a:pt x="103" y="184"/>
                </a:cubicBezTo>
                <a:cubicBezTo>
                  <a:pt x="103" y="185"/>
                  <a:pt x="102" y="184"/>
                  <a:pt x="102" y="184"/>
                </a:cubicBezTo>
                <a:close/>
                <a:moveTo>
                  <a:pt x="103" y="187"/>
                </a:moveTo>
                <a:cubicBezTo>
                  <a:pt x="104" y="186"/>
                  <a:pt x="104" y="186"/>
                  <a:pt x="104" y="185"/>
                </a:cubicBezTo>
                <a:cubicBezTo>
                  <a:pt x="104" y="186"/>
                  <a:pt x="103" y="186"/>
                  <a:pt x="103" y="187"/>
                </a:cubicBezTo>
                <a:close/>
                <a:moveTo>
                  <a:pt x="99" y="185"/>
                </a:moveTo>
                <a:cubicBezTo>
                  <a:pt x="99" y="185"/>
                  <a:pt x="100" y="185"/>
                  <a:pt x="100" y="185"/>
                </a:cubicBezTo>
                <a:cubicBezTo>
                  <a:pt x="100" y="185"/>
                  <a:pt x="101" y="185"/>
                  <a:pt x="101" y="186"/>
                </a:cubicBezTo>
                <a:cubicBezTo>
                  <a:pt x="102" y="186"/>
                  <a:pt x="100" y="184"/>
                  <a:pt x="102" y="184"/>
                </a:cubicBezTo>
                <a:cubicBezTo>
                  <a:pt x="101" y="184"/>
                  <a:pt x="101" y="184"/>
                  <a:pt x="101" y="183"/>
                </a:cubicBezTo>
                <a:cubicBezTo>
                  <a:pt x="100" y="184"/>
                  <a:pt x="99" y="184"/>
                  <a:pt x="99" y="185"/>
                </a:cubicBezTo>
                <a:close/>
                <a:moveTo>
                  <a:pt x="84" y="169"/>
                </a:moveTo>
                <a:cubicBezTo>
                  <a:pt x="84" y="169"/>
                  <a:pt x="85" y="169"/>
                  <a:pt x="85" y="168"/>
                </a:cubicBezTo>
                <a:cubicBezTo>
                  <a:pt x="85" y="169"/>
                  <a:pt x="84" y="169"/>
                  <a:pt x="84" y="169"/>
                </a:cubicBezTo>
                <a:close/>
                <a:moveTo>
                  <a:pt x="97" y="181"/>
                </a:moveTo>
                <a:cubicBezTo>
                  <a:pt x="98" y="181"/>
                  <a:pt x="97" y="182"/>
                  <a:pt x="98" y="182"/>
                </a:cubicBezTo>
                <a:cubicBezTo>
                  <a:pt x="98" y="181"/>
                  <a:pt x="98" y="181"/>
                  <a:pt x="98" y="181"/>
                </a:cubicBezTo>
                <a:cubicBezTo>
                  <a:pt x="98" y="181"/>
                  <a:pt x="98" y="181"/>
                  <a:pt x="97" y="181"/>
                </a:cubicBezTo>
                <a:close/>
                <a:moveTo>
                  <a:pt x="105" y="194"/>
                </a:moveTo>
                <a:cubicBezTo>
                  <a:pt x="106" y="194"/>
                  <a:pt x="106" y="192"/>
                  <a:pt x="107" y="192"/>
                </a:cubicBezTo>
                <a:cubicBezTo>
                  <a:pt x="107" y="192"/>
                  <a:pt x="107" y="192"/>
                  <a:pt x="107" y="192"/>
                </a:cubicBezTo>
                <a:cubicBezTo>
                  <a:pt x="106" y="192"/>
                  <a:pt x="105" y="193"/>
                  <a:pt x="105" y="194"/>
                </a:cubicBezTo>
                <a:close/>
                <a:moveTo>
                  <a:pt x="91" y="184"/>
                </a:moveTo>
                <a:cubicBezTo>
                  <a:pt x="92" y="184"/>
                  <a:pt x="91" y="185"/>
                  <a:pt x="91" y="185"/>
                </a:cubicBezTo>
                <a:cubicBezTo>
                  <a:pt x="92" y="185"/>
                  <a:pt x="92" y="184"/>
                  <a:pt x="93" y="184"/>
                </a:cubicBezTo>
                <a:cubicBezTo>
                  <a:pt x="92" y="184"/>
                  <a:pt x="92" y="184"/>
                  <a:pt x="92" y="183"/>
                </a:cubicBezTo>
                <a:cubicBezTo>
                  <a:pt x="92" y="184"/>
                  <a:pt x="92" y="184"/>
                  <a:pt x="91" y="184"/>
                </a:cubicBezTo>
                <a:close/>
                <a:moveTo>
                  <a:pt x="72" y="169"/>
                </a:moveTo>
                <a:cubicBezTo>
                  <a:pt x="73" y="170"/>
                  <a:pt x="73" y="170"/>
                  <a:pt x="73" y="170"/>
                </a:cubicBezTo>
                <a:cubicBezTo>
                  <a:pt x="73" y="169"/>
                  <a:pt x="75" y="168"/>
                  <a:pt x="74" y="167"/>
                </a:cubicBezTo>
                <a:cubicBezTo>
                  <a:pt x="73" y="168"/>
                  <a:pt x="73" y="169"/>
                  <a:pt x="72" y="169"/>
                </a:cubicBezTo>
                <a:close/>
                <a:moveTo>
                  <a:pt x="74" y="170"/>
                </a:moveTo>
                <a:cubicBezTo>
                  <a:pt x="75" y="170"/>
                  <a:pt x="76" y="169"/>
                  <a:pt x="76" y="168"/>
                </a:cubicBezTo>
                <a:cubicBezTo>
                  <a:pt x="75" y="169"/>
                  <a:pt x="74" y="170"/>
                  <a:pt x="74" y="170"/>
                </a:cubicBezTo>
                <a:close/>
                <a:moveTo>
                  <a:pt x="88" y="184"/>
                </a:moveTo>
                <a:cubicBezTo>
                  <a:pt x="89" y="185"/>
                  <a:pt x="89" y="185"/>
                  <a:pt x="89" y="185"/>
                </a:cubicBezTo>
                <a:cubicBezTo>
                  <a:pt x="90" y="184"/>
                  <a:pt x="90" y="184"/>
                  <a:pt x="90" y="183"/>
                </a:cubicBezTo>
                <a:cubicBezTo>
                  <a:pt x="90" y="183"/>
                  <a:pt x="89" y="184"/>
                  <a:pt x="88" y="184"/>
                </a:cubicBezTo>
                <a:close/>
                <a:moveTo>
                  <a:pt x="71" y="168"/>
                </a:moveTo>
                <a:cubicBezTo>
                  <a:pt x="71" y="168"/>
                  <a:pt x="71" y="167"/>
                  <a:pt x="71" y="167"/>
                </a:cubicBezTo>
                <a:cubicBezTo>
                  <a:pt x="71" y="167"/>
                  <a:pt x="71" y="168"/>
                  <a:pt x="71" y="168"/>
                </a:cubicBezTo>
                <a:close/>
                <a:moveTo>
                  <a:pt x="89" y="187"/>
                </a:moveTo>
                <a:cubicBezTo>
                  <a:pt x="90" y="188"/>
                  <a:pt x="90" y="187"/>
                  <a:pt x="90" y="187"/>
                </a:cubicBezTo>
                <a:cubicBezTo>
                  <a:pt x="91" y="187"/>
                  <a:pt x="91" y="186"/>
                  <a:pt x="91" y="186"/>
                </a:cubicBezTo>
                <a:cubicBezTo>
                  <a:pt x="90" y="186"/>
                  <a:pt x="90" y="187"/>
                  <a:pt x="89" y="186"/>
                </a:cubicBezTo>
                <a:cubicBezTo>
                  <a:pt x="89" y="186"/>
                  <a:pt x="90" y="187"/>
                  <a:pt x="89" y="187"/>
                </a:cubicBezTo>
                <a:close/>
                <a:moveTo>
                  <a:pt x="84" y="182"/>
                </a:moveTo>
                <a:cubicBezTo>
                  <a:pt x="84" y="182"/>
                  <a:pt x="85" y="180"/>
                  <a:pt x="84" y="180"/>
                </a:cubicBezTo>
                <a:cubicBezTo>
                  <a:pt x="84" y="181"/>
                  <a:pt x="83" y="181"/>
                  <a:pt x="84" y="182"/>
                </a:cubicBezTo>
                <a:close/>
                <a:moveTo>
                  <a:pt x="72" y="173"/>
                </a:moveTo>
                <a:cubicBezTo>
                  <a:pt x="72" y="173"/>
                  <a:pt x="73" y="173"/>
                  <a:pt x="73" y="173"/>
                </a:cubicBezTo>
                <a:cubicBezTo>
                  <a:pt x="73" y="173"/>
                  <a:pt x="73" y="173"/>
                  <a:pt x="73" y="172"/>
                </a:cubicBezTo>
                <a:cubicBezTo>
                  <a:pt x="72" y="172"/>
                  <a:pt x="75" y="172"/>
                  <a:pt x="74" y="171"/>
                </a:cubicBezTo>
                <a:cubicBezTo>
                  <a:pt x="73" y="171"/>
                  <a:pt x="73" y="172"/>
                  <a:pt x="72" y="173"/>
                </a:cubicBezTo>
                <a:close/>
                <a:moveTo>
                  <a:pt x="97" y="197"/>
                </a:moveTo>
                <a:cubicBezTo>
                  <a:pt x="98" y="196"/>
                  <a:pt x="99" y="195"/>
                  <a:pt x="99" y="194"/>
                </a:cubicBezTo>
                <a:cubicBezTo>
                  <a:pt x="99" y="195"/>
                  <a:pt x="97" y="195"/>
                  <a:pt x="97" y="197"/>
                </a:cubicBezTo>
                <a:close/>
                <a:moveTo>
                  <a:pt x="69" y="174"/>
                </a:moveTo>
                <a:cubicBezTo>
                  <a:pt x="70" y="173"/>
                  <a:pt x="71" y="172"/>
                  <a:pt x="72" y="171"/>
                </a:cubicBezTo>
                <a:cubicBezTo>
                  <a:pt x="72" y="170"/>
                  <a:pt x="72" y="170"/>
                  <a:pt x="72" y="170"/>
                </a:cubicBezTo>
                <a:cubicBezTo>
                  <a:pt x="71" y="172"/>
                  <a:pt x="69" y="172"/>
                  <a:pt x="69" y="174"/>
                </a:cubicBezTo>
                <a:close/>
                <a:moveTo>
                  <a:pt x="91" y="189"/>
                </a:moveTo>
                <a:cubicBezTo>
                  <a:pt x="91" y="189"/>
                  <a:pt x="92" y="189"/>
                  <a:pt x="91" y="188"/>
                </a:cubicBezTo>
                <a:cubicBezTo>
                  <a:pt x="91" y="189"/>
                  <a:pt x="90" y="189"/>
                  <a:pt x="91" y="189"/>
                </a:cubicBezTo>
                <a:close/>
                <a:moveTo>
                  <a:pt x="69" y="171"/>
                </a:moveTo>
                <a:cubicBezTo>
                  <a:pt x="69" y="170"/>
                  <a:pt x="70" y="169"/>
                  <a:pt x="70" y="169"/>
                </a:cubicBezTo>
                <a:cubicBezTo>
                  <a:pt x="69" y="169"/>
                  <a:pt x="68" y="170"/>
                  <a:pt x="69" y="171"/>
                </a:cubicBezTo>
                <a:close/>
                <a:moveTo>
                  <a:pt x="67" y="172"/>
                </a:moveTo>
                <a:cubicBezTo>
                  <a:pt x="68" y="173"/>
                  <a:pt x="68" y="172"/>
                  <a:pt x="68" y="171"/>
                </a:cubicBezTo>
                <a:lnTo>
                  <a:pt x="67" y="172"/>
                </a:lnTo>
                <a:close/>
                <a:moveTo>
                  <a:pt x="96" y="198"/>
                </a:moveTo>
                <a:cubicBezTo>
                  <a:pt x="97" y="198"/>
                  <a:pt x="97" y="197"/>
                  <a:pt x="97" y="197"/>
                </a:cubicBezTo>
                <a:cubicBezTo>
                  <a:pt x="96" y="197"/>
                  <a:pt x="96" y="198"/>
                  <a:pt x="96" y="198"/>
                </a:cubicBezTo>
                <a:close/>
                <a:moveTo>
                  <a:pt x="75" y="181"/>
                </a:moveTo>
                <a:cubicBezTo>
                  <a:pt x="76" y="181"/>
                  <a:pt x="77" y="180"/>
                  <a:pt x="76" y="180"/>
                </a:cubicBezTo>
                <a:cubicBezTo>
                  <a:pt x="76" y="180"/>
                  <a:pt x="75" y="181"/>
                  <a:pt x="75" y="181"/>
                </a:cubicBezTo>
                <a:close/>
                <a:moveTo>
                  <a:pt x="90" y="195"/>
                </a:moveTo>
                <a:cubicBezTo>
                  <a:pt x="91" y="196"/>
                  <a:pt x="91" y="194"/>
                  <a:pt x="92" y="194"/>
                </a:cubicBezTo>
                <a:cubicBezTo>
                  <a:pt x="92" y="194"/>
                  <a:pt x="92" y="194"/>
                  <a:pt x="91" y="193"/>
                </a:cubicBezTo>
                <a:cubicBezTo>
                  <a:pt x="91" y="194"/>
                  <a:pt x="91" y="195"/>
                  <a:pt x="90" y="195"/>
                </a:cubicBezTo>
                <a:close/>
                <a:moveTo>
                  <a:pt x="65" y="173"/>
                </a:moveTo>
                <a:cubicBezTo>
                  <a:pt x="66" y="173"/>
                  <a:pt x="66" y="172"/>
                  <a:pt x="66" y="172"/>
                </a:cubicBezTo>
                <a:cubicBezTo>
                  <a:pt x="66" y="172"/>
                  <a:pt x="65" y="173"/>
                  <a:pt x="65" y="173"/>
                </a:cubicBezTo>
                <a:close/>
                <a:moveTo>
                  <a:pt x="67" y="176"/>
                </a:moveTo>
                <a:cubicBezTo>
                  <a:pt x="68" y="177"/>
                  <a:pt x="69" y="175"/>
                  <a:pt x="68" y="175"/>
                </a:cubicBezTo>
                <a:cubicBezTo>
                  <a:pt x="68" y="176"/>
                  <a:pt x="67" y="176"/>
                  <a:pt x="67" y="176"/>
                </a:cubicBezTo>
                <a:close/>
                <a:moveTo>
                  <a:pt x="70" y="178"/>
                </a:moveTo>
                <a:cubicBezTo>
                  <a:pt x="70" y="179"/>
                  <a:pt x="70" y="178"/>
                  <a:pt x="70" y="177"/>
                </a:cubicBezTo>
                <a:cubicBezTo>
                  <a:pt x="70" y="177"/>
                  <a:pt x="70" y="178"/>
                  <a:pt x="70" y="178"/>
                </a:cubicBezTo>
                <a:close/>
                <a:moveTo>
                  <a:pt x="88" y="196"/>
                </a:moveTo>
                <a:cubicBezTo>
                  <a:pt x="89" y="196"/>
                  <a:pt x="90" y="195"/>
                  <a:pt x="89" y="194"/>
                </a:cubicBezTo>
                <a:cubicBezTo>
                  <a:pt x="89" y="196"/>
                  <a:pt x="87" y="195"/>
                  <a:pt x="88" y="196"/>
                </a:cubicBezTo>
                <a:close/>
                <a:moveTo>
                  <a:pt x="63" y="174"/>
                </a:moveTo>
                <a:cubicBezTo>
                  <a:pt x="63" y="174"/>
                  <a:pt x="63" y="174"/>
                  <a:pt x="63" y="174"/>
                </a:cubicBezTo>
                <a:cubicBezTo>
                  <a:pt x="64" y="174"/>
                  <a:pt x="64" y="173"/>
                  <a:pt x="64" y="172"/>
                </a:cubicBezTo>
                <a:cubicBezTo>
                  <a:pt x="64" y="172"/>
                  <a:pt x="64" y="173"/>
                  <a:pt x="63" y="174"/>
                </a:cubicBezTo>
                <a:close/>
                <a:moveTo>
                  <a:pt x="87" y="195"/>
                </a:moveTo>
                <a:cubicBezTo>
                  <a:pt x="87" y="194"/>
                  <a:pt x="87" y="194"/>
                  <a:pt x="88" y="194"/>
                </a:cubicBezTo>
                <a:cubicBezTo>
                  <a:pt x="87" y="193"/>
                  <a:pt x="87" y="193"/>
                  <a:pt x="87" y="193"/>
                </a:cubicBezTo>
                <a:cubicBezTo>
                  <a:pt x="87" y="194"/>
                  <a:pt x="86" y="194"/>
                  <a:pt x="87" y="195"/>
                </a:cubicBezTo>
                <a:close/>
                <a:moveTo>
                  <a:pt x="89" y="196"/>
                </a:moveTo>
                <a:cubicBezTo>
                  <a:pt x="89" y="196"/>
                  <a:pt x="90" y="197"/>
                  <a:pt x="90" y="197"/>
                </a:cubicBezTo>
                <a:cubicBezTo>
                  <a:pt x="90" y="196"/>
                  <a:pt x="90" y="196"/>
                  <a:pt x="89" y="196"/>
                </a:cubicBezTo>
                <a:close/>
                <a:moveTo>
                  <a:pt x="70" y="180"/>
                </a:moveTo>
                <a:cubicBezTo>
                  <a:pt x="70" y="180"/>
                  <a:pt x="70" y="180"/>
                  <a:pt x="70" y="179"/>
                </a:cubicBezTo>
                <a:cubicBezTo>
                  <a:pt x="70" y="179"/>
                  <a:pt x="69" y="179"/>
                  <a:pt x="69" y="180"/>
                </a:cubicBezTo>
                <a:cubicBezTo>
                  <a:pt x="69" y="180"/>
                  <a:pt x="69" y="180"/>
                  <a:pt x="70" y="180"/>
                </a:cubicBezTo>
                <a:close/>
                <a:moveTo>
                  <a:pt x="63" y="175"/>
                </a:moveTo>
                <a:cubicBezTo>
                  <a:pt x="62" y="175"/>
                  <a:pt x="61" y="176"/>
                  <a:pt x="61" y="177"/>
                </a:cubicBezTo>
                <a:cubicBezTo>
                  <a:pt x="62" y="177"/>
                  <a:pt x="63" y="175"/>
                  <a:pt x="63" y="174"/>
                </a:cubicBezTo>
                <a:cubicBezTo>
                  <a:pt x="63" y="174"/>
                  <a:pt x="63" y="175"/>
                  <a:pt x="63" y="175"/>
                </a:cubicBezTo>
                <a:close/>
                <a:moveTo>
                  <a:pt x="88" y="201"/>
                </a:moveTo>
                <a:cubicBezTo>
                  <a:pt x="88" y="202"/>
                  <a:pt x="88" y="202"/>
                  <a:pt x="89" y="202"/>
                </a:cubicBezTo>
                <a:cubicBezTo>
                  <a:pt x="89" y="201"/>
                  <a:pt x="89" y="201"/>
                  <a:pt x="90" y="200"/>
                </a:cubicBezTo>
                <a:cubicBezTo>
                  <a:pt x="90" y="200"/>
                  <a:pt x="90" y="200"/>
                  <a:pt x="90" y="199"/>
                </a:cubicBezTo>
                <a:cubicBezTo>
                  <a:pt x="90" y="199"/>
                  <a:pt x="90" y="199"/>
                  <a:pt x="90" y="199"/>
                </a:cubicBezTo>
                <a:cubicBezTo>
                  <a:pt x="89" y="200"/>
                  <a:pt x="89" y="201"/>
                  <a:pt x="88" y="201"/>
                </a:cubicBezTo>
                <a:close/>
                <a:moveTo>
                  <a:pt x="92" y="203"/>
                </a:moveTo>
                <a:cubicBezTo>
                  <a:pt x="92" y="203"/>
                  <a:pt x="93" y="202"/>
                  <a:pt x="93" y="202"/>
                </a:cubicBezTo>
                <a:cubicBezTo>
                  <a:pt x="92" y="202"/>
                  <a:pt x="92" y="202"/>
                  <a:pt x="92" y="203"/>
                </a:cubicBezTo>
                <a:close/>
                <a:moveTo>
                  <a:pt x="62" y="177"/>
                </a:moveTo>
                <a:cubicBezTo>
                  <a:pt x="62" y="177"/>
                  <a:pt x="63" y="177"/>
                  <a:pt x="63" y="176"/>
                </a:cubicBezTo>
                <a:cubicBezTo>
                  <a:pt x="62" y="176"/>
                  <a:pt x="62" y="177"/>
                  <a:pt x="62" y="177"/>
                </a:cubicBezTo>
                <a:close/>
                <a:moveTo>
                  <a:pt x="62" y="177"/>
                </a:moveTo>
                <a:cubicBezTo>
                  <a:pt x="62" y="178"/>
                  <a:pt x="63" y="178"/>
                  <a:pt x="63" y="178"/>
                </a:cubicBezTo>
                <a:cubicBezTo>
                  <a:pt x="63" y="177"/>
                  <a:pt x="63" y="177"/>
                  <a:pt x="62" y="177"/>
                </a:cubicBezTo>
                <a:close/>
                <a:moveTo>
                  <a:pt x="90" y="205"/>
                </a:moveTo>
                <a:cubicBezTo>
                  <a:pt x="90" y="205"/>
                  <a:pt x="92" y="204"/>
                  <a:pt x="91" y="203"/>
                </a:cubicBezTo>
                <a:cubicBezTo>
                  <a:pt x="91" y="203"/>
                  <a:pt x="90" y="204"/>
                  <a:pt x="90" y="205"/>
                </a:cubicBezTo>
                <a:close/>
                <a:moveTo>
                  <a:pt x="89" y="203"/>
                </a:moveTo>
                <a:cubicBezTo>
                  <a:pt x="90" y="204"/>
                  <a:pt x="91" y="202"/>
                  <a:pt x="90" y="202"/>
                </a:cubicBezTo>
                <a:cubicBezTo>
                  <a:pt x="90" y="203"/>
                  <a:pt x="90" y="203"/>
                  <a:pt x="89" y="203"/>
                </a:cubicBezTo>
                <a:close/>
                <a:moveTo>
                  <a:pt x="78" y="193"/>
                </a:moveTo>
                <a:cubicBezTo>
                  <a:pt x="76" y="194"/>
                  <a:pt x="79" y="195"/>
                  <a:pt x="78" y="196"/>
                </a:cubicBezTo>
                <a:cubicBezTo>
                  <a:pt x="79" y="196"/>
                  <a:pt x="80" y="194"/>
                  <a:pt x="80" y="194"/>
                </a:cubicBezTo>
                <a:cubicBezTo>
                  <a:pt x="79" y="195"/>
                  <a:pt x="78" y="194"/>
                  <a:pt x="78" y="193"/>
                </a:cubicBezTo>
                <a:close/>
                <a:moveTo>
                  <a:pt x="70" y="188"/>
                </a:moveTo>
                <a:cubicBezTo>
                  <a:pt x="69" y="188"/>
                  <a:pt x="70" y="188"/>
                  <a:pt x="69" y="188"/>
                </a:cubicBezTo>
                <a:cubicBezTo>
                  <a:pt x="69" y="189"/>
                  <a:pt x="67" y="189"/>
                  <a:pt x="68" y="190"/>
                </a:cubicBezTo>
                <a:cubicBezTo>
                  <a:pt x="68" y="189"/>
                  <a:pt x="70" y="190"/>
                  <a:pt x="70" y="188"/>
                </a:cubicBezTo>
                <a:cubicBezTo>
                  <a:pt x="70" y="188"/>
                  <a:pt x="70" y="188"/>
                  <a:pt x="70" y="188"/>
                </a:cubicBezTo>
                <a:close/>
                <a:moveTo>
                  <a:pt x="66" y="185"/>
                </a:moveTo>
                <a:cubicBezTo>
                  <a:pt x="65" y="185"/>
                  <a:pt x="65" y="185"/>
                  <a:pt x="66" y="186"/>
                </a:cubicBezTo>
                <a:cubicBezTo>
                  <a:pt x="66" y="185"/>
                  <a:pt x="66" y="184"/>
                  <a:pt x="66" y="185"/>
                </a:cubicBezTo>
                <a:close/>
                <a:moveTo>
                  <a:pt x="79" y="199"/>
                </a:moveTo>
                <a:cubicBezTo>
                  <a:pt x="80" y="199"/>
                  <a:pt x="81" y="198"/>
                  <a:pt x="81" y="198"/>
                </a:cubicBezTo>
                <a:cubicBezTo>
                  <a:pt x="80" y="198"/>
                  <a:pt x="79" y="199"/>
                  <a:pt x="79" y="199"/>
                </a:cubicBezTo>
                <a:close/>
                <a:moveTo>
                  <a:pt x="84" y="202"/>
                </a:moveTo>
                <a:cubicBezTo>
                  <a:pt x="85" y="202"/>
                  <a:pt x="85" y="201"/>
                  <a:pt x="85" y="201"/>
                </a:cubicBezTo>
                <a:cubicBezTo>
                  <a:pt x="84" y="201"/>
                  <a:pt x="84" y="202"/>
                  <a:pt x="84" y="202"/>
                </a:cubicBezTo>
                <a:close/>
                <a:moveTo>
                  <a:pt x="58" y="182"/>
                </a:moveTo>
                <a:cubicBezTo>
                  <a:pt x="58" y="183"/>
                  <a:pt x="60" y="181"/>
                  <a:pt x="59" y="181"/>
                </a:cubicBezTo>
                <a:cubicBezTo>
                  <a:pt x="59" y="181"/>
                  <a:pt x="57" y="182"/>
                  <a:pt x="58" y="182"/>
                </a:cubicBezTo>
                <a:close/>
                <a:moveTo>
                  <a:pt x="76" y="197"/>
                </a:moveTo>
                <a:cubicBezTo>
                  <a:pt x="77" y="198"/>
                  <a:pt x="78" y="196"/>
                  <a:pt x="77" y="197"/>
                </a:cubicBezTo>
                <a:cubicBezTo>
                  <a:pt x="77" y="197"/>
                  <a:pt x="76" y="197"/>
                  <a:pt x="76" y="197"/>
                </a:cubicBezTo>
                <a:close/>
                <a:moveTo>
                  <a:pt x="68" y="191"/>
                </a:moveTo>
                <a:cubicBezTo>
                  <a:pt x="68" y="191"/>
                  <a:pt x="68" y="191"/>
                  <a:pt x="69" y="191"/>
                </a:cubicBezTo>
                <a:cubicBezTo>
                  <a:pt x="68" y="191"/>
                  <a:pt x="69" y="190"/>
                  <a:pt x="69" y="190"/>
                </a:cubicBezTo>
                <a:cubicBezTo>
                  <a:pt x="68" y="190"/>
                  <a:pt x="68" y="191"/>
                  <a:pt x="68" y="191"/>
                </a:cubicBezTo>
                <a:close/>
                <a:moveTo>
                  <a:pt x="69" y="194"/>
                </a:moveTo>
                <a:cubicBezTo>
                  <a:pt x="70" y="195"/>
                  <a:pt x="70" y="194"/>
                  <a:pt x="71" y="194"/>
                </a:cubicBezTo>
                <a:cubicBezTo>
                  <a:pt x="70" y="193"/>
                  <a:pt x="71" y="193"/>
                  <a:pt x="70" y="193"/>
                </a:cubicBezTo>
                <a:cubicBezTo>
                  <a:pt x="70" y="193"/>
                  <a:pt x="70" y="194"/>
                  <a:pt x="69" y="194"/>
                </a:cubicBezTo>
                <a:close/>
                <a:moveTo>
                  <a:pt x="64" y="195"/>
                </a:moveTo>
                <a:cubicBezTo>
                  <a:pt x="64" y="194"/>
                  <a:pt x="64" y="195"/>
                  <a:pt x="64" y="194"/>
                </a:cubicBezTo>
                <a:cubicBezTo>
                  <a:pt x="65" y="193"/>
                  <a:pt x="65" y="191"/>
                  <a:pt x="67" y="190"/>
                </a:cubicBezTo>
                <a:cubicBezTo>
                  <a:pt x="67" y="191"/>
                  <a:pt x="67" y="192"/>
                  <a:pt x="68" y="191"/>
                </a:cubicBezTo>
                <a:cubicBezTo>
                  <a:pt x="67" y="193"/>
                  <a:pt x="66" y="194"/>
                  <a:pt x="65" y="195"/>
                </a:cubicBezTo>
                <a:cubicBezTo>
                  <a:pt x="65" y="194"/>
                  <a:pt x="66" y="194"/>
                  <a:pt x="66" y="193"/>
                </a:cubicBezTo>
                <a:cubicBezTo>
                  <a:pt x="65" y="192"/>
                  <a:pt x="65" y="195"/>
                  <a:pt x="64" y="195"/>
                </a:cubicBezTo>
                <a:cubicBezTo>
                  <a:pt x="64" y="195"/>
                  <a:pt x="64" y="195"/>
                  <a:pt x="64" y="195"/>
                </a:cubicBezTo>
                <a:close/>
                <a:moveTo>
                  <a:pt x="66" y="192"/>
                </a:moveTo>
                <a:cubicBezTo>
                  <a:pt x="66" y="192"/>
                  <a:pt x="68" y="192"/>
                  <a:pt x="67" y="191"/>
                </a:cubicBezTo>
                <a:cubicBezTo>
                  <a:pt x="67" y="192"/>
                  <a:pt x="66" y="192"/>
                  <a:pt x="66" y="192"/>
                </a:cubicBezTo>
                <a:close/>
                <a:moveTo>
                  <a:pt x="68" y="196"/>
                </a:moveTo>
                <a:cubicBezTo>
                  <a:pt x="69" y="196"/>
                  <a:pt x="69" y="195"/>
                  <a:pt x="69" y="195"/>
                </a:cubicBezTo>
                <a:cubicBezTo>
                  <a:pt x="69" y="195"/>
                  <a:pt x="68" y="196"/>
                  <a:pt x="68" y="196"/>
                </a:cubicBezTo>
                <a:close/>
                <a:moveTo>
                  <a:pt x="81" y="205"/>
                </a:moveTo>
                <a:cubicBezTo>
                  <a:pt x="81" y="206"/>
                  <a:pt x="80" y="206"/>
                  <a:pt x="80" y="207"/>
                </a:cubicBezTo>
                <a:cubicBezTo>
                  <a:pt x="81" y="207"/>
                  <a:pt x="81" y="206"/>
                  <a:pt x="81" y="205"/>
                </a:cubicBezTo>
                <a:close/>
                <a:moveTo>
                  <a:pt x="85" y="210"/>
                </a:moveTo>
                <a:cubicBezTo>
                  <a:pt x="85" y="211"/>
                  <a:pt x="84" y="211"/>
                  <a:pt x="84" y="213"/>
                </a:cubicBezTo>
                <a:cubicBezTo>
                  <a:pt x="84" y="212"/>
                  <a:pt x="87" y="210"/>
                  <a:pt x="86" y="210"/>
                </a:cubicBezTo>
                <a:cubicBezTo>
                  <a:pt x="86" y="210"/>
                  <a:pt x="85" y="210"/>
                  <a:pt x="85" y="210"/>
                </a:cubicBezTo>
                <a:close/>
                <a:moveTo>
                  <a:pt x="81" y="210"/>
                </a:moveTo>
                <a:cubicBezTo>
                  <a:pt x="82" y="210"/>
                  <a:pt x="83" y="209"/>
                  <a:pt x="83" y="207"/>
                </a:cubicBezTo>
                <a:cubicBezTo>
                  <a:pt x="82" y="208"/>
                  <a:pt x="81" y="209"/>
                  <a:pt x="81" y="210"/>
                </a:cubicBezTo>
                <a:close/>
                <a:moveTo>
                  <a:pt x="67" y="196"/>
                </a:moveTo>
                <a:cubicBezTo>
                  <a:pt x="67" y="195"/>
                  <a:pt x="67" y="195"/>
                  <a:pt x="67" y="195"/>
                </a:cubicBezTo>
                <a:cubicBezTo>
                  <a:pt x="66" y="194"/>
                  <a:pt x="67" y="195"/>
                  <a:pt x="67" y="196"/>
                </a:cubicBezTo>
                <a:close/>
                <a:moveTo>
                  <a:pt x="54" y="186"/>
                </a:moveTo>
                <a:cubicBezTo>
                  <a:pt x="55" y="186"/>
                  <a:pt x="55" y="186"/>
                  <a:pt x="55" y="186"/>
                </a:cubicBezTo>
                <a:cubicBezTo>
                  <a:pt x="55" y="186"/>
                  <a:pt x="55" y="187"/>
                  <a:pt x="55" y="187"/>
                </a:cubicBezTo>
                <a:cubicBezTo>
                  <a:pt x="56" y="186"/>
                  <a:pt x="55" y="186"/>
                  <a:pt x="55" y="186"/>
                </a:cubicBezTo>
                <a:cubicBezTo>
                  <a:pt x="55" y="185"/>
                  <a:pt x="55" y="186"/>
                  <a:pt x="54" y="186"/>
                </a:cubicBezTo>
                <a:cubicBezTo>
                  <a:pt x="54" y="186"/>
                  <a:pt x="54" y="186"/>
                  <a:pt x="54" y="186"/>
                </a:cubicBezTo>
                <a:close/>
                <a:moveTo>
                  <a:pt x="63" y="194"/>
                </a:moveTo>
                <a:cubicBezTo>
                  <a:pt x="63" y="194"/>
                  <a:pt x="64" y="194"/>
                  <a:pt x="64" y="193"/>
                </a:cubicBezTo>
                <a:cubicBezTo>
                  <a:pt x="63" y="193"/>
                  <a:pt x="62" y="194"/>
                  <a:pt x="63" y="194"/>
                </a:cubicBezTo>
                <a:close/>
                <a:moveTo>
                  <a:pt x="68" y="198"/>
                </a:moveTo>
                <a:cubicBezTo>
                  <a:pt x="68" y="197"/>
                  <a:pt x="68" y="197"/>
                  <a:pt x="68" y="197"/>
                </a:cubicBezTo>
                <a:cubicBezTo>
                  <a:pt x="68" y="197"/>
                  <a:pt x="67" y="198"/>
                  <a:pt x="68" y="198"/>
                </a:cubicBezTo>
                <a:close/>
                <a:moveTo>
                  <a:pt x="68" y="200"/>
                </a:moveTo>
                <a:cubicBezTo>
                  <a:pt x="69" y="201"/>
                  <a:pt x="69" y="200"/>
                  <a:pt x="70" y="200"/>
                </a:cubicBezTo>
                <a:cubicBezTo>
                  <a:pt x="70" y="200"/>
                  <a:pt x="70" y="199"/>
                  <a:pt x="70" y="199"/>
                </a:cubicBezTo>
                <a:cubicBezTo>
                  <a:pt x="70" y="199"/>
                  <a:pt x="70" y="199"/>
                  <a:pt x="70" y="198"/>
                </a:cubicBezTo>
                <a:cubicBezTo>
                  <a:pt x="69" y="199"/>
                  <a:pt x="69" y="200"/>
                  <a:pt x="68" y="200"/>
                </a:cubicBezTo>
                <a:close/>
                <a:moveTo>
                  <a:pt x="53" y="186"/>
                </a:moveTo>
                <a:cubicBezTo>
                  <a:pt x="53" y="185"/>
                  <a:pt x="54" y="185"/>
                  <a:pt x="53" y="184"/>
                </a:cubicBezTo>
                <a:cubicBezTo>
                  <a:pt x="53" y="184"/>
                  <a:pt x="53" y="185"/>
                  <a:pt x="53" y="186"/>
                </a:cubicBezTo>
                <a:close/>
                <a:moveTo>
                  <a:pt x="66" y="197"/>
                </a:moveTo>
                <a:cubicBezTo>
                  <a:pt x="67" y="196"/>
                  <a:pt x="66" y="197"/>
                  <a:pt x="66" y="196"/>
                </a:cubicBezTo>
                <a:cubicBezTo>
                  <a:pt x="66" y="196"/>
                  <a:pt x="66" y="197"/>
                  <a:pt x="66" y="197"/>
                </a:cubicBezTo>
                <a:close/>
                <a:moveTo>
                  <a:pt x="71" y="202"/>
                </a:moveTo>
                <a:cubicBezTo>
                  <a:pt x="71" y="202"/>
                  <a:pt x="72" y="202"/>
                  <a:pt x="72" y="201"/>
                </a:cubicBezTo>
                <a:cubicBezTo>
                  <a:pt x="71" y="201"/>
                  <a:pt x="70" y="202"/>
                  <a:pt x="71" y="202"/>
                </a:cubicBezTo>
                <a:close/>
                <a:moveTo>
                  <a:pt x="60" y="193"/>
                </a:moveTo>
                <a:cubicBezTo>
                  <a:pt x="61" y="193"/>
                  <a:pt x="61" y="193"/>
                  <a:pt x="61" y="194"/>
                </a:cubicBezTo>
                <a:cubicBezTo>
                  <a:pt x="61" y="193"/>
                  <a:pt x="61" y="194"/>
                  <a:pt x="61" y="194"/>
                </a:cubicBezTo>
                <a:cubicBezTo>
                  <a:pt x="61" y="194"/>
                  <a:pt x="62" y="193"/>
                  <a:pt x="61" y="193"/>
                </a:cubicBezTo>
                <a:cubicBezTo>
                  <a:pt x="61" y="193"/>
                  <a:pt x="61" y="193"/>
                  <a:pt x="60" y="193"/>
                </a:cubicBezTo>
                <a:close/>
                <a:moveTo>
                  <a:pt x="54" y="191"/>
                </a:moveTo>
                <a:cubicBezTo>
                  <a:pt x="55" y="191"/>
                  <a:pt x="56" y="190"/>
                  <a:pt x="56" y="189"/>
                </a:cubicBezTo>
                <a:cubicBezTo>
                  <a:pt x="55" y="189"/>
                  <a:pt x="54" y="190"/>
                  <a:pt x="54" y="191"/>
                </a:cubicBezTo>
                <a:close/>
                <a:moveTo>
                  <a:pt x="76" y="210"/>
                </a:moveTo>
                <a:cubicBezTo>
                  <a:pt x="77" y="209"/>
                  <a:pt x="78" y="209"/>
                  <a:pt x="78" y="208"/>
                </a:cubicBezTo>
                <a:cubicBezTo>
                  <a:pt x="78" y="208"/>
                  <a:pt x="76" y="210"/>
                  <a:pt x="76" y="210"/>
                </a:cubicBezTo>
                <a:close/>
                <a:moveTo>
                  <a:pt x="75" y="208"/>
                </a:moveTo>
                <a:cubicBezTo>
                  <a:pt x="75" y="208"/>
                  <a:pt x="75" y="208"/>
                  <a:pt x="75" y="208"/>
                </a:cubicBezTo>
                <a:cubicBezTo>
                  <a:pt x="75" y="208"/>
                  <a:pt x="75" y="207"/>
                  <a:pt x="75" y="207"/>
                </a:cubicBezTo>
                <a:cubicBezTo>
                  <a:pt x="75" y="207"/>
                  <a:pt x="75" y="207"/>
                  <a:pt x="75" y="207"/>
                </a:cubicBezTo>
                <a:cubicBezTo>
                  <a:pt x="74" y="207"/>
                  <a:pt x="75" y="207"/>
                  <a:pt x="74" y="208"/>
                </a:cubicBezTo>
                <a:lnTo>
                  <a:pt x="75" y="208"/>
                </a:lnTo>
                <a:close/>
                <a:moveTo>
                  <a:pt x="74" y="206"/>
                </a:moveTo>
                <a:cubicBezTo>
                  <a:pt x="73" y="207"/>
                  <a:pt x="73" y="205"/>
                  <a:pt x="73" y="206"/>
                </a:cubicBezTo>
                <a:cubicBezTo>
                  <a:pt x="73" y="206"/>
                  <a:pt x="72" y="207"/>
                  <a:pt x="73" y="207"/>
                </a:cubicBezTo>
                <a:cubicBezTo>
                  <a:pt x="73" y="207"/>
                  <a:pt x="73" y="207"/>
                  <a:pt x="73" y="207"/>
                </a:cubicBezTo>
                <a:cubicBezTo>
                  <a:pt x="73" y="207"/>
                  <a:pt x="73" y="207"/>
                  <a:pt x="73" y="207"/>
                </a:cubicBezTo>
                <a:cubicBezTo>
                  <a:pt x="74" y="207"/>
                  <a:pt x="74" y="206"/>
                  <a:pt x="74" y="206"/>
                </a:cubicBezTo>
                <a:close/>
                <a:moveTo>
                  <a:pt x="50" y="189"/>
                </a:moveTo>
                <a:cubicBezTo>
                  <a:pt x="51" y="190"/>
                  <a:pt x="52" y="189"/>
                  <a:pt x="51" y="188"/>
                </a:cubicBezTo>
                <a:cubicBezTo>
                  <a:pt x="51" y="189"/>
                  <a:pt x="51" y="189"/>
                  <a:pt x="50" y="189"/>
                </a:cubicBezTo>
                <a:close/>
                <a:moveTo>
                  <a:pt x="53" y="192"/>
                </a:moveTo>
                <a:cubicBezTo>
                  <a:pt x="54" y="193"/>
                  <a:pt x="54" y="192"/>
                  <a:pt x="54" y="192"/>
                </a:cubicBezTo>
                <a:cubicBezTo>
                  <a:pt x="54" y="192"/>
                  <a:pt x="54" y="191"/>
                  <a:pt x="54" y="191"/>
                </a:cubicBezTo>
                <a:lnTo>
                  <a:pt x="53" y="192"/>
                </a:lnTo>
                <a:close/>
                <a:moveTo>
                  <a:pt x="73" y="209"/>
                </a:moveTo>
                <a:cubicBezTo>
                  <a:pt x="73" y="209"/>
                  <a:pt x="73" y="210"/>
                  <a:pt x="73" y="209"/>
                </a:cubicBezTo>
                <a:cubicBezTo>
                  <a:pt x="73" y="209"/>
                  <a:pt x="74" y="210"/>
                  <a:pt x="74" y="209"/>
                </a:cubicBezTo>
                <a:cubicBezTo>
                  <a:pt x="74" y="209"/>
                  <a:pt x="74" y="208"/>
                  <a:pt x="74" y="208"/>
                </a:cubicBezTo>
                <a:cubicBezTo>
                  <a:pt x="73" y="209"/>
                  <a:pt x="73" y="208"/>
                  <a:pt x="73" y="208"/>
                </a:cubicBezTo>
                <a:cubicBezTo>
                  <a:pt x="73" y="208"/>
                  <a:pt x="73" y="209"/>
                  <a:pt x="73" y="209"/>
                </a:cubicBezTo>
                <a:cubicBezTo>
                  <a:pt x="73" y="209"/>
                  <a:pt x="73" y="209"/>
                  <a:pt x="73" y="209"/>
                </a:cubicBezTo>
                <a:close/>
                <a:moveTo>
                  <a:pt x="49" y="190"/>
                </a:moveTo>
                <a:cubicBezTo>
                  <a:pt x="49" y="190"/>
                  <a:pt x="50" y="189"/>
                  <a:pt x="50" y="189"/>
                </a:cubicBezTo>
                <a:cubicBezTo>
                  <a:pt x="50" y="189"/>
                  <a:pt x="49" y="190"/>
                  <a:pt x="49" y="190"/>
                </a:cubicBezTo>
                <a:close/>
                <a:moveTo>
                  <a:pt x="52" y="194"/>
                </a:moveTo>
                <a:cubicBezTo>
                  <a:pt x="53" y="194"/>
                  <a:pt x="54" y="193"/>
                  <a:pt x="53" y="192"/>
                </a:cubicBezTo>
                <a:cubicBezTo>
                  <a:pt x="53" y="193"/>
                  <a:pt x="52" y="193"/>
                  <a:pt x="52" y="194"/>
                </a:cubicBezTo>
                <a:close/>
                <a:moveTo>
                  <a:pt x="66" y="205"/>
                </a:moveTo>
                <a:cubicBezTo>
                  <a:pt x="66" y="205"/>
                  <a:pt x="67" y="204"/>
                  <a:pt x="67" y="204"/>
                </a:cubicBezTo>
                <a:cubicBezTo>
                  <a:pt x="67" y="204"/>
                  <a:pt x="67" y="204"/>
                  <a:pt x="67" y="204"/>
                </a:cubicBezTo>
                <a:cubicBezTo>
                  <a:pt x="67" y="204"/>
                  <a:pt x="66" y="205"/>
                  <a:pt x="66" y="205"/>
                </a:cubicBezTo>
                <a:close/>
                <a:moveTo>
                  <a:pt x="58" y="198"/>
                </a:moveTo>
                <a:cubicBezTo>
                  <a:pt x="57" y="198"/>
                  <a:pt x="57" y="197"/>
                  <a:pt x="57" y="197"/>
                </a:cubicBezTo>
                <a:cubicBezTo>
                  <a:pt x="56" y="197"/>
                  <a:pt x="57" y="198"/>
                  <a:pt x="58" y="198"/>
                </a:cubicBezTo>
                <a:close/>
                <a:moveTo>
                  <a:pt x="50" y="197"/>
                </a:moveTo>
                <a:cubicBezTo>
                  <a:pt x="51" y="196"/>
                  <a:pt x="51" y="195"/>
                  <a:pt x="52" y="195"/>
                </a:cubicBezTo>
                <a:cubicBezTo>
                  <a:pt x="52" y="194"/>
                  <a:pt x="52" y="194"/>
                  <a:pt x="52" y="194"/>
                </a:cubicBezTo>
                <a:cubicBezTo>
                  <a:pt x="51" y="195"/>
                  <a:pt x="50" y="196"/>
                  <a:pt x="50" y="197"/>
                </a:cubicBezTo>
                <a:close/>
                <a:moveTo>
                  <a:pt x="79" y="218"/>
                </a:moveTo>
                <a:cubicBezTo>
                  <a:pt x="80" y="219"/>
                  <a:pt x="80" y="218"/>
                  <a:pt x="80" y="218"/>
                </a:cubicBezTo>
                <a:cubicBezTo>
                  <a:pt x="80" y="218"/>
                  <a:pt x="80" y="218"/>
                  <a:pt x="79" y="218"/>
                </a:cubicBezTo>
                <a:close/>
                <a:moveTo>
                  <a:pt x="45" y="192"/>
                </a:moveTo>
                <a:cubicBezTo>
                  <a:pt x="45" y="192"/>
                  <a:pt x="47" y="192"/>
                  <a:pt x="46" y="191"/>
                </a:cubicBezTo>
                <a:cubicBezTo>
                  <a:pt x="46" y="192"/>
                  <a:pt x="45" y="191"/>
                  <a:pt x="45" y="192"/>
                </a:cubicBezTo>
                <a:close/>
                <a:moveTo>
                  <a:pt x="42" y="196"/>
                </a:moveTo>
                <a:cubicBezTo>
                  <a:pt x="44" y="196"/>
                  <a:pt x="43" y="194"/>
                  <a:pt x="45" y="193"/>
                </a:cubicBezTo>
                <a:cubicBezTo>
                  <a:pt x="44" y="193"/>
                  <a:pt x="44" y="193"/>
                  <a:pt x="44" y="193"/>
                </a:cubicBezTo>
                <a:cubicBezTo>
                  <a:pt x="44" y="194"/>
                  <a:pt x="42" y="194"/>
                  <a:pt x="42" y="196"/>
                </a:cubicBezTo>
                <a:close/>
                <a:moveTo>
                  <a:pt x="49" y="199"/>
                </a:moveTo>
                <a:cubicBezTo>
                  <a:pt x="49" y="198"/>
                  <a:pt x="50" y="198"/>
                  <a:pt x="49" y="197"/>
                </a:cubicBezTo>
                <a:cubicBezTo>
                  <a:pt x="49" y="198"/>
                  <a:pt x="48" y="198"/>
                  <a:pt x="49" y="199"/>
                </a:cubicBezTo>
                <a:close/>
                <a:moveTo>
                  <a:pt x="67" y="214"/>
                </a:moveTo>
                <a:cubicBezTo>
                  <a:pt x="67" y="214"/>
                  <a:pt x="66" y="215"/>
                  <a:pt x="67" y="215"/>
                </a:cubicBezTo>
                <a:cubicBezTo>
                  <a:pt x="66" y="214"/>
                  <a:pt x="68" y="214"/>
                  <a:pt x="68" y="214"/>
                </a:cubicBezTo>
                <a:cubicBezTo>
                  <a:pt x="67" y="214"/>
                  <a:pt x="67" y="214"/>
                  <a:pt x="67" y="214"/>
                </a:cubicBezTo>
                <a:close/>
                <a:moveTo>
                  <a:pt x="72" y="224"/>
                </a:moveTo>
                <a:cubicBezTo>
                  <a:pt x="72" y="224"/>
                  <a:pt x="74" y="222"/>
                  <a:pt x="74" y="221"/>
                </a:cubicBezTo>
                <a:cubicBezTo>
                  <a:pt x="74" y="222"/>
                  <a:pt x="72" y="224"/>
                  <a:pt x="72" y="224"/>
                </a:cubicBezTo>
                <a:close/>
                <a:moveTo>
                  <a:pt x="59" y="212"/>
                </a:moveTo>
                <a:cubicBezTo>
                  <a:pt x="59" y="211"/>
                  <a:pt x="61" y="211"/>
                  <a:pt x="61" y="211"/>
                </a:cubicBezTo>
                <a:cubicBezTo>
                  <a:pt x="60" y="211"/>
                  <a:pt x="59" y="211"/>
                  <a:pt x="59" y="212"/>
                </a:cubicBezTo>
                <a:close/>
                <a:moveTo>
                  <a:pt x="71" y="219"/>
                </a:moveTo>
                <a:cubicBezTo>
                  <a:pt x="71" y="219"/>
                  <a:pt x="70" y="219"/>
                  <a:pt x="70" y="218"/>
                </a:cubicBezTo>
                <a:cubicBezTo>
                  <a:pt x="70" y="219"/>
                  <a:pt x="70" y="219"/>
                  <a:pt x="71" y="219"/>
                </a:cubicBezTo>
                <a:close/>
                <a:moveTo>
                  <a:pt x="41" y="197"/>
                </a:moveTo>
                <a:cubicBezTo>
                  <a:pt x="42" y="198"/>
                  <a:pt x="42" y="197"/>
                  <a:pt x="42" y="196"/>
                </a:cubicBezTo>
                <a:cubicBezTo>
                  <a:pt x="42" y="196"/>
                  <a:pt x="42" y="196"/>
                  <a:pt x="41" y="197"/>
                </a:cubicBezTo>
                <a:close/>
                <a:moveTo>
                  <a:pt x="57" y="214"/>
                </a:moveTo>
                <a:cubicBezTo>
                  <a:pt x="57" y="214"/>
                  <a:pt x="57" y="214"/>
                  <a:pt x="57" y="215"/>
                </a:cubicBezTo>
                <a:cubicBezTo>
                  <a:pt x="58" y="214"/>
                  <a:pt x="58" y="214"/>
                  <a:pt x="58" y="213"/>
                </a:cubicBezTo>
                <a:cubicBezTo>
                  <a:pt x="58" y="214"/>
                  <a:pt x="58" y="214"/>
                  <a:pt x="57" y="214"/>
                </a:cubicBezTo>
                <a:close/>
                <a:moveTo>
                  <a:pt x="62" y="219"/>
                </a:moveTo>
                <a:cubicBezTo>
                  <a:pt x="62" y="218"/>
                  <a:pt x="62" y="218"/>
                  <a:pt x="62" y="218"/>
                </a:cubicBezTo>
                <a:cubicBezTo>
                  <a:pt x="61" y="218"/>
                  <a:pt x="61" y="218"/>
                  <a:pt x="62" y="219"/>
                </a:cubicBezTo>
                <a:close/>
                <a:moveTo>
                  <a:pt x="62" y="219"/>
                </a:moveTo>
                <a:cubicBezTo>
                  <a:pt x="62" y="220"/>
                  <a:pt x="63" y="220"/>
                  <a:pt x="63" y="220"/>
                </a:cubicBezTo>
                <a:cubicBezTo>
                  <a:pt x="63" y="220"/>
                  <a:pt x="62" y="219"/>
                  <a:pt x="62" y="219"/>
                </a:cubicBezTo>
                <a:close/>
                <a:moveTo>
                  <a:pt x="43" y="206"/>
                </a:moveTo>
                <a:cubicBezTo>
                  <a:pt x="43" y="205"/>
                  <a:pt x="44" y="204"/>
                  <a:pt x="43" y="204"/>
                </a:cubicBezTo>
                <a:cubicBezTo>
                  <a:pt x="42" y="205"/>
                  <a:pt x="42" y="205"/>
                  <a:pt x="43" y="206"/>
                </a:cubicBezTo>
                <a:close/>
                <a:moveTo>
                  <a:pt x="59" y="218"/>
                </a:moveTo>
                <a:cubicBezTo>
                  <a:pt x="60" y="219"/>
                  <a:pt x="60" y="218"/>
                  <a:pt x="60" y="217"/>
                </a:cubicBezTo>
                <a:cubicBezTo>
                  <a:pt x="60" y="217"/>
                  <a:pt x="59" y="218"/>
                  <a:pt x="59" y="218"/>
                </a:cubicBezTo>
                <a:close/>
                <a:moveTo>
                  <a:pt x="57" y="218"/>
                </a:moveTo>
                <a:cubicBezTo>
                  <a:pt x="57" y="217"/>
                  <a:pt x="58" y="217"/>
                  <a:pt x="58" y="216"/>
                </a:cubicBezTo>
                <a:cubicBezTo>
                  <a:pt x="58" y="216"/>
                  <a:pt x="57" y="217"/>
                  <a:pt x="57" y="218"/>
                </a:cubicBezTo>
                <a:close/>
                <a:moveTo>
                  <a:pt x="64" y="226"/>
                </a:moveTo>
                <a:cubicBezTo>
                  <a:pt x="65" y="225"/>
                  <a:pt x="66" y="225"/>
                  <a:pt x="66" y="224"/>
                </a:cubicBezTo>
                <a:cubicBezTo>
                  <a:pt x="66" y="224"/>
                  <a:pt x="66" y="224"/>
                  <a:pt x="66" y="223"/>
                </a:cubicBezTo>
                <a:cubicBezTo>
                  <a:pt x="65" y="224"/>
                  <a:pt x="64" y="225"/>
                  <a:pt x="64" y="226"/>
                </a:cubicBezTo>
                <a:close/>
                <a:moveTo>
                  <a:pt x="49" y="214"/>
                </a:moveTo>
                <a:cubicBezTo>
                  <a:pt x="50" y="214"/>
                  <a:pt x="51" y="213"/>
                  <a:pt x="51" y="212"/>
                </a:cubicBezTo>
                <a:cubicBezTo>
                  <a:pt x="50" y="213"/>
                  <a:pt x="49" y="213"/>
                  <a:pt x="49" y="214"/>
                </a:cubicBezTo>
                <a:close/>
                <a:moveTo>
                  <a:pt x="57" y="221"/>
                </a:moveTo>
                <a:cubicBezTo>
                  <a:pt x="58" y="220"/>
                  <a:pt x="59" y="220"/>
                  <a:pt x="59" y="219"/>
                </a:cubicBezTo>
                <a:cubicBezTo>
                  <a:pt x="58" y="219"/>
                  <a:pt x="56" y="220"/>
                  <a:pt x="57" y="221"/>
                </a:cubicBezTo>
                <a:close/>
                <a:moveTo>
                  <a:pt x="41" y="208"/>
                </a:moveTo>
                <a:cubicBezTo>
                  <a:pt x="41" y="208"/>
                  <a:pt x="41" y="207"/>
                  <a:pt x="41" y="207"/>
                </a:cubicBezTo>
                <a:cubicBezTo>
                  <a:pt x="41" y="207"/>
                  <a:pt x="40" y="208"/>
                  <a:pt x="41" y="208"/>
                </a:cubicBezTo>
                <a:close/>
                <a:moveTo>
                  <a:pt x="62" y="226"/>
                </a:moveTo>
                <a:cubicBezTo>
                  <a:pt x="62" y="225"/>
                  <a:pt x="63" y="225"/>
                  <a:pt x="62" y="224"/>
                </a:cubicBezTo>
                <a:cubicBezTo>
                  <a:pt x="62" y="225"/>
                  <a:pt x="61" y="225"/>
                  <a:pt x="62" y="226"/>
                </a:cubicBezTo>
                <a:close/>
                <a:moveTo>
                  <a:pt x="53" y="219"/>
                </a:moveTo>
                <a:cubicBezTo>
                  <a:pt x="54" y="219"/>
                  <a:pt x="54" y="220"/>
                  <a:pt x="55" y="219"/>
                </a:cubicBezTo>
                <a:cubicBezTo>
                  <a:pt x="54" y="219"/>
                  <a:pt x="54" y="218"/>
                  <a:pt x="53" y="219"/>
                </a:cubicBezTo>
                <a:close/>
                <a:moveTo>
                  <a:pt x="68" y="232"/>
                </a:moveTo>
                <a:cubicBezTo>
                  <a:pt x="69" y="233"/>
                  <a:pt x="70" y="231"/>
                  <a:pt x="69" y="231"/>
                </a:cubicBezTo>
                <a:cubicBezTo>
                  <a:pt x="69" y="231"/>
                  <a:pt x="69" y="232"/>
                  <a:pt x="68" y="232"/>
                </a:cubicBezTo>
                <a:close/>
                <a:moveTo>
                  <a:pt x="55" y="224"/>
                </a:moveTo>
                <a:cubicBezTo>
                  <a:pt x="56" y="223"/>
                  <a:pt x="57" y="222"/>
                  <a:pt x="57" y="221"/>
                </a:cubicBezTo>
                <a:cubicBezTo>
                  <a:pt x="56" y="222"/>
                  <a:pt x="56" y="223"/>
                  <a:pt x="55" y="224"/>
                </a:cubicBezTo>
                <a:close/>
                <a:moveTo>
                  <a:pt x="62" y="228"/>
                </a:moveTo>
                <a:cubicBezTo>
                  <a:pt x="63" y="228"/>
                  <a:pt x="63" y="228"/>
                  <a:pt x="64" y="228"/>
                </a:cubicBezTo>
                <a:cubicBezTo>
                  <a:pt x="63" y="227"/>
                  <a:pt x="64" y="227"/>
                  <a:pt x="63" y="226"/>
                </a:cubicBezTo>
                <a:cubicBezTo>
                  <a:pt x="63" y="227"/>
                  <a:pt x="62" y="228"/>
                  <a:pt x="62" y="228"/>
                </a:cubicBezTo>
                <a:close/>
                <a:moveTo>
                  <a:pt x="53" y="220"/>
                </a:moveTo>
                <a:cubicBezTo>
                  <a:pt x="53" y="220"/>
                  <a:pt x="54" y="219"/>
                  <a:pt x="53" y="219"/>
                </a:cubicBezTo>
                <a:cubicBezTo>
                  <a:pt x="52" y="221"/>
                  <a:pt x="51" y="222"/>
                  <a:pt x="53" y="220"/>
                </a:cubicBezTo>
                <a:close/>
                <a:moveTo>
                  <a:pt x="47" y="216"/>
                </a:moveTo>
                <a:cubicBezTo>
                  <a:pt x="47" y="217"/>
                  <a:pt x="46" y="217"/>
                  <a:pt x="47" y="218"/>
                </a:cubicBezTo>
                <a:cubicBezTo>
                  <a:pt x="47" y="217"/>
                  <a:pt x="47" y="217"/>
                  <a:pt x="48" y="217"/>
                </a:cubicBezTo>
                <a:cubicBezTo>
                  <a:pt x="48" y="216"/>
                  <a:pt x="48" y="216"/>
                  <a:pt x="47" y="216"/>
                </a:cubicBezTo>
                <a:close/>
                <a:moveTo>
                  <a:pt x="59" y="227"/>
                </a:moveTo>
                <a:cubicBezTo>
                  <a:pt x="59" y="227"/>
                  <a:pt x="59" y="227"/>
                  <a:pt x="59" y="228"/>
                </a:cubicBezTo>
                <a:cubicBezTo>
                  <a:pt x="59" y="227"/>
                  <a:pt x="60" y="227"/>
                  <a:pt x="60" y="226"/>
                </a:cubicBezTo>
                <a:cubicBezTo>
                  <a:pt x="60" y="227"/>
                  <a:pt x="59" y="226"/>
                  <a:pt x="59" y="227"/>
                </a:cubicBezTo>
                <a:close/>
                <a:moveTo>
                  <a:pt x="57" y="227"/>
                </a:moveTo>
                <a:cubicBezTo>
                  <a:pt x="57" y="227"/>
                  <a:pt x="59" y="226"/>
                  <a:pt x="58" y="226"/>
                </a:cubicBezTo>
                <a:cubicBezTo>
                  <a:pt x="58" y="226"/>
                  <a:pt x="57" y="226"/>
                  <a:pt x="57" y="227"/>
                </a:cubicBezTo>
                <a:close/>
                <a:moveTo>
                  <a:pt x="51" y="223"/>
                </a:moveTo>
                <a:cubicBezTo>
                  <a:pt x="51" y="222"/>
                  <a:pt x="52" y="222"/>
                  <a:pt x="52" y="221"/>
                </a:cubicBezTo>
                <a:cubicBezTo>
                  <a:pt x="51" y="222"/>
                  <a:pt x="51" y="222"/>
                  <a:pt x="51" y="223"/>
                </a:cubicBezTo>
                <a:close/>
                <a:moveTo>
                  <a:pt x="33" y="211"/>
                </a:moveTo>
                <a:cubicBezTo>
                  <a:pt x="34" y="212"/>
                  <a:pt x="35" y="210"/>
                  <a:pt x="35" y="209"/>
                </a:cubicBezTo>
                <a:cubicBezTo>
                  <a:pt x="34" y="210"/>
                  <a:pt x="34" y="211"/>
                  <a:pt x="33" y="211"/>
                </a:cubicBezTo>
                <a:close/>
                <a:moveTo>
                  <a:pt x="40" y="214"/>
                </a:moveTo>
                <a:cubicBezTo>
                  <a:pt x="40" y="214"/>
                  <a:pt x="41" y="214"/>
                  <a:pt x="40" y="213"/>
                </a:cubicBezTo>
                <a:cubicBezTo>
                  <a:pt x="40" y="213"/>
                  <a:pt x="39" y="214"/>
                  <a:pt x="40" y="214"/>
                </a:cubicBezTo>
                <a:close/>
                <a:moveTo>
                  <a:pt x="35" y="215"/>
                </a:moveTo>
                <a:cubicBezTo>
                  <a:pt x="36" y="215"/>
                  <a:pt x="37" y="214"/>
                  <a:pt x="37" y="213"/>
                </a:cubicBezTo>
                <a:cubicBezTo>
                  <a:pt x="36" y="214"/>
                  <a:pt x="35" y="215"/>
                  <a:pt x="35" y="215"/>
                </a:cubicBezTo>
                <a:close/>
                <a:moveTo>
                  <a:pt x="48" y="223"/>
                </a:moveTo>
                <a:cubicBezTo>
                  <a:pt x="49" y="223"/>
                  <a:pt x="49" y="222"/>
                  <a:pt x="48" y="222"/>
                </a:cubicBezTo>
                <a:cubicBezTo>
                  <a:pt x="48" y="222"/>
                  <a:pt x="48" y="223"/>
                  <a:pt x="48" y="223"/>
                </a:cubicBezTo>
                <a:close/>
                <a:moveTo>
                  <a:pt x="38" y="217"/>
                </a:moveTo>
                <a:cubicBezTo>
                  <a:pt x="38" y="217"/>
                  <a:pt x="39" y="216"/>
                  <a:pt x="39" y="215"/>
                </a:cubicBezTo>
                <a:lnTo>
                  <a:pt x="38" y="217"/>
                </a:lnTo>
                <a:close/>
                <a:moveTo>
                  <a:pt x="43" y="223"/>
                </a:moveTo>
                <a:cubicBezTo>
                  <a:pt x="43" y="223"/>
                  <a:pt x="45" y="222"/>
                  <a:pt x="44" y="221"/>
                </a:cubicBezTo>
                <a:cubicBezTo>
                  <a:pt x="44" y="222"/>
                  <a:pt x="42" y="223"/>
                  <a:pt x="43" y="223"/>
                </a:cubicBezTo>
                <a:close/>
                <a:moveTo>
                  <a:pt x="62" y="237"/>
                </a:moveTo>
                <a:cubicBezTo>
                  <a:pt x="62" y="237"/>
                  <a:pt x="63" y="236"/>
                  <a:pt x="62" y="235"/>
                </a:cubicBezTo>
                <a:cubicBezTo>
                  <a:pt x="62" y="236"/>
                  <a:pt x="61" y="237"/>
                  <a:pt x="62" y="237"/>
                </a:cubicBezTo>
                <a:close/>
                <a:moveTo>
                  <a:pt x="30" y="213"/>
                </a:moveTo>
                <a:cubicBezTo>
                  <a:pt x="30" y="212"/>
                  <a:pt x="31" y="212"/>
                  <a:pt x="30" y="211"/>
                </a:cubicBezTo>
                <a:cubicBezTo>
                  <a:pt x="30" y="212"/>
                  <a:pt x="29" y="212"/>
                  <a:pt x="30" y="213"/>
                </a:cubicBezTo>
                <a:close/>
                <a:moveTo>
                  <a:pt x="49" y="228"/>
                </a:moveTo>
                <a:cubicBezTo>
                  <a:pt x="50" y="229"/>
                  <a:pt x="50" y="227"/>
                  <a:pt x="50" y="228"/>
                </a:cubicBezTo>
                <a:cubicBezTo>
                  <a:pt x="51" y="227"/>
                  <a:pt x="51" y="227"/>
                  <a:pt x="51" y="227"/>
                </a:cubicBezTo>
                <a:cubicBezTo>
                  <a:pt x="51" y="227"/>
                  <a:pt x="51" y="227"/>
                  <a:pt x="51" y="227"/>
                </a:cubicBezTo>
                <a:cubicBezTo>
                  <a:pt x="50" y="228"/>
                  <a:pt x="49" y="227"/>
                  <a:pt x="49" y="228"/>
                </a:cubicBezTo>
                <a:close/>
                <a:moveTo>
                  <a:pt x="44" y="225"/>
                </a:moveTo>
                <a:cubicBezTo>
                  <a:pt x="44" y="224"/>
                  <a:pt x="45" y="224"/>
                  <a:pt x="44" y="223"/>
                </a:cubicBezTo>
                <a:cubicBezTo>
                  <a:pt x="44" y="224"/>
                  <a:pt x="44" y="224"/>
                  <a:pt x="44" y="225"/>
                </a:cubicBezTo>
                <a:close/>
                <a:moveTo>
                  <a:pt x="64" y="238"/>
                </a:moveTo>
                <a:cubicBezTo>
                  <a:pt x="63" y="238"/>
                  <a:pt x="63" y="239"/>
                  <a:pt x="63" y="239"/>
                </a:cubicBezTo>
                <a:cubicBezTo>
                  <a:pt x="64" y="239"/>
                  <a:pt x="64" y="239"/>
                  <a:pt x="64" y="238"/>
                </a:cubicBezTo>
                <a:close/>
                <a:moveTo>
                  <a:pt x="29" y="217"/>
                </a:moveTo>
                <a:cubicBezTo>
                  <a:pt x="30" y="217"/>
                  <a:pt x="30" y="216"/>
                  <a:pt x="30" y="215"/>
                </a:cubicBezTo>
                <a:cubicBezTo>
                  <a:pt x="30" y="216"/>
                  <a:pt x="29" y="216"/>
                  <a:pt x="29" y="217"/>
                </a:cubicBezTo>
                <a:close/>
                <a:moveTo>
                  <a:pt x="55" y="237"/>
                </a:moveTo>
                <a:cubicBezTo>
                  <a:pt x="55" y="236"/>
                  <a:pt x="56" y="236"/>
                  <a:pt x="56" y="235"/>
                </a:cubicBezTo>
                <a:cubicBezTo>
                  <a:pt x="55" y="235"/>
                  <a:pt x="55" y="236"/>
                  <a:pt x="55" y="237"/>
                </a:cubicBezTo>
                <a:close/>
                <a:moveTo>
                  <a:pt x="47" y="231"/>
                </a:moveTo>
                <a:cubicBezTo>
                  <a:pt x="47" y="232"/>
                  <a:pt x="48" y="230"/>
                  <a:pt x="48" y="230"/>
                </a:cubicBezTo>
                <a:cubicBezTo>
                  <a:pt x="47" y="230"/>
                  <a:pt x="47" y="230"/>
                  <a:pt x="47" y="231"/>
                </a:cubicBezTo>
                <a:close/>
                <a:moveTo>
                  <a:pt x="61" y="240"/>
                </a:moveTo>
                <a:cubicBezTo>
                  <a:pt x="62" y="240"/>
                  <a:pt x="61" y="240"/>
                  <a:pt x="61" y="239"/>
                </a:cubicBezTo>
                <a:cubicBezTo>
                  <a:pt x="61" y="240"/>
                  <a:pt x="61" y="240"/>
                  <a:pt x="61" y="240"/>
                </a:cubicBezTo>
                <a:close/>
                <a:moveTo>
                  <a:pt x="34" y="223"/>
                </a:moveTo>
                <a:cubicBezTo>
                  <a:pt x="34" y="222"/>
                  <a:pt x="35" y="222"/>
                  <a:pt x="35" y="221"/>
                </a:cubicBezTo>
                <a:cubicBezTo>
                  <a:pt x="34" y="221"/>
                  <a:pt x="33" y="222"/>
                  <a:pt x="34" y="223"/>
                </a:cubicBezTo>
                <a:close/>
                <a:moveTo>
                  <a:pt x="26" y="217"/>
                </a:moveTo>
                <a:cubicBezTo>
                  <a:pt x="26" y="217"/>
                  <a:pt x="27" y="217"/>
                  <a:pt x="26" y="216"/>
                </a:cubicBezTo>
                <a:cubicBezTo>
                  <a:pt x="26" y="217"/>
                  <a:pt x="26" y="217"/>
                  <a:pt x="26" y="217"/>
                </a:cubicBezTo>
                <a:close/>
                <a:moveTo>
                  <a:pt x="32" y="222"/>
                </a:moveTo>
                <a:cubicBezTo>
                  <a:pt x="33" y="222"/>
                  <a:pt x="33" y="222"/>
                  <a:pt x="33" y="221"/>
                </a:cubicBezTo>
                <a:cubicBezTo>
                  <a:pt x="32" y="221"/>
                  <a:pt x="32" y="222"/>
                  <a:pt x="32" y="222"/>
                </a:cubicBezTo>
                <a:close/>
                <a:moveTo>
                  <a:pt x="27" y="218"/>
                </a:moveTo>
                <a:cubicBezTo>
                  <a:pt x="27" y="219"/>
                  <a:pt x="26" y="220"/>
                  <a:pt x="27" y="221"/>
                </a:cubicBezTo>
                <a:cubicBezTo>
                  <a:pt x="27" y="220"/>
                  <a:pt x="27" y="220"/>
                  <a:pt x="28" y="219"/>
                </a:cubicBezTo>
                <a:cubicBezTo>
                  <a:pt x="28" y="219"/>
                  <a:pt x="28" y="218"/>
                  <a:pt x="27" y="218"/>
                </a:cubicBezTo>
                <a:close/>
                <a:moveTo>
                  <a:pt x="32" y="225"/>
                </a:moveTo>
                <a:cubicBezTo>
                  <a:pt x="33" y="224"/>
                  <a:pt x="33" y="224"/>
                  <a:pt x="34" y="223"/>
                </a:cubicBezTo>
                <a:cubicBezTo>
                  <a:pt x="33" y="223"/>
                  <a:pt x="33" y="223"/>
                  <a:pt x="33" y="223"/>
                </a:cubicBezTo>
                <a:cubicBezTo>
                  <a:pt x="32" y="223"/>
                  <a:pt x="32" y="224"/>
                  <a:pt x="32" y="225"/>
                </a:cubicBezTo>
                <a:close/>
                <a:moveTo>
                  <a:pt x="23" y="221"/>
                </a:moveTo>
                <a:cubicBezTo>
                  <a:pt x="24" y="220"/>
                  <a:pt x="25" y="219"/>
                  <a:pt x="26" y="217"/>
                </a:cubicBezTo>
                <a:cubicBezTo>
                  <a:pt x="25" y="219"/>
                  <a:pt x="24" y="220"/>
                  <a:pt x="23" y="221"/>
                </a:cubicBezTo>
                <a:close/>
                <a:moveTo>
                  <a:pt x="57" y="242"/>
                </a:moveTo>
                <a:cubicBezTo>
                  <a:pt x="58" y="243"/>
                  <a:pt x="58" y="243"/>
                  <a:pt x="58" y="243"/>
                </a:cubicBezTo>
                <a:cubicBezTo>
                  <a:pt x="59" y="243"/>
                  <a:pt x="58" y="242"/>
                  <a:pt x="58" y="241"/>
                </a:cubicBezTo>
                <a:lnTo>
                  <a:pt x="57" y="242"/>
                </a:lnTo>
                <a:close/>
                <a:moveTo>
                  <a:pt x="25" y="220"/>
                </a:moveTo>
                <a:cubicBezTo>
                  <a:pt x="26" y="220"/>
                  <a:pt x="26" y="219"/>
                  <a:pt x="26" y="218"/>
                </a:cubicBezTo>
                <a:cubicBezTo>
                  <a:pt x="26" y="218"/>
                  <a:pt x="25" y="219"/>
                  <a:pt x="25" y="220"/>
                </a:cubicBezTo>
                <a:close/>
                <a:moveTo>
                  <a:pt x="44" y="234"/>
                </a:moveTo>
                <a:cubicBezTo>
                  <a:pt x="44" y="234"/>
                  <a:pt x="45" y="233"/>
                  <a:pt x="45" y="233"/>
                </a:cubicBezTo>
                <a:cubicBezTo>
                  <a:pt x="44" y="233"/>
                  <a:pt x="43" y="233"/>
                  <a:pt x="44" y="234"/>
                </a:cubicBezTo>
                <a:close/>
                <a:moveTo>
                  <a:pt x="49" y="243"/>
                </a:moveTo>
                <a:cubicBezTo>
                  <a:pt x="50" y="242"/>
                  <a:pt x="52" y="240"/>
                  <a:pt x="52" y="239"/>
                </a:cubicBezTo>
                <a:cubicBezTo>
                  <a:pt x="51" y="241"/>
                  <a:pt x="49" y="241"/>
                  <a:pt x="49" y="243"/>
                </a:cubicBezTo>
                <a:close/>
                <a:moveTo>
                  <a:pt x="31" y="225"/>
                </a:moveTo>
                <a:cubicBezTo>
                  <a:pt x="32" y="225"/>
                  <a:pt x="31" y="226"/>
                  <a:pt x="31" y="226"/>
                </a:cubicBezTo>
                <a:cubicBezTo>
                  <a:pt x="32" y="226"/>
                  <a:pt x="32" y="226"/>
                  <a:pt x="32" y="225"/>
                </a:cubicBezTo>
                <a:cubicBezTo>
                  <a:pt x="32" y="225"/>
                  <a:pt x="32" y="225"/>
                  <a:pt x="31" y="225"/>
                </a:cubicBezTo>
                <a:close/>
                <a:moveTo>
                  <a:pt x="42" y="242"/>
                </a:moveTo>
                <a:cubicBezTo>
                  <a:pt x="43" y="241"/>
                  <a:pt x="45" y="239"/>
                  <a:pt x="46" y="236"/>
                </a:cubicBezTo>
                <a:cubicBezTo>
                  <a:pt x="46" y="237"/>
                  <a:pt x="46" y="238"/>
                  <a:pt x="47" y="237"/>
                </a:cubicBezTo>
                <a:cubicBezTo>
                  <a:pt x="47" y="236"/>
                  <a:pt x="46" y="236"/>
                  <a:pt x="46" y="235"/>
                </a:cubicBezTo>
                <a:cubicBezTo>
                  <a:pt x="45" y="238"/>
                  <a:pt x="42" y="240"/>
                  <a:pt x="42" y="242"/>
                </a:cubicBezTo>
                <a:close/>
                <a:moveTo>
                  <a:pt x="23" y="220"/>
                </a:moveTo>
                <a:cubicBezTo>
                  <a:pt x="23" y="220"/>
                  <a:pt x="22" y="220"/>
                  <a:pt x="23" y="219"/>
                </a:cubicBezTo>
                <a:cubicBezTo>
                  <a:pt x="22" y="219"/>
                  <a:pt x="22" y="219"/>
                  <a:pt x="22" y="219"/>
                </a:cubicBezTo>
                <a:cubicBezTo>
                  <a:pt x="22" y="219"/>
                  <a:pt x="22" y="221"/>
                  <a:pt x="23" y="220"/>
                </a:cubicBezTo>
                <a:close/>
                <a:moveTo>
                  <a:pt x="30" y="227"/>
                </a:moveTo>
                <a:cubicBezTo>
                  <a:pt x="30" y="227"/>
                  <a:pt x="30" y="227"/>
                  <a:pt x="31" y="228"/>
                </a:cubicBezTo>
                <a:cubicBezTo>
                  <a:pt x="31" y="227"/>
                  <a:pt x="31" y="227"/>
                  <a:pt x="31" y="227"/>
                </a:cubicBezTo>
                <a:cubicBezTo>
                  <a:pt x="31" y="226"/>
                  <a:pt x="32" y="227"/>
                  <a:pt x="31" y="226"/>
                </a:cubicBezTo>
                <a:cubicBezTo>
                  <a:pt x="31" y="226"/>
                  <a:pt x="31" y="226"/>
                  <a:pt x="30" y="227"/>
                </a:cubicBezTo>
                <a:close/>
                <a:moveTo>
                  <a:pt x="31" y="230"/>
                </a:moveTo>
                <a:cubicBezTo>
                  <a:pt x="32" y="229"/>
                  <a:pt x="33" y="228"/>
                  <a:pt x="33" y="228"/>
                </a:cubicBezTo>
                <a:cubicBezTo>
                  <a:pt x="32" y="228"/>
                  <a:pt x="31" y="229"/>
                  <a:pt x="31" y="230"/>
                </a:cubicBezTo>
                <a:close/>
                <a:moveTo>
                  <a:pt x="57" y="246"/>
                </a:moveTo>
                <a:cubicBezTo>
                  <a:pt x="57" y="246"/>
                  <a:pt x="57" y="246"/>
                  <a:pt x="58" y="246"/>
                </a:cubicBezTo>
                <a:cubicBezTo>
                  <a:pt x="57" y="246"/>
                  <a:pt x="57" y="246"/>
                  <a:pt x="57" y="246"/>
                </a:cubicBezTo>
                <a:close/>
                <a:moveTo>
                  <a:pt x="21" y="224"/>
                </a:moveTo>
                <a:cubicBezTo>
                  <a:pt x="22" y="224"/>
                  <a:pt x="22" y="223"/>
                  <a:pt x="22" y="223"/>
                </a:cubicBezTo>
                <a:cubicBezTo>
                  <a:pt x="22" y="223"/>
                  <a:pt x="21" y="224"/>
                  <a:pt x="21" y="224"/>
                </a:cubicBezTo>
                <a:close/>
                <a:moveTo>
                  <a:pt x="52" y="249"/>
                </a:moveTo>
                <a:cubicBezTo>
                  <a:pt x="52" y="249"/>
                  <a:pt x="52" y="249"/>
                  <a:pt x="51" y="249"/>
                </a:cubicBezTo>
                <a:cubicBezTo>
                  <a:pt x="52" y="250"/>
                  <a:pt x="52" y="249"/>
                  <a:pt x="52" y="250"/>
                </a:cubicBezTo>
                <a:cubicBezTo>
                  <a:pt x="53" y="248"/>
                  <a:pt x="53" y="248"/>
                  <a:pt x="54" y="247"/>
                </a:cubicBezTo>
                <a:cubicBezTo>
                  <a:pt x="53" y="247"/>
                  <a:pt x="52" y="248"/>
                  <a:pt x="52" y="249"/>
                </a:cubicBezTo>
                <a:close/>
                <a:moveTo>
                  <a:pt x="29" y="230"/>
                </a:moveTo>
                <a:cubicBezTo>
                  <a:pt x="29" y="230"/>
                  <a:pt x="29" y="230"/>
                  <a:pt x="29" y="230"/>
                </a:cubicBezTo>
                <a:cubicBezTo>
                  <a:pt x="29" y="229"/>
                  <a:pt x="28" y="230"/>
                  <a:pt x="29" y="230"/>
                </a:cubicBezTo>
                <a:close/>
                <a:moveTo>
                  <a:pt x="54" y="249"/>
                </a:moveTo>
                <a:cubicBezTo>
                  <a:pt x="55" y="250"/>
                  <a:pt x="54" y="251"/>
                  <a:pt x="55" y="250"/>
                </a:cubicBezTo>
                <a:cubicBezTo>
                  <a:pt x="56" y="251"/>
                  <a:pt x="55" y="250"/>
                  <a:pt x="55" y="251"/>
                </a:cubicBezTo>
                <a:cubicBezTo>
                  <a:pt x="56" y="251"/>
                  <a:pt x="56" y="250"/>
                  <a:pt x="56" y="250"/>
                </a:cubicBezTo>
                <a:cubicBezTo>
                  <a:pt x="55" y="249"/>
                  <a:pt x="55" y="249"/>
                  <a:pt x="54" y="249"/>
                </a:cubicBezTo>
                <a:close/>
                <a:moveTo>
                  <a:pt x="47" y="245"/>
                </a:moveTo>
                <a:cubicBezTo>
                  <a:pt x="47" y="246"/>
                  <a:pt x="46" y="246"/>
                  <a:pt x="47" y="246"/>
                </a:cubicBezTo>
                <a:cubicBezTo>
                  <a:pt x="48" y="245"/>
                  <a:pt x="48" y="245"/>
                  <a:pt x="48" y="245"/>
                </a:cubicBezTo>
                <a:cubicBezTo>
                  <a:pt x="48" y="245"/>
                  <a:pt x="47" y="245"/>
                  <a:pt x="47" y="245"/>
                </a:cubicBezTo>
                <a:close/>
                <a:moveTo>
                  <a:pt x="28" y="231"/>
                </a:moveTo>
                <a:cubicBezTo>
                  <a:pt x="28" y="232"/>
                  <a:pt x="27" y="232"/>
                  <a:pt x="27" y="233"/>
                </a:cubicBezTo>
                <a:cubicBezTo>
                  <a:pt x="28" y="232"/>
                  <a:pt x="28" y="231"/>
                  <a:pt x="28" y="231"/>
                </a:cubicBezTo>
                <a:cubicBezTo>
                  <a:pt x="28" y="231"/>
                  <a:pt x="28" y="230"/>
                  <a:pt x="28" y="231"/>
                </a:cubicBezTo>
                <a:close/>
                <a:moveTo>
                  <a:pt x="28" y="235"/>
                </a:moveTo>
                <a:cubicBezTo>
                  <a:pt x="29" y="234"/>
                  <a:pt x="30" y="233"/>
                  <a:pt x="29" y="232"/>
                </a:cubicBezTo>
                <a:cubicBezTo>
                  <a:pt x="29" y="233"/>
                  <a:pt x="29" y="234"/>
                  <a:pt x="28" y="235"/>
                </a:cubicBezTo>
                <a:close/>
                <a:moveTo>
                  <a:pt x="48" y="247"/>
                </a:moveTo>
                <a:cubicBezTo>
                  <a:pt x="48" y="248"/>
                  <a:pt x="49" y="248"/>
                  <a:pt x="49" y="248"/>
                </a:cubicBezTo>
                <a:cubicBezTo>
                  <a:pt x="49" y="248"/>
                  <a:pt x="49" y="248"/>
                  <a:pt x="49" y="248"/>
                </a:cubicBezTo>
                <a:cubicBezTo>
                  <a:pt x="49" y="248"/>
                  <a:pt x="49" y="247"/>
                  <a:pt x="48" y="247"/>
                </a:cubicBezTo>
                <a:close/>
                <a:moveTo>
                  <a:pt x="17" y="226"/>
                </a:moveTo>
                <a:cubicBezTo>
                  <a:pt x="17" y="226"/>
                  <a:pt x="17" y="227"/>
                  <a:pt x="17" y="227"/>
                </a:cubicBezTo>
                <a:cubicBezTo>
                  <a:pt x="17" y="226"/>
                  <a:pt x="18" y="227"/>
                  <a:pt x="18" y="227"/>
                </a:cubicBezTo>
                <a:cubicBezTo>
                  <a:pt x="18" y="226"/>
                  <a:pt x="17" y="226"/>
                  <a:pt x="17" y="225"/>
                </a:cubicBezTo>
                <a:lnTo>
                  <a:pt x="17" y="226"/>
                </a:lnTo>
                <a:close/>
                <a:moveTo>
                  <a:pt x="41" y="244"/>
                </a:moveTo>
                <a:cubicBezTo>
                  <a:pt x="41" y="244"/>
                  <a:pt x="42" y="243"/>
                  <a:pt x="41" y="243"/>
                </a:cubicBezTo>
                <a:cubicBezTo>
                  <a:pt x="40" y="245"/>
                  <a:pt x="39" y="245"/>
                  <a:pt x="41" y="244"/>
                </a:cubicBezTo>
                <a:close/>
                <a:moveTo>
                  <a:pt x="50" y="252"/>
                </a:moveTo>
                <a:cubicBezTo>
                  <a:pt x="50" y="251"/>
                  <a:pt x="51" y="252"/>
                  <a:pt x="51" y="252"/>
                </a:cubicBezTo>
                <a:cubicBezTo>
                  <a:pt x="50" y="252"/>
                  <a:pt x="51" y="251"/>
                  <a:pt x="51" y="250"/>
                </a:cubicBezTo>
                <a:cubicBezTo>
                  <a:pt x="51" y="252"/>
                  <a:pt x="49" y="251"/>
                  <a:pt x="50" y="252"/>
                </a:cubicBezTo>
                <a:close/>
                <a:moveTo>
                  <a:pt x="42" y="245"/>
                </a:moveTo>
                <a:cubicBezTo>
                  <a:pt x="42" y="246"/>
                  <a:pt x="42" y="246"/>
                  <a:pt x="43" y="246"/>
                </a:cubicBezTo>
                <a:cubicBezTo>
                  <a:pt x="43" y="245"/>
                  <a:pt x="42" y="245"/>
                  <a:pt x="42" y="245"/>
                </a:cubicBezTo>
                <a:close/>
                <a:moveTo>
                  <a:pt x="53" y="255"/>
                </a:moveTo>
                <a:cubicBezTo>
                  <a:pt x="53" y="254"/>
                  <a:pt x="54" y="254"/>
                  <a:pt x="53" y="253"/>
                </a:cubicBezTo>
                <a:cubicBezTo>
                  <a:pt x="53" y="254"/>
                  <a:pt x="52" y="254"/>
                  <a:pt x="53" y="255"/>
                </a:cubicBezTo>
                <a:close/>
                <a:moveTo>
                  <a:pt x="40" y="247"/>
                </a:moveTo>
                <a:cubicBezTo>
                  <a:pt x="41" y="247"/>
                  <a:pt x="42" y="246"/>
                  <a:pt x="41" y="246"/>
                </a:cubicBezTo>
                <a:lnTo>
                  <a:pt x="40" y="247"/>
                </a:lnTo>
                <a:close/>
                <a:moveTo>
                  <a:pt x="43" y="248"/>
                </a:moveTo>
                <a:cubicBezTo>
                  <a:pt x="44" y="249"/>
                  <a:pt x="44" y="249"/>
                  <a:pt x="44" y="249"/>
                </a:cubicBezTo>
                <a:cubicBezTo>
                  <a:pt x="44" y="248"/>
                  <a:pt x="43" y="248"/>
                  <a:pt x="43" y="248"/>
                </a:cubicBezTo>
                <a:close/>
                <a:moveTo>
                  <a:pt x="15" y="234"/>
                </a:moveTo>
                <a:cubicBezTo>
                  <a:pt x="15" y="233"/>
                  <a:pt x="15" y="233"/>
                  <a:pt x="15" y="232"/>
                </a:cubicBezTo>
                <a:cubicBezTo>
                  <a:pt x="15" y="233"/>
                  <a:pt x="15" y="233"/>
                  <a:pt x="15" y="233"/>
                </a:cubicBezTo>
                <a:cubicBezTo>
                  <a:pt x="16" y="234"/>
                  <a:pt x="16" y="234"/>
                  <a:pt x="16" y="234"/>
                </a:cubicBezTo>
                <a:cubicBezTo>
                  <a:pt x="17" y="232"/>
                  <a:pt x="17" y="233"/>
                  <a:pt x="18" y="231"/>
                </a:cubicBezTo>
                <a:cubicBezTo>
                  <a:pt x="18" y="231"/>
                  <a:pt x="17" y="231"/>
                  <a:pt x="17" y="230"/>
                </a:cubicBezTo>
                <a:cubicBezTo>
                  <a:pt x="17" y="230"/>
                  <a:pt x="17" y="231"/>
                  <a:pt x="17" y="230"/>
                </a:cubicBezTo>
                <a:cubicBezTo>
                  <a:pt x="17" y="232"/>
                  <a:pt x="16" y="232"/>
                  <a:pt x="15" y="234"/>
                </a:cubicBezTo>
                <a:close/>
                <a:moveTo>
                  <a:pt x="51" y="255"/>
                </a:moveTo>
                <a:cubicBezTo>
                  <a:pt x="51" y="256"/>
                  <a:pt x="50" y="257"/>
                  <a:pt x="51" y="257"/>
                </a:cubicBezTo>
                <a:cubicBezTo>
                  <a:pt x="51" y="256"/>
                  <a:pt x="52" y="256"/>
                  <a:pt x="52" y="255"/>
                </a:cubicBezTo>
                <a:cubicBezTo>
                  <a:pt x="51" y="255"/>
                  <a:pt x="51" y="255"/>
                  <a:pt x="51" y="255"/>
                </a:cubicBezTo>
                <a:close/>
                <a:moveTo>
                  <a:pt x="20" y="235"/>
                </a:moveTo>
                <a:cubicBezTo>
                  <a:pt x="19" y="235"/>
                  <a:pt x="19" y="236"/>
                  <a:pt x="19" y="236"/>
                </a:cubicBezTo>
                <a:cubicBezTo>
                  <a:pt x="20" y="236"/>
                  <a:pt x="20" y="236"/>
                  <a:pt x="20" y="236"/>
                </a:cubicBezTo>
                <a:cubicBezTo>
                  <a:pt x="20" y="236"/>
                  <a:pt x="21" y="235"/>
                  <a:pt x="21" y="235"/>
                </a:cubicBezTo>
                <a:cubicBezTo>
                  <a:pt x="20" y="235"/>
                  <a:pt x="20" y="236"/>
                  <a:pt x="20" y="235"/>
                </a:cubicBezTo>
                <a:close/>
                <a:moveTo>
                  <a:pt x="21" y="238"/>
                </a:moveTo>
                <a:cubicBezTo>
                  <a:pt x="21" y="237"/>
                  <a:pt x="22" y="237"/>
                  <a:pt x="22" y="236"/>
                </a:cubicBezTo>
                <a:cubicBezTo>
                  <a:pt x="21" y="236"/>
                  <a:pt x="21" y="237"/>
                  <a:pt x="21" y="238"/>
                </a:cubicBezTo>
                <a:close/>
                <a:moveTo>
                  <a:pt x="17" y="236"/>
                </a:moveTo>
                <a:cubicBezTo>
                  <a:pt x="18" y="236"/>
                  <a:pt x="18" y="235"/>
                  <a:pt x="18" y="235"/>
                </a:cubicBezTo>
                <a:cubicBezTo>
                  <a:pt x="18" y="235"/>
                  <a:pt x="17" y="236"/>
                  <a:pt x="17" y="236"/>
                </a:cubicBezTo>
                <a:close/>
                <a:moveTo>
                  <a:pt x="23" y="243"/>
                </a:moveTo>
                <a:cubicBezTo>
                  <a:pt x="24" y="243"/>
                  <a:pt x="25" y="241"/>
                  <a:pt x="26" y="240"/>
                </a:cubicBezTo>
                <a:cubicBezTo>
                  <a:pt x="25" y="240"/>
                  <a:pt x="25" y="240"/>
                  <a:pt x="25" y="240"/>
                </a:cubicBezTo>
                <a:cubicBezTo>
                  <a:pt x="24" y="241"/>
                  <a:pt x="24" y="242"/>
                  <a:pt x="23" y="243"/>
                </a:cubicBezTo>
                <a:close/>
                <a:moveTo>
                  <a:pt x="17" y="238"/>
                </a:moveTo>
                <a:cubicBezTo>
                  <a:pt x="17" y="237"/>
                  <a:pt x="18" y="237"/>
                  <a:pt x="18" y="236"/>
                </a:cubicBezTo>
                <a:cubicBezTo>
                  <a:pt x="17" y="236"/>
                  <a:pt x="16" y="237"/>
                  <a:pt x="17" y="238"/>
                </a:cubicBezTo>
                <a:close/>
                <a:moveTo>
                  <a:pt x="35" y="251"/>
                </a:moveTo>
                <a:cubicBezTo>
                  <a:pt x="35" y="252"/>
                  <a:pt x="36" y="250"/>
                  <a:pt x="36" y="250"/>
                </a:cubicBezTo>
                <a:lnTo>
                  <a:pt x="35" y="251"/>
                </a:lnTo>
                <a:close/>
                <a:moveTo>
                  <a:pt x="38" y="255"/>
                </a:moveTo>
                <a:cubicBezTo>
                  <a:pt x="39" y="254"/>
                  <a:pt x="39" y="254"/>
                  <a:pt x="39" y="254"/>
                </a:cubicBezTo>
                <a:cubicBezTo>
                  <a:pt x="39" y="254"/>
                  <a:pt x="38" y="254"/>
                  <a:pt x="38" y="255"/>
                </a:cubicBezTo>
                <a:close/>
                <a:moveTo>
                  <a:pt x="12" y="236"/>
                </a:moveTo>
                <a:cubicBezTo>
                  <a:pt x="12" y="236"/>
                  <a:pt x="12" y="237"/>
                  <a:pt x="12" y="237"/>
                </a:cubicBezTo>
                <a:cubicBezTo>
                  <a:pt x="13" y="236"/>
                  <a:pt x="13" y="236"/>
                  <a:pt x="13" y="236"/>
                </a:cubicBezTo>
                <a:cubicBezTo>
                  <a:pt x="13" y="236"/>
                  <a:pt x="12" y="236"/>
                  <a:pt x="12" y="236"/>
                </a:cubicBezTo>
                <a:close/>
                <a:moveTo>
                  <a:pt x="38" y="253"/>
                </a:moveTo>
                <a:cubicBezTo>
                  <a:pt x="36" y="252"/>
                  <a:pt x="36" y="252"/>
                  <a:pt x="36" y="252"/>
                </a:cubicBezTo>
                <a:cubicBezTo>
                  <a:pt x="36" y="253"/>
                  <a:pt x="37" y="254"/>
                  <a:pt x="38" y="253"/>
                </a:cubicBezTo>
                <a:close/>
                <a:moveTo>
                  <a:pt x="12" y="239"/>
                </a:moveTo>
                <a:cubicBezTo>
                  <a:pt x="13" y="238"/>
                  <a:pt x="13" y="238"/>
                  <a:pt x="13" y="238"/>
                </a:cubicBezTo>
                <a:cubicBezTo>
                  <a:pt x="13" y="238"/>
                  <a:pt x="13" y="239"/>
                  <a:pt x="13" y="238"/>
                </a:cubicBezTo>
                <a:cubicBezTo>
                  <a:pt x="12" y="238"/>
                  <a:pt x="14" y="237"/>
                  <a:pt x="13" y="237"/>
                </a:cubicBezTo>
                <a:cubicBezTo>
                  <a:pt x="12" y="237"/>
                  <a:pt x="12" y="238"/>
                  <a:pt x="12" y="239"/>
                </a:cubicBezTo>
                <a:close/>
                <a:moveTo>
                  <a:pt x="35" y="256"/>
                </a:moveTo>
                <a:cubicBezTo>
                  <a:pt x="35" y="256"/>
                  <a:pt x="36" y="257"/>
                  <a:pt x="36" y="257"/>
                </a:cubicBezTo>
                <a:cubicBezTo>
                  <a:pt x="36" y="256"/>
                  <a:pt x="35" y="256"/>
                  <a:pt x="35" y="256"/>
                </a:cubicBezTo>
                <a:close/>
                <a:moveTo>
                  <a:pt x="27" y="255"/>
                </a:moveTo>
                <a:cubicBezTo>
                  <a:pt x="27" y="255"/>
                  <a:pt x="28" y="254"/>
                  <a:pt x="28" y="254"/>
                </a:cubicBezTo>
                <a:cubicBezTo>
                  <a:pt x="27" y="254"/>
                  <a:pt x="27" y="254"/>
                  <a:pt x="27" y="255"/>
                </a:cubicBezTo>
                <a:close/>
                <a:moveTo>
                  <a:pt x="8" y="244"/>
                </a:moveTo>
                <a:cubicBezTo>
                  <a:pt x="7" y="244"/>
                  <a:pt x="7" y="244"/>
                  <a:pt x="7" y="244"/>
                </a:cubicBezTo>
                <a:cubicBezTo>
                  <a:pt x="8" y="245"/>
                  <a:pt x="8" y="243"/>
                  <a:pt x="7" y="243"/>
                </a:cubicBezTo>
                <a:cubicBezTo>
                  <a:pt x="7" y="243"/>
                  <a:pt x="7" y="243"/>
                  <a:pt x="8" y="244"/>
                </a:cubicBezTo>
                <a:close/>
                <a:moveTo>
                  <a:pt x="6" y="247"/>
                </a:moveTo>
                <a:cubicBezTo>
                  <a:pt x="7" y="248"/>
                  <a:pt x="9" y="244"/>
                  <a:pt x="8" y="244"/>
                </a:cubicBezTo>
                <a:cubicBezTo>
                  <a:pt x="7" y="245"/>
                  <a:pt x="7" y="246"/>
                  <a:pt x="6" y="247"/>
                </a:cubicBezTo>
                <a:close/>
                <a:moveTo>
                  <a:pt x="11" y="248"/>
                </a:moveTo>
                <a:cubicBezTo>
                  <a:pt x="12" y="248"/>
                  <a:pt x="12" y="247"/>
                  <a:pt x="11" y="247"/>
                </a:cubicBezTo>
                <a:cubicBezTo>
                  <a:pt x="11" y="247"/>
                  <a:pt x="11" y="248"/>
                  <a:pt x="11" y="248"/>
                </a:cubicBezTo>
                <a:close/>
                <a:moveTo>
                  <a:pt x="32" y="264"/>
                </a:moveTo>
                <a:cubicBezTo>
                  <a:pt x="33" y="264"/>
                  <a:pt x="33" y="264"/>
                  <a:pt x="33" y="263"/>
                </a:cubicBezTo>
                <a:cubicBezTo>
                  <a:pt x="32" y="263"/>
                  <a:pt x="32" y="263"/>
                  <a:pt x="32" y="264"/>
                </a:cubicBezTo>
                <a:close/>
                <a:moveTo>
                  <a:pt x="10" y="250"/>
                </a:moveTo>
                <a:cubicBezTo>
                  <a:pt x="10" y="250"/>
                  <a:pt x="11" y="249"/>
                  <a:pt x="11" y="249"/>
                </a:cubicBezTo>
                <a:cubicBezTo>
                  <a:pt x="10" y="248"/>
                  <a:pt x="10" y="248"/>
                  <a:pt x="10" y="248"/>
                </a:cubicBezTo>
                <a:cubicBezTo>
                  <a:pt x="10" y="249"/>
                  <a:pt x="9" y="249"/>
                  <a:pt x="10" y="250"/>
                </a:cubicBezTo>
                <a:close/>
                <a:moveTo>
                  <a:pt x="7" y="252"/>
                </a:moveTo>
                <a:cubicBezTo>
                  <a:pt x="7" y="251"/>
                  <a:pt x="9" y="249"/>
                  <a:pt x="8" y="248"/>
                </a:cubicBezTo>
                <a:cubicBezTo>
                  <a:pt x="8" y="249"/>
                  <a:pt x="6" y="251"/>
                  <a:pt x="7" y="252"/>
                </a:cubicBezTo>
                <a:close/>
                <a:moveTo>
                  <a:pt x="3" y="247"/>
                </a:moveTo>
                <a:cubicBezTo>
                  <a:pt x="3" y="246"/>
                  <a:pt x="4" y="246"/>
                  <a:pt x="4" y="246"/>
                </a:cubicBezTo>
                <a:cubicBezTo>
                  <a:pt x="3" y="246"/>
                  <a:pt x="2" y="246"/>
                  <a:pt x="3" y="247"/>
                </a:cubicBezTo>
                <a:close/>
                <a:moveTo>
                  <a:pt x="0" y="255"/>
                </a:moveTo>
                <a:cubicBezTo>
                  <a:pt x="1" y="253"/>
                  <a:pt x="3" y="253"/>
                  <a:pt x="2" y="251"/>
                </a:cubicBezTo>
                <a:cubicBezTo>
                  <a:pt x="2" y="253"/>
                  <a:pt x="0" y="254"/>
                  <a:pt x="0" y="255"/>
                </a:cubicBezTo>
                <a:close/>
                <a:moveTo>
                  <a:pt x="30" y="271"/>
                </a:moveTo>
                <a:cubicBezTo>
                  <a:pt x="30" y="271"/>
                  <a:pt x="31" y="271"/>
                  <a:pt x="31" y="271"/>
                </a:cubicBezTo>
                <a:cubicBezTo>
                  <a:pt x="31" y="271"/>
                  <a:pt x="30" y="270"/>
                  <a:pt x="30" y="271"/>
                </a:cubicBezTo>
                <a:close/>
                <a:moveTo>
                  <a:pt x="34" y="274"/>
                </a:moveTo>
                <a:cubicBezTo>
                  <a:pt x="35" y="275"/>
                  <a:pt x="34" y="275"/>
                  <a:pt x="35" y="275"/>
                </a:cubicBezTo>
                <a:cubicBezTo>
                  <a:pt x="36" y="275"/>
                  <a:pt x="35" y="275"/>
                  <a:pt x="35" y="274"/>
                </a:cubicBezTo>
                <a:cubicBezTo>
                  <a:pt x="35" y="274"/>
                  <a:pt x="35" y="274"/>
                  <a:pt x="34" y="274"/>
                </a:cubicBezTo>
                <a:close/>
                <a:moveTo>
                  <a:pt x="3" y="254"/>
                </a:moveTo>
                <a:cubicBezTo>
                  <a:pt x="2" y="254"/>
                  <a:pt x="2" y="254"/>
                  <a:pt x="2" y="253"/>
                </a:cubicBezTo>
                <a:cubicBezTo>
                  <a:pt x="2" y="254"/>
                  <a:pt x="2" y="254"/>
                  <a:pt x="2" y="254"/>
                </a:cubicBezTo>
                <a:cubicBezTo>
                  <a:pt x="2" y="254"/>
                  <a:pt x="4" y="254"/>
                  <a:pt x="3" y="253"/>
                </a:cubicBezTo>
                <a:lnTo>
                  <a:pt x="3" y="254"/>
                </a:lnTo>
                <a:close/>
                <a:moveTo>
                  <a:pt x="27" y="271"/>
                </a:moveTo>
                <a:cubicBezTo>
                  <a:pt x="27" y="271"/>
                  <a:pt x="27" y="272"/>
                  <a:pt x="28" y="271"/>
                </a:cubicBezTo>
                <a:cubicBezTo>
                  <a:pt x="28" y="271"/>
                  <a:pt x="27" y="270"/>
                  <a:pt x="27" y="271"/>
                </a:cubicBezTo>
                <a:close/>
                <a:moveTo>
                  <a:pt x="31" y="278"/>
                </a:moveTo>
                <a:cubicBezTo>
                  <a:pt x="31" y="277"/>
                  <a:pt x="30" y="277"/>
                  <a:pt x="30" y="276"/>
                </a:cubicBezTo>
                <a:cubicBezTo>
                  <a:pt x="30" y="277"/>
                  <a:pt x="31" y="277"/>
                  <a:pt x="31" y="278"/>
                </a:cubicBezTo>
                <a:close/>
                <a:moveTo>
                  <a:pt x="31" y="281"/>
                </a:moveTo>
                <a:cubicBezTo>
                  <a:pt x="32" y="281"/>
                  <a:pt x="32" y="281"/>
                  <a:pt x="32" y="281"/>
                </a:cubicBezTo>
                <a:cubicBezTo>
                  <a:pt x="32" y="280"/>
                  <a:pt x="32" y="280"/>
                  <a:pt x="33" y="280"/>
                </a:cubicBezTo>
                <a:cubicBezTo>
                  <a:pt x="33" y="280"/>
                  <a:pt x="33" y="279"/>
                  <a:pt x="33" y="279"/>
                </a:cubicBezTo>
                <a:cubicBezTo>
                  <a:pt x="32" y="280"/>
                  <a:pt x="32" y="281"/>
                  <a:pt x="31" y="281"/>
                </a:cubicBezTo>
                <a:close/>
                <a:moveTo>
                  <a:pt x="782" y="255"/>
                </a:moveTo>
                <a:cubicBezTo>
                  <a:pt x="781" y="255"/>
                  <a:pt x="779" y="253"/>
                  <a:pt x="779" y="256"/>
                </a:cubicBezTo>
                <a:cubicBezTo>
                  <a:pt x="781" y="259"/>
                  <a:pt x="782" y="261"/>
                  <a:pt x="783" y="263"/>
                </a:cubicBezTo>
                <a:cubicBezTo>
                  <a:pt x="781" y="263"/>
                  <a:pt x="777" y="259"/>
                  <a:pt x="774" y="258"/>
                </a:cubicBezTo>
                <a:cubicBezTo>
                  <a:pt x="775" y="259"/>
                  <a:pt x="777" y="263"/>
                  <a:pt x="778" y="264"/>
                </a:cubicBezTo>
                <a:cubicBezTo>
                  <a:pt x="779" y="267"/>
                  <a:pt x="779" y="268"/>
                  <a:pt x="780" y="271"/>
                </a:cubicBezTo>
                <a:cubicBezTo>
                  <a:pt x="779" y="271"/>
                  <a:pt x="779" y="271"/>
                  <a:pt x="779" y="272"/>
                </a:cubicBezTo>
                <a:cubicBezTo>
                  <a:pt x="776" y="269"/>
                  <a:pt x="775" y="267"/>
                  <a:pt x="772" y="264"/>
                </a:cubicBezTo>
                <a:cubicBezTo>
                  <a:pt x="771" y="262"/>
                  <a:pt x="772" y="262"/>
                  <a:pt x="771" y="260"/>
                </a:cubicBezTo>
                <a:cubicBezTo>
                  <a:pt x="770" y="259"/>
                  <a:pt x="767" y="254"/>
                  <a:pt x="766" y="252"/>
                </a:cubicBezTo>
                <a:cubicBezTo>
                  <a:pt x="766" y="254"/>
                  <a:pt x="763" y="249"/>
                  <a:pt x="762" y="246"/>
                </a:cubicBezTo>
                <a:cubicBezTo>
                  <a:pt x="763" y="250"/>
                  <a:pt x="761" y="249"/>
                  <a:pt x="764" y="255"/>
                </a:cubicBezTo>
                <a:cubicBezTo>
                  <a:pt x="763" y="252"/>
                  <a:pt x="764" y="254"/>
                  <a:pt x="765" y="256"/>
                </a:cubicBezTo>
                <a:cubicBezTo>
                  <a:pt x="765" y="257"/>
                  <a:pt x="765" y="255"/>
                  <a:pt x="765" y="255"/>
                </a:cubicBezTo>
                <a:cubicBezTo>
                  <a:pt x="766" y="256"/>
                  <a:pt x="766" y="257"/>
                  <a:pt x="766" y="258"/>
                </a:cubicBezTo>
                <a:cubicBezTo>
                  <a:pt x="767" y="259"/>
                  <a:pt x="768" y="260"/>
                  <a:pt x="770" y="260"/>
                </a:cubicBezTo>
                <a:cubicBezTo>
                  <a:pt x="770" y="262"/>
                  <a:pt x="771" y="264"/>
                  <a:pt x="772" y="267"/>
                </a:cubicBezTo>
                <a:cubicBezTo>
                  <a:pt x="771" y="267"/>
                  <a:pt x="768" y="261"/>
                  <a:pt x="769" y="264"/>
                </a:cubicBezTo>
                <a:cubicBezTo>
                  <a:pt x="768" y="262"/>
                  <a:pt x="766" y="259"/>
                  <a:pt x="766" y="260"/>
                </a:cubicBezTo>
                <a:cubicBezTo>
                  <a:pt x="766" y="259"/>
                  <a:pt x="764" y="256"/>
                  <a:pt x="764" y="255"/>
                </a:cubicBezTo>
                <a:cubicBezTo>
                  <a:pt x="763" y="254"/>
                  <a:pt x="762" y="254"/>
                  <a:pt x="761" y="253"/>
                </a:cubicBezTo>
                <a:cubicBezTo>
                  <a:pt x="761" y="252"/>
                  <a:pt x="762" y="253"/>
                  <a:pt x="762" y="252"/>
                </a:cubicBezTo>
                <a:cubicBezTo>
                  <a:pt x="762" y="251"/>
                  <a:pt x="761" y="249"/>
                  <a:pt x="761" y="249"/>
                </a:cubicBezTo>
                <a:cubicBezTo>
                  <a:pt x="757" y="243"/>
                  <a:pt x="757" y="246"/>
                  <a:pt x="752" y="241"/>
                </a:cubicBezTo>
                <a:cubicBezTo>
                  <a:pt x="752" y="241"/>
                  <a:pt x="755" y="244"/>
                  <a:pt x="755" y="245"/>
                </a:cubicBezTo>
                <a:cubicBezTo>
                  <a:pt x="755" y="246"/>
                  <a:pt x="755" y="245"/>
                  <a:pt x="755" y="244"/>
                </a:cubicBezTo>
                <a:cubicBezTo>
                  <a:pt x="755" y="244"/>
                  <a:pt x="755" y="246"/>
                  <a:pt x="756" y="246"/>
                </a:cubicBezTo>
                <a:cubicBezTo>
                  <a:pt x="757" y="248"/>
                  <a:pt x="756" y="247"/>
                  <a:pt x="757" y="249"/>
                </a:cubicBezTo>
                <a:cubicBezTo>
                  <a:pt x="755" y="246"/>
                  <a:pt x="755" y="248"/>
                  <a:pt x="753" y="248"/>
                </a:cubicBezTo>
                <a:cubicBezTo>
                  <a:pt x="752" y="245"/>
                  <a:pt x="751" y="244"/>
                  <a:pt x="750" y="245"/>
                </a:cubicBezTo>
                <a:cubicBezTo>
                  <a:pt x="748" y="242"/>
                  <a:pt x="747" y="243"/>
                  <a:pt x="745" y="239"/>
                </a:cubicBezTo>
                <a:cubicBezTo>
                  <a:pt x="744" y="239"/>
                  <a:pt x="744" y="239"/>
                  <a:pt x="744" y="239"/>
                </a:cubicBezTo>
                <a:cubicBezTo>
                  <a:pt x="743" y="237"/>
                  <a:pt x="741" y="236"/>
                  <a:pt x="739" y="233"/>
                </a:cubicBezTo>
                <a:cubicBezTo>
                  <a:pt x="739" y="232"/>
                  <a:pt x="739" y="231"/>
                  <a:pt x="740" y="231"/>
                </a:cubicBezTo>
                <a:cubicBezTo>
                  <a:pt x="741" y="233"/>
                  <a:pt x="741" y="234"/>
                  <a:pt x="742" y="234"/>
                </a:cubicBezTo>
                <a:cubicBezTo>
                  <a:pt x="742" y="234"/>
                  <a:pt x="741" y="231"/>
                  <a:pt x="743" y="234"/>
                </a:cubicBezTo>
                <a:cubicBezTo>
                  <a:pt x="743" y="233"/>
                  <a:pt x="742" y="232"/>
                  <a:pt x="741" y="231"/>
                </a:cubicBezTo>
                <a:cubicBezTo>
                  <a:pt x="740" y="230"/>
                  <a:pt x="741" y="231"/>
                  <a:pt x="740" y="231"/>
                </a:cubicBezTo>
                <a:cubicBezTo>
                  <a:pt x="739" y="227"/>
                  <a:pt x="737" y="229"/>
                  <a:pt x="736" y="226"/>
                </a:cubicBezTo>
                <a:cubicBezTo>
                  <a:pt x="736" y="227"/>
                  <a:pt x="735" y="226"/>
                  <a:pt x="733" y="224"/>
                </a:cubicBezTo>
                <a:cubicBezTo>
                  <a:pt x="734" y="226"/>
                  <a:pt x="737" y="229"/>
                  <a:pt x="738" y="231"/>
                </a:cubicBezTo>
                <a:cubicBezTo>
                  <a:pt x="735" y="229"/>
                  <a:pt x="728" y="217"/>
                  <a:pt x="726" y="218"/>
                </a:cubicBezTo>
                <a:cubicBezTo>
                  <a:pt x="724" y="215"/>
                  <a:pt x="723" y="213"/>
                  <a:pt x="721" y="210"/>
                </a:cubicBezTo>
                <a:cubicBezTo>
                  <a:pt x="715" y="205"/>
                  <a:pt x="707" y="195"/>
                  <a:pt x="698" y="186"/>
                </a:cubicBezTo>
                <a:cubicBezTo>
                  <a:pt x="698" y="186"/>
                  <a:pt x="701" y="188"/>
                  <a:pt x="700" y="188"/>
                </a:cubicBezTo>
                <a:cubicBezTo>
                  <a:pt x="696" y="184"/>
                  <a:pt x="693" y="182"/>
                  <a:pt x="688" y="177"/>
                </a:cubicBezTo>
                <a:cubicBezTo>
                  <a:pt x="689" y="178"/>
                  <a:pt x="690" y="178"/>
                  <a:pt x="690" y="177"/>
                </a:cubicBezTo>
                <a:cubicBezTo>
                  <a:pt x="689" y="176"/>
                  <a:pt x="689" y="176"/>
                  <a:pt x="689" y="176"/>
                </a:cubicBezTo>
                <a:cubicBezTo>
                  <a:pt x="687" y="174"/>
                  <a:pt x="689" y="177"/>
                  <a:pt x="688" y="177"/>
                </a:cubicBezTo>
                <a:cubicBezTo>
                  <a:pt x="686" y="175"/>
                  <a:pt x="687" y="175"/>
                  <a:pt x="686" y="174"/>
                </a:cubicBezTo>
                <a:cubicBezTo>
                  <a:pt x="684" y="172"/>
                  <a:pt x="686" y="174"/>
                  <a:pt x="684" y="173"/>
                </a:cubicBezTo>
                <a:cubicBezTo>
                  <a:pt x="683" y="172"/>
                  <a:pt x="682" y="169"/>
                  <a:pt x="681" y="170"/>
                </a:cubicBezTo>
                <a:cubicBezTo>
                  <a:pt x="680" y="169"/>
                  <a:pt x="681" y="169"/>
                  <a:pt x="681" y="169"/>
                </a:cubicBezTo>
                <a:cubicBezTo>
                  <a:pt x="680" y="168"/>
                  <a:pt x="679" y="168"/>
                  <a:pt x="678" y="168"/>
                </a:cubicBezTo>
                <a:cubicBezTo>
                  <a:pt x="676" y="165"/>
                  <a:pt x="672" y="163"/>
                  <a:pt x="672" y="161"/>
                </a:cubicBezTo>
                <a:cubicBezTo>
                  <a:pt x="670" y="160"/>
                  <a:pt x="662" y="154"/>
                  <a:pt x="657" y="149"/>
                </a:cubicBezTo>
                <a:cubicBezTo>
                  <a:pt x="660" y="152"/>
                  <a:pt x="654" y="146"/>
                  <a:pt x="654" y="146"/>
                </a:cubicBezTo>
                <a:cubicBezTo>
                  <a:pt x="653" y="145"/>
                  <a:pt x="653" y="145"/>
                  <a:pt x="652" y="145"/>
                </a:cubicBezTo>
                <a:cubicBezTo>
                  <a:pt x="648" y="142"/>
                  <a:pt x="644" y="139"/>
                  <a:pt x="645" y="138"/>
                </a:cubicBezTo>
                <a:cubicBezTo>
                  <a:pt x="641" y="135"/>
                  <a:pt x="641" y="135"/>
                  <a:pt x="641" y="135"/>
                </a:cubicBezTo>
                <a:cubicBezTo>
                  <a:pt x="642" y="137"/>
                  <a:pt x="641" y="136"/>
                  <a:pt x="640" y="136"/>
                </a:cubicBezTo>
                <a:cubicBezTo>
                  <a:pt x="637" y="133"/>
                  <a:pt x="636" y="133"/>
                  <a:pt x="633" y="130"/>
                </a:cubicBezTo>
                <a:cubicBezTo>
                  <a:pt x="633" y="130"/>
                  <a:pt x="632" y="129"/>
                  <a:pt x="633" y="129"/>
                </a:cubicBezTo>
                <a:cubicBezTo>
                  <a:pt x="629" y="126"/>
                  <a:pt x="631" y="129"/>
                  <a:pt x="629" y="128"/>
                </a:cubicBezTo>
                <a:cubicBezTo>
                  <a:pt x="628" y="126"/>
                  <a:pt x="625" y="124"/>
                  <a:pt x="622" y="123"/>
                </a:cubicBezTo>
                <a:cubicBezTo>
                  <a:pt x="626" y="124"/>
                  <a:pt x="620" y="120"/>
                  <a:pt x="618" y="120"/>
                </a:cubicBezTo>
                <a:cubicBezTo>
                  <a:pt x="618" y="120"/>
                  <a:pt x="620" y="122"/>
                  <a:pt x="621" y="122"/>
                </a:cubicBezTo>
                <a:cubicBezTo>
                  <a:pt x="623" y="124"/>
                  <a:pt x="615" y="119"/>
                  <a:pt x="617" y="119"/>
                </a:cubicBezTo>
                <a:cubicBezTo>
                  <a:pt x="614" y="117"/>
                  <a:pt x="614" y="117"/>
                  <a:pt x="614" y="117"/>
                </a:cubicBezTo>
                <a:cubicBezTo>
                  <a:pt x="613" y="116"/>
                  <a:pt x="614" y="118"/>
                  <a:pt x="611" y="116"/>
                </a:cubicBezTo>
                <a:cubicBezTo>
                  <a:pt x="611" y="116"/>
                  <a:pt x="613" y="116"/>
                  <a:pt x="612" y="115"/>
                </a:cubicBezTo>
                <a:cubicBezTo>
                  <a:pt x="610" y="114"/>
                  <a:pt x="612" y="116"/>
                  <a:pt x="610" y="115"/>
                </a:cubicBezTo>
                <a:cubicBezTo>
                  <a:pt x="607" y="112"/>
                  <a:pt x="602" y="111"/>
                  <a:pt x="596" y="106"/>
                </a:cubicBezTo>
                <a:cubicBezTo>
                  <a:pt x="596" y="106"/>
                  <a:pt x="595" y="106"/>
                  <a:pt x="595" y="105"/>
                </a:cubicBezTo>
                <a:cubicBezTo>
                  <a:pt x="594" y="105"/>
                  <a:pt x="594" y="105"/>
                  <a:pt x="594" y="106"/>
                </a:cubicBezTo>
                <a:cubicBezTo>
                  <a:pt x="587" y="101"/>
                  <a:pt x="583" y="99"/>
                  <a:pt x="576" y="95"/>
                </a:cubicBezTo>
                <a:cubicBezTo>
                  <a:pt x="573" y="94"/>
                  <a:pt x="576" y="96"/>
                  <a:pt x="575" y="96"/>
                </a:cubicBezTo>
                <a:cubicBezTo>
                  <a:pt x="575" y="95"/>
                  <a:pt x="571" y="94"/>
                  <a:pt x="571" y="94"/>
                </a:cubicBezTo>
                <a:cubicBezTo>
                  <a:pt x="568" y="92"/>
                  <a:pt x="566" y="90"/>
                  <a:pt x="562" y="88"/>
                </a:cubicBezTo>
                <a:cubicBezTo>
                  <a:pt x="555" y="85"/>
                  <a:pt x="548" y="82"/>
                  <a:pt x="540" y="79"/>
                </a:cubicBezTo>
                <a:cubicBezTo>
                  <a:pt x="540" y="78"/>
                  <a:pt x="540" y="78"/>
                  <a:pt x="540" y="78"/>
                </a:cubicBezTo>
                <a:cubicBezTo>
                  <a:pt x="537" y="77"/>
                  <a:pt x="535" y="76"/>
                  <a:pt x="533" y="75"/>
                </a:cubicBezTo>
                <a:cubicBezTo>
                  <a:pt x="530" y="74"/>
                  <a:pt x="529" y="74"/>
                  <a:pt x="526" y="73"/>
                </a:cubicBezTo>
                <a:cubicBezTo>
                  <a:pt x="526" y="72"/>
                  <a:pt x="526" y="72"/>
                  <a:pt x="526" y="72"/>
                </a:cubicBezTo>
                <a:cubicBezTo>
                  <a:pt x="521" y="71"/>
                  <a:pt x="517" y="70"/>
                  <a:pt x="514" y="68"/>
                </a:cubicBezTo>
                <a:cubicBezTo>
                  <a:pt x="510" y="68"/>
                  <a:pt x="504" y="65"/>
                  <a:pt x="502" y="64"/>
                </a:cubicBezTo>
                <a:cubicBezTo>
                  <a:pt x="500" y="63"/>
                  <a:pt x="502" y="65"/>
                  <a:pt x="502" y="65"/>
                </a:cubicBezTo>
                <a:cubicBezTo>
                  <a:pt x="497" y="64"/>
                  <a:pt x="493" y="62"/>
                  <a:pt x="488" y="60"/>
                </a:cubicBezTo>
                <a:cubicBezTo>
                  <a:pt x="485" y="60"/>
                  <a:pt x="481" y="60"/>
                  <a:pt x="480" y="59"/>
                </a:cubicBezTo>
                <a:cubicBezTo>
                  <a:pt x="483" y="59"/>
                  <a:pt x="485" y="60"/>
                  <a:pt x="484" y="59"/>
                </a:cubicBezTo>
                <a:cubicBezTo>
                  <a:pt x="482" y="58"/>
                  <a:pt x="480" y="59"/>
                  <a:pt x="480" y="58"/>
                </a:cubicBezTo>
                <a:cubicBezTo>
                  <a:pt x="479" y="58"/>
                  <a:pt x="479" y="58"/>
                  <a:pt x="479" y="59"/>
                </a:cubicBezTo>
                <a:cubicBezTo>
                  <a:pt x="474" y="58"/>
                  <a:pt x="470" y="57"/>
                  <a:pt x="468" y="56"/>
                </a:cubicBezTo>
                <a:cubicBezTo>
                  <a:pt x="466" y="56"/>
                  <a:pt x="469" y="57"/>
                  <a:pt x="464" y="56"/>
                </a:cubicBezTo>
                <a:cubicBezTo>
                  <a:pt x="465" y="55"/>
                  <a:pt x="461" y="54"/>
                  <a:pt x="459" y="54"/>
                </a:cubicBezTo>
                <a:cubicBezTo>
                  <a:pt x="459" y="54"/>
                  <a:pt x="459" y="54"/>
                  <a:pt x="458" y="54"/>
                </a:cubicBezTo>
                <a:cubicBezTo>
                  <a:pt x="458" y="54"/>
                  <a:pt x="459" y="54"/>
                  <a:pt x="461" y="54"/>
                </a:cubicBezTo>
                <a:cubicBezTo>
                  <a:pt x="461" y="53"/>
                  <a:pt x="460" y="53"/>
                  <a:pt x="458" y="53"/>
                </a:cubicBezTo>
                <a:cubicBezTo>
                  <a:pt x="457" y="53"/>
                  <a:pt x="456" y="53"/>
                  <a:pt x="456" y="54"/>
                </a:cubicBezTo>
                <a:cubicBezTo>
                  <a:pt x="453" y="53"/>
                  <a:pt x="452" y="52"/>
                  <a:pt x="450" y="52"/>
                </a:cubicBezTo>
                <a:cubicBezTo>
                  <a:pt x="448" y="51"/>
                  <a:pt x="451" y="52"/>
                  <a:pt x="450" y="52"/>
                </a:cubicBezTo>
                <a:cubicBezTo>
                  <a:pt x="442" y="51"/>
                  <a:pt x="434" y="51"/>
                  <a:pt x="428" y="49"/>
                </a:cubicBezTo>
                <a:cubicBezTo>
                  <a:pt x="426" y="49"/>
                  <a:pt x="429" y="50"/>
                  <a:pt x="427" y="50"/>
                </a:cubicBezTo>
                <a:cubicBezTo>
                  <a:pt x="424" y="50"/>
                  <a:pt x="424" y="49"/>
                  <a:pt x="426" y="49"/>
                </a:cubicBezTo>
                <a:cubicBezTo>
                  <a:pt x="426" y="48"/>
                  <a:pt x="425" y="49"/>
                  <a:pt x="423" y="48"/>
                </a:cubicBezTo>
                <a:cubicBezTo>
                  <a:pt x="423" y="49"/>
                  <a:pt x="423" y="49"/>
                  <a:pt x="423" y="49"/>
                </a:cubicBezTo>
                <a:cubicBezTo>
                  <a:pt x="416" y="48"/>
                  <a:pt x="410" y="48"/>
                  <a:pt x="402" y="48"/>
                </a:cubicBezTo>
                <a:cubicBezTo>
                  <a:pt x="404" y="47"/>
                  <a:pt x="401" y="47"/>
                  <a:pt x="397" y="47"/>
                </a:cubicBezTo>
                <a:cubicBezTo>
                  <a:pt x="397" y="46"/>
                  <a:pt x="397" y="46"/>
                  <a:pt x="397" y="46"/>
                </a:cubicBezTo>
                <a:cubicBezTo>
                  <a:pt x="394" y="47"/>
                  <a:pt x="393" y="46"/>
                  <a:pt x="391" y="46"/>
                </a:cubicBezTo>
                <a:cubicBezTo>
                  <a:pt x="389" y="46"/>
                  <a:pt x="395" y="47"/>
                  <a:pt x="393" y="48"/>
                </a:cubicBezTo>
                <a:cubicBezTo>
                  <a:pt x="390" y="47"/>
                  <a:pt x="390" y="47"/>
                  <a:pt x="388" y="47"/>
                </a:cubicBezTo>
                <a:cubicBezTo>
                  <a:pt x="386" y="47"/>
                  <a:pt x="388" y="47"/>
                  <a:pt x="388" y="48"/>
                </a:cubicBezTo>
                <a:cubicBezTo>
                  <a:pt x="385" y="48"/>
                  <a:pt x="385" y="47"/>
                  <a:pt x="382" y="48"/>
                </a:cubicBezTo>
                <a:cubicBezTo>
                  <a:pt x="382" y="47"/>
                  <a:pt x="383" y="47"/>
                  <a:pt x="384" y="47"/>
                </a:cubicBezTo>
                <a:cubicBezTo>
                  <a:pt x="383" y="47"/>
                  <a:pt x="380" y="48"/>
                  <a:pt x="380" y="47"/>
                </a:cubicBezTo>
                <a:cubicBezTo>
                  <a:pt x="379" y="47"/>
                  <a:pt x="380" y="48"/>
                  <a:pt x="377" y="48"/>
                </a:cubicBezTo>
                <a:cubicBezTo>
                  <a:pt x="376" y="47"/>
                  <a:pt x="377" y="47"/>
                  <a:pt x="376" y="47"/>
                </a:cubicBezTo>
                <a:cubicBezTo>
                  <a:pt x="375" y="47"/>
                  <a:pt x="371" y="48"/>
                  <a:pt x="375" y="48"/>
                </a:cubicBezTo>
                <a:cubicBezTo>
                  <a:pt x="374" y="48"/>
                  <a:pt x="373" y="49"/>
                  <a:pt x="371" y="49"/>
                </a:cubicBezTo>
                <a:cubicBezTo>
                  <a:pt x="372" y="48"/>
                  <a:pt x="370" y="48"/>
                  <a:pt x="371" y="47"/>
                </a:cubicBezTo>
                <a:cubicBezTo>
                  <a:pt x="370" y="47"/>
                  <a:pt x="367" y="48"/>
                  <a:pt x="368" y="47"/>
                </a:cubicBezTo>
                <a:cubicBezTo>
                  <a:pt x="365" y="48"/>
                  <a:pt x="363" y="48"/>
                  <a:pt x="361" y="48"/>
                </a:cubicBezTo>
                <a:cubicBezTo>
                  <a:pt x="361" y="47"/>
                  <a:pt x="362" y="47"/>
                  <a:pt x="363" y="47"/>
                </a:cubicBezTo>
                <a:cubicBezTo>
                  <a:pt x="363" y="47"/>
                  <a:pt x="361" y="47"/>
                  <a:pt x="359" y="47"/>
                </a:cubicBezTo>
                <a:cubicBezTo>
                  <a:pt x="358" y="48"/>
                  <a:pt x="355" y="48"/>
                  <a:pt x="351" y="48"/>
                </a:cubicBezTo>
                <a:cubicBezTo>
                  <a:pt x="351" y="49"/>
                  <a:pt x="354" y="48"/>
                  <a:pt x="354" y="49"/>
                </a:cubicBezTo>
                <a:cubicBezTo>
                  <a:pt x="350" y="50"/>
                  <a:pt x="351" y="49"/>
                  <a:pt x="348" y="49"/>
                </a:cubicBezTo>
                <a:cubicBezTo>
                  <a:pt x="350" y="50"/>
                  <a:pt x="344" y="50"/>
                  <a:pt x="342" y="50"/>
                </a:cubicBezTo>
                <a:cubicBezTo>
                  <a:pt x="340" y="50"/>
                  <a:pt x="343" y="50"/>
                  <a:pt x="341" y="51"/>
                </a:cubicBezTo>
                <a:cubicBezTo>
                  <a:pt x="336" y="52"/>
                  <a:pt x="334" y="52"/>
                  <a:pt x="332" y="51"/>
                </a:cubicBezTo>
                <a:cubicBezTo>
                  <a:pt x="334" y="50"/>
                  <a:pt x="335" y="51"/>
                  <a:pt x="335" y="51"/>
                </a:cubicBezTo>
                <a:cubicBezTo>
                  <a:pt x="336" y="51"/>
                  <a:pt x="336" y="51"/>
                  <a:pt x="336" y="51"/>
                </a:cubicBezTo>
                <a:cubicBezTo>
                  <a:pt x="336" y="50"/>
                  <a:pt x="334" y="51"/>
                  <a:pt x="335" y="50"/>
                </a:cubicBezTo>
                <a:cubicBezTo>
                  <a:pt x="331" y="51"/>
                  <a:pt x="331" y="51"/>
                  <a:pt x="331" y="52"/>
                </a:cubicBezTo>
                <a:cubicBezTo>
                  <a:pt x="330" y="51"/>
                  <a:pt x="326" y="51"/>
                  <a:pt x="326" y="52"/>
                </a:cubicBezTo>
                <a:cubicBezTo>
                  <a:pt x="323" y="53"/>
                  <a:pt x="325" y="52"/>
                  <a:pt x="326" y="51"/>
                </a:cubicBezTo>
                <a:cubicBezTo>
                  <a:pt x="326" y="51"/>
                  <a:pt x="322" y="52"/>
                  <a:pt x="321" y="53"/>
                </a:cubicBezTo>
                <a:cubicBezTo>
                  <a:pt x="321" y="53"/>
                  <a:pt x="322" y="53"/>
                  <a:pt x="323" y="53"/>
                </a:cubicBezTo>
                <a:cubicBezTo>
                  <a:pt x="321" y="53"/>
                  <a:pt x="315" y="54"/>
                  <a:pt x="316" y="55"/>
                </a:cubicBezTo>
                <a:cubicBezTo>
                  <a:pt x="314" y="56"/>
                  <a:pt x="314" y="55"/>
                  <a:pt x="312" y="55"/>
                </a:cubicBezTo>
                <a:cubicBezTo>
                  <a:pt x="313" y="55"/>
                  <a:pt x="314" y="54"/>
                  <a:pt x="315" y="54"/>
                </a:cubicBezTo>
                <a:cubicBezTo>
                  <a:pt x="317" y="53"/>
                  <a:pt x="317" y="53"/>
                  <a:pt x="320" y="52"/>
                </a:cubicBezTo>
                <a:cubicBezTo>
                  <a:pt x="319" y="52"/>
                  <a:pt x="314" y="54"/>
                  <a:pt x="313" y="54"/>
                </a:cubicBezTo>
                <a:cubicBezTo>
                  <a:pt x="310" y="54"/>
                  <a:pt x="314" y="54"/>
                  <a:pt x="312" y="55"/>
                </a:cubicBezTo>
                <a:cubicBezTo>
                  <a:pt x="308" y="56"/>
                  <a:pt x="308" y="56"/>
                  <a:pt x="304" y="57"/>
                </a:cubicBezTo>
                <a:cubicBezTo>
                  <a:pt x="305" y="57"/>
                  <a:pt x="307" y="57"/>
                  <a:pt x="307" y="56"/>
                </a:cubicBezTo>
                <a:cubicBezTo>
                  <a:pt x="305" y="56"/>
                  <a:pt x="302" y="58"/>
                  <a:pt x="302" y="58"/>
                </a:cubicBezTo>
                <a:cubicBezTo>
                  <a:pt x="299" y="59"/>
                  <a:pt x="304" y="57"/>
                  <a:pt x="301" y="58"/>
                </a:cubicBezTo>
                <a:cubicBezTo>
                  <a:pt x="301" y="57"/>
                  <a:pt x="304" y="57"/>
                  <a:pt x="303" y="57"/>
                </a:cubicBezTo>
                <a:cubicBezTo>
                  <a:pt x="303" y="57"/>
                  <a:pt x="298" y="58"/>
                  <a:pt x="297" y="58"/>
                </a:cubicBezTo>
                <a:cubicBezTo>
                  <a:pt x="298" y="59"/>
                  <a:pt x="301" y="57"/>
                  <a:pt x="301" y="58"/>
                </a:cubicBezTo>
                <a:cubicBezTo>
                  <a:pt x="296" y="59"/>
                  <a:pt x="295" y="60"/>
                  <a:pt x="292" y="60"/>
                </a:cubicBezTo>
                <a:cubicBezTo>
                  <a:pt x="290" y="61"/>
                  <a:pt x="289" y="61"/>
                  <a:pt x="289" y="62"/>
                </a:cubicBezTo>
                <a:cubicBezTo>
                  <a:pt x="288" y="62"/>
                  <a:pt x="283" y="62"/>
                  <a:pt x="283" y="63"/>
                </a:cubicBezTo>
                <a:cubicBezTo>
                  <a:pt x="279" y="65"/>
                  <a:pt x="279" y="64"/>
                  <a:pt x="276" y="65"/>
                </a:cubicBezTo>
                <a:cubicBezTo>
                  <a:pt x="274" y="66"/>
                  <a:pt x="277" y="66"/>
                  <a:pt x="276" y="66"/>
                </a:cubicBezTo>
                <a:cubicBezTo>
                  <a:pt x="273" y="67"/>
                  <a:pt x="273" y="67"/>
                  <a:pt x="273" y="67"/>
                </a:cubicBezTo>
                <a:cubicBezTo>
                  <a:pt x="275" y="65"/>
                  <a:pt x="264" y="71"/>
                  <a:pt x="260" y="71"/>
                </a:cubicBezTo>
                <a:cubicBezTo>
                  <a:pt x="259" y="72"/>
                  <a:pt x="259" y="72"/>
                  <a:pt x="259" y="73"/>
                </a:cubicBezTo>
                <a:cubicBezTo>
                  <a:pt x="257" y="73"/>
                  <a:pt x="254" y="74"/>
                  <a:pt x="253" y="75"/>
                </a:cubicBezTo>
                <a:cubicBezTo>
                  <a:pt x="253" y="75"/>
                  <a:pt x="253" y="75"/>
                  <a:pt x="253" y="74"/>
                </a:cubicBezTo>
                <a:cubicBezTo>
                  <a:pt x="248" y="77"/>
                  <a:pt x="246" y="78"/>
                  <a:pt x="239" y="81"/>
                </a:cubicBezTo>
                <a:cubicBezTo>
                  <a:pt x="240" y="80"/>
                  <a:pt x="244" y="78"/>
                  <a:pt x="245" y="78"/>
                </a:cubicBezTo>
                <a:cubicBezTo>
                  <a:pt x="244" y="78"/>
                  <a:pt x="244" y="76"/>
                  <a:pt x="243" y="77"/>
                </a:cubicBezTo>
                <a:cubicBezTo>
                  <a:pt x="243" y="77"/>
                  <a:pt x="242" y="76"/>
                  <a:pt x="243" y="75"/>
                </a:cubicBezTo>
                <a:cubicBezTo>
                  <a:pt x="244" y="75"/>
                  <a:pt x="244" y="75"/>
                  <a:pt x="245" y="75"/>
                </a:cubicBezTo>
                <a:cubicBezTo>
                  <a:pt x="247" y="74"/>
                  <a:pt x="243" y="74"/>
                  <a:pt x="246" y="73"/>
                </a:cubicBezTo>
                <a:cubicBezTo>
                  <a:pt x="245" y="73"/>
                  <a:pt x="244" y="74"/>
                  <a:pt x="243" y="75"/>
                </a:cubicBezTo>
                <a:cubicBezTo>
                  <a:pt x="243" y="73"/>
                  <a:pt x="250" y="71"/>
                  <a:pt x="252" y="71"/>
                </a:cubicBezTo>
                <a:cubicBezTo>
                  <a:pt x="254" y="70"/>
                  <a:pt x="251" y="70"/>
                  <a:pt x="254" y="69"/>
                </a:cubicBezTo>
                <a:cubicBezTo>
                  <a:pt x="247" y="70"/>
                  <a:pt x="242" y="74"/>
                  <a:pt x="237" y="76"/>
                </a:cubicBezTo>
                <a:cubicBezTo>
                  <a:pt x="236" y="76"/>
                  <a:pt x="237" y="76"/>
                  <a:pt x="237" y="76"/>
                </a:cubicBezTo>
                <a:cubicBezTo>
                  <a:pt x="235" y="77"/>
                  <a:pt x="233" y="78"/>
                  <a:pt x="233" y="78"/>
                </a:cubicBezTo>
                <a:cubicBezTo>
                  <a:pt x="234" y="77"/>
                  <a:pt x="235" y="77"/>
                  <a:pt x="235" y="76"/>
                </a:cubicBezTo>
                <a:cubicBezTo>
                  <a:pt x="232" y="77"/>
                  <a:pt x="234" y="77"/>
                  <a:pt x="231" y="78"/>
                </a:cubicBezTo>
                <a:cubicBezTo>
                  <a:pt x="229" y="78"/>
                  <a:pt x="231" y="77"/>
                  <a:pt x="227" y="79"/>
                </a:cubicBezTo>
                <a:cubicBezTo>
                  <a:pt x="227" y="78"/>
                  <a:pt x="230" y="77"/>
                  <a:pt x="231" y="76"/>
                </a:cubicBezTo>
                <a:cubicBezTo>
                  <a:pt x="229" y="77"/>
                  <a:pt x="228" y="77"/>
                  <a:pt x="224" y="79"/>
                </a:cubicBezTo>
                <a:cubicBezTo>
                  <a:pt x="227" y="76"/>
                  <a:pt x="236" y="73"/>
                  <a:pt x="233" y="72"/>
                </a:cubicBezTo>
                <a:cubicBezTo>
                  <a:pt x="233" y="72"/>
                  <a:pt x="231" y="72"/>
                  <a:pt x="231" y="72"/>
                </a:cubicBezTo>
                <a:cubicBezTo>
                  <a:pt x="229" y="73"/>
                  <a:pt x="233" y="72"/>
                  <a:pt x="230" y="73"/>
                </a:cubicBezTo>
                <a:cubicBezTo>
                  <a:pt x="230" y="73"/>
                  <a:pt x="232" y="73"/>
                  <a:pt x="232" y="73"/>
                </a:cubicBezTo>
                <a:cubicBezTo>
                  <a:pt x="227" y="76"/>
                  <a:pt x="222" y="80"/>
                  <a:pt x="219" y="80"/>
                </a:cubicBezTo>
                <a:cubicBezTo>
                  <a:pt x="223" y="79"/>
                  <a:pt x="216" y="80"/>
                  <a:pt x="222" y="77"/>
                </a:cubicBezTo>
                <a:cubicBezTo>
                  <a:pt x="221" y="76"/>
                  <a:pt x="216" y="78"/>
                  <a:pt x="218" y="76"/>
                </a:cubicBezTo>
                <a:cubicBezTo>
                  <a:pt x="217" y="77"/>
                  <a:pt x="210" y="80"/>
                  <a:pt x="210" y="82"/>
                </a:cubicBezTo>
                <a:cubicBezTo>
                  <a:pt x="205" y="84"/>
                  <a:pt x="210" y="81"/>
                  <a:pt x="203" y="85"/>
                </a:cubicBezTo>
                <a:cubicBezTo>
                  <a:pt x="207" y="83"/>
                  <a:pt x="205" y="85"/>
                  <a:pt x="206" y="85"/>
                </a:cubicBezTo>
                <a:cubicBezTo>
                  <a:pt x="203" y="87"/>
                  <a:pt x="205" y="85"/>
                  <a:pt x="204" y="85"/>
                </a:cubicBezTo>
                <a:cubicBezTo>
                  <a:pt x="202" y="86"/>
                  <a:pt x="201" y="88"/>
                  <a:pt x="199" y="88"/>
                </a:cubicBezTo>
                <a:cubicBezTo>
                  <a:pt x="199" y="89"/>
                  <a:pt x="199" y="89"/>
                  <a:pt x="198" y="89"/>
                </a:cubicBezTo>
                <a:cubicBezTo>
                  <a:pt x="200" y="89"/>
                  <a:pt x="202" y="86"/>
                  <a:pt x="203" y="86"/>
                </a:cubicBezTo>
                <a:cubicBezTo>
                  <a:pt x="204" y="87"/>
                  <a:pt x="202" y="88"/>
                  <a:pt x="201" y="88"/>
                </a:cubicBezTo>
                <a:cubicBezTo>
                  <a:pt x="201" y="89"/>
                  <a:pt x="205" y="87"/>
                  <a:pt x="202" y="89"/>
                </a:cubicBezTo>
                <a:cubicBezTo>
                  <a:pt x="202" y="89"/>
                  <a:pt x="204" y="88"/>
                  <a:pt x="205" y="87"/>
                </a:cubicBezTo>
                <a:cubicBezTo>
                  <a:pt x="203" y="89"/>
                  <a:pt x="198" y="91"/>
                  <a:pt x="198" y="92"/>
                </a:cubicBezTo>
                <a:cubicBezTo>
                  <a:pt x="198" y="92"/>
                  <a:pt x="198" y="91"/>
                  <a:pt x="195" y="93"/>
                </a:cubicBezTo>
                <a:cubicBezTo>
                  <a:pt x="195" y="92"/>
                  <a:pt x="196" y="92"/>
                  <a:pt x="197" y="91"/>
                </a:cubicBezTo>
                <a:cubicBezTo>
                  <a:pt x="196" y="91"/>
                  <a:pt x="194" y="92"/>
                  <a:pt x="192" y="94"/>
                </a:cubicBezTo>
                <a:cubicBezTo>
                  <a:pt x="191" y="94"/>
                  <a:pt x="190" y="94"/>
                  <a:pt x="190" y="93"/>
                </a:cubicBezTo>
                <a:cubicBezTo>
                  <a:pt x="187" y="95"/>
                  <a:pt x="190" y="94"/>
                  <a:pt x="187" y="96"/>
                </a:cubicBezTo>
                <a:cubicBezTo>
                  <a:pt x="189" y="94"/>
                  <a:pt x="184" y="97"/>
                  <a:pt x="184" y="96"/>
                </a:cubicBezTo>
                <a:cubicBezTo>
                  <a:pt x="182" y="98"/>
                  <a:pt x="180" y="99"/>
                  <a:pt x="179" y="100"/>
                </a:cubicBezTo>
                <a:cubicBezTo>
                  <a:pt x="179" y="99"/>
                  <a:pt x="179" y="98"/>
                  <a:pt x="181" y="98"/>
                </a:cubicBezTo>
                <a:cubicBezTo>
                  <a:pt x="184" y="96"/>
                  <a:pt x="180" y="98"/>
                  <a:pt x="180" y="97"/>
                </a:cubicBezTo>
                <a:cubicBezTo>
                  <a:pt x="184" y="95"/>
                  <a:pt x="186" y="93"/>
                  <a:pt x="191" y="90"/>
                </a:cubicBezTo>
                <a:cubicBezTo>
                  <a:pt x="188" y="92"/>
                  <a:pt x="189" y="92"/>
                  <a:pt x="192" y="90"/>
                </a:cubicBezTo>
                <a:cubicBezTo>
                  <a:pt x="194" y="88"/>
                  <a:pt x="194" y="88"/>
                  <a:pt x="198" y="86"/>
                </a:cubicBezTo>
                <a:cubicBezTo>
                  <a:pt x="200" y="85"/>
                  <a:pt x="196" y="86"/>
                  <a:pt x="200" y="84"/>
                </a:cubicBezTo>
                <a:cubicBezTo>
                  <a:pt x="199" y="85"/>
                  <a:pt x="204" y="82"/>
                  <a:pt x="204" y="84"/>
                </a:cubicBezTo>
                <a:cubicBezTo>
                  <a:pt x="204" y="84"/>
                  <a:pt x="206" y="83"/>
                  <a:pt x="208" y="82"/>
                </a:cubicBezTo>
                <a:cubicBezTo>
                  <a:pt x="208" y="81"/>
                  <a:pt x="209" y="81"/>
                  <a:pt x="209" y="81"/>
                </a:cubicBezTo>
                <a:cubicBezTo>
                  <a:pt x="209" y="80"/>
                  <a:pt x="205" y="82"/>
                  <a:pt x="207" y="82"/>
                </a:cubicBezTo>
                <a:cubicBezTo>
                  <a:pt x="205" y="83"/>
                  <a:pt x="203" y="84"/>
                  <a:pt x="203" y="83"/>
                </a:cubicBezTo>
                <a:cubicBezTo>
                  <a:pt x="206" y="81"/>
                  <a:pt x="206" y="81"/>
                  <a:pt x="206" y="81"/>
                </a:cubicBezTo>
                <a:cubicBezTo>
                  <a:pt x="206" y="81"/>
                  <a:pt x="205" y="82"/>
                  <a:pt x="206" y="82"/>
                </a:cubicBezTo>
                <a:cubicBezTo>
                  <a:pt x="208" y="81"/>
                  <a:pt x="207" y="81"/>
                  <a:pt x="207" y="80"/>
                </a:cubicBezTo>
                <a:cubicBezTo>
                  <a:pt x="208" y="79"/>
                  <a:pt x="209" y="80"/>
                  <a:pt x="210" y="79"/>
                </a:cubicBezTo>
                <a:cubicBezTo>
                  <a:pt x="212" y="78"/>
                  <a:pt x="209" y="81"/>
                  <a:pt x="213" y="79"/>
                </a:cubicBezTo>
                <a:cubicBezTo>
                  <a:pt x="215" y="78"/>
                  <a:pt x="214" y="77"/>
                  <a:pt x="216" y="77"/>
                </a:cubicBezTo>
                <a:cubicBezTo>
                  <a:pt x="218" y="75"/>
                  <a:pt x="218" y="73"/>
                  <a:pt x="217" y="73"/>
                </a:cubicBezTo>
                <a:cubicBezTo>
                  <a:pt x="216" y="74"/>
                  <a:pt x="216" y="74"/>
                  <a:pt x="213" y="75"/>
                </a:cubicBezTo>
                <a:cubicBezTo>
                  <a:pt x="213" y="74"/>
                  <a:pt x="213" y="74"/>
                  <a:pt x="213" y="74"/>
                </a:cubicBezTo>
                <a:cubicBezTo>
                  <a:pt x="219" y="70"/>
                  <a:pt x="218" y="72"/>
                  <a:pt x="221" y="70"/>
                </a:cubicBezTo>
                <a:cubicBezTo>
                  <a:pt x="222" y="70"/>
                  <a:pt x="220" y="71"/>
                  <a:pt x="219" y="72"/>
                </a:cubicBezTo>
                <a:cubicBezTo>
                  <a:pt x="218" y="73"/>
                  <a:pt x="221" y="71"/>
                  <a:pt x="219" y="73"/>
                </a:cubicBezTo>
                <a:cubicBezTo>
                  <a:pt x="219" y="73"/>
                  <a:pt x="223" y="71"/>
                  <a:pt x="222" y="72"/>
                </a:cubicBezTo>
                <a:cubicBezTo>
                  <a:pt x="224" y="71"/>
                  <a:pt x="221" y="72"/>
                  <a:pt x="221" y="71"/>
                </a:cubicBezTo>
                <a:cubicBezTo>
                  <a:pt x="224" y="70"/>
                  <a:pt x="221" y="70"/>
                  <a:pt x="224" y="68"/>
                </a:cubicBezTo>
                <a:cubicBezTo>
                  <a:pt x="224" y="68"/>
                  <a:pt x="224" y="68"/>
                  <a:pt x="224" y="68"/>
                </a:cubicBezTo>
                <a:cubicBezTo>
                  <a:pt x="223" y="68"/>
                  <a:pt x="223" y="69"/>
                  <a:pt x="221" y="70"/>
                </a:cubicBezTo>
                <a:cubicBezTo>
                  <a:pt x="224" y="66"/>
                  <a:pt x="231" y="66"/>
                  <a:pt x="235" y="63"/>
                </a:cubicBezTo>
                <a:cubicBezTo>
                  <a:pt x="234" y="63"/>
                  <a:pt x="233" y="64"/>
                  <a:pt x="234" y="62"/>
                </a:cubicBezTo>
                <a:cubicBezTo>
                  <a:pt x="231" y="63"/>
                  <a:pt x="234" y="63"/>
                  <a:pt x="231" y="64"/>
                </a:cubicBezTo>
                <a:cubicBezTo>
                  <a:pt x="233" y="63"/>
                  <a:pt x="232" y="63"/>
                  <a:pt x="234" y="61"/>
                </a:cubicBezTo>
                <a:cubicBezTo>
                  <a:pt x="236" y="60"/>
                  <a:pt x="235" y="61"/>
                  <a:pt x="234" y="61"/>
                </a:cubicBezTo>
                <a:cubicBezTo>
                  <a:pt x="235" y="61"/>
                  <a:pt x="236" y="61"/>
                  <a:pt x="236" y="62"/>
                </a:cubicBezTo>
                <a:cubicBezTo>
                  <a:pt x="239" y="60"/>
                  <a:pt x="239" y="60"/>
                  <a:pt x="241" y="59"/>
                </a:cubicBezTo>
                <a:cubicBezTo>
                  <a:pt x="240" y="60"/>
                  <a:pt x="244" y="58"/>
                  <a:pt x="245" y="58"/>
                </a:cubicBezTo>
                <a:cubicBezTo>
                  <a:pt x="248" y="57"/>
                  <a:pt x="244" y="57"/>
                  <a:pt x="247" y="57"/>
                </a:cubicBezTo>
                <a:cubicBezTo>
                  <a:pt x="249" y="55"/>
                  <a:pt x="249" y="56"/>
                  <a:pt x="249" y="56"/>
                </a:cubicBezTo>
                <a:cubicBezTo>
                  <a:pt x="248" y="58"/>
                  <a:pt x="246" y="58"/>
                  <a:pt x="244" y="59"/>
                </a:cubicBezTo>
                <a:cubicBezTo>
                  <a:pt x="245" y="59"/>
                  <a:pt x="246" y="59"/>
                  <a:pt x="244" y="61"/>
                </a:cubicBezTo>
                <a:cubicBezTo>
                  <a:pt x="244" y="61"/>
                  <a:pt x="245" y="60"/>
                  <a:pt x="245" y="61"/>
                </a:cubicBezTo>
                <a:cubicBezTo>
                  <a:pt x="245" y="60"/>
                  <a:pt x="245" y="60"/>
                  <a:pt x="246" y="59"/>
                </a:cubicBezTo>
                <a:cubicBezTo>
                  <a:pt x="247" y="59"/>
                  <a:pt x="248" y="59"/>
                  <a:pt x="248" y="59"/>
                </a:cubicBezTo>
                <a:cubicBezTo>
                  <a:pt x="250" y="58"/>
                  <a:pt x="245" y="59"/>
                  <a:pt x="246" y="59"/>
                </a:cubicBezTo>
                <a:cubicBezTo>
                  <a:pt x="248" y="57"/>
                  <a:pt x="253" y="56"/>
                  <a:pt x="253" y="55"/>
                </a:cubicBezTo>
                <a:cubicBezTo>
                  <a:pt x="255" y="54"/>
                  <a:pt x="255" y="55"/>
                  <a:pt x="257" y="55"/>
                </a:cubicBezTo>
                <a:cubicBezTo>
                  <a:pt x="257" y="54"/>
                  <a:pt x="264" y="50"/>
                  <a:pt x="267" y="50"/>
                </a:cubicBezTo>
                <a:cubicBezTo>
                  <a:pt x="271" y="49"/>
                  <a:pt x="268" y="48"/>
                  <a:pt x="268" y="48"/>
                </a:cubicBezTo>
                <a:cubicBezTo>
                  <a:pt x="266" y="49"/>
                  <a:pt x="263" y="49"/>
                  <a:pt x="263" y="50"/>
                </a:cubicBezTo>
                <a:cubicBezTo>
                  <a:pt x="263" y="50"/>
                  <a:pt x="265" y="50"/>
                  <a:pt x="266" y="49"/>
                </a:cubicBezTo>
                <a:cubicBezTo>
                  <a:pt x="263" y="51"/>
                  <a:pt x="256" y="53"/>
                  <a:pt x="253" y="55"/>
                </a:cubicBezTo>
                <a:cubicBezTo>
                  <a:pt x="253" y="54"/>
                  <a:pt x="252" y="54"/>
                  <a:pt x="254" y="53"/>
                </a:cubicBezTo>
                <a:cubicBezTo>
                  <a:pt x="256" y="52"/>
                  <a:pt x="258" y="52"/>
                  <a:pt x="258" y="51"/>
                </a:cubicBezTo>
                <a:cubicBezTo>
                  <a:pt x="261" y="50"/>
                  <a:pt x="259" y="52"/>
                  <a:pt x="257" y="52"/>
                </a:cubicBezTo>
                <a:cubicBezTo>
                  <a:pt x="261" y="51"/>
                  <a:pt x="263" y="49"/>
                  <a:pt x="267" y="48"/>
                </a:cubicBezTo>
                <a:cubicBezTo>
                  <a:pt x="262" y="49"/>
                  <a:pt x="253" y="52"/>
                  <a:pt x="247" y="55"/>
                </a:cubicBezTo>
                <a:cubicBezTo>
                  <a:pt x="244" y="56"/>
                  <a:pt x="242" y="56"/>
                  <a:pt x="242" y="55"/>
                </a:cubicBezTo>
                <a:cubicBezTo>
                  <a:pt x="240" y="56"/>
                  <a:pt x="242" y="56"/>
                  <a:pt x="242" y="57"/>
                </a:cubicBezTo>
                <a:cubicBezTo>
                  <a:pt x="240" y="57"/>
                  <a:pt x="241" y="58"/>
                  <a:pt x="239" y="58"/>
                </a:cubicBezTo>
                <a:cubicBezTo>
                  <a:pt x="238" y="58"/>
                  <a:pt x="240" y="57"/>
                  <a:pt x="239" y="57"/>
                </a:cubicBezTo>
                <a:cubicBezTo>
                  <a:pt x="238" y="57"/>
                  <a:pt x="236" y="58"/>
                  <a:pt x="234" y="59"/>
                </a:cubicBezTo>
                <a:cubicBezTo>
                  <a:pt x="233" y="60"/>
                  <a:pt x="235" y="59"/>
                  <a:pt x="234" y="60"/>
                </a:cubicBezTo>
                <a:cubicBezTo>
                  <a:pt x="236" y="59"/>
                  <a:pt x="235" y="59"/>
                  <a:pt x="235" y="59"/>
                </a:cubicBezTo>
                <a:cubicBezTo>
                  <a:pt x="237" y="57"/>
                  <a:pt x="237" y="58"/>
                  <a:pt x="239" y="58"/>
                </a:cubicBezTo>
                <a:cubicBezTo>
                  <a:pt x="238" y="59"/>
                  <a:pt x="227" y="63"/>
                  <a:pt x="229" y="64"/>
                </a:cubicBezTo>
                <a:cubicBezTo>
                  <a:pt x="228" y="64"/>
                  <a:pt x="227" y="64"/>
                  <a:pt x="226" y="64"/>
                </a:cubicBezTo>
                <a:cubicBezTo>
                  <a:pt x="229" y="61"/>
                  <a:pt x="225" y="63"/>
                  <a:pt x="223" y="62"/>
                </a:cubicBezTo>
                <a:cubicBezTo>
                  <a:pt x="222" y="63"/>
                  <a:pt x="222" y="63"/>
                  <a:pt x="220" y="64"/>
                </a:cubicBezTo>
                <a:cubicBezTo>
                  <a:pt x="220" y="64"/>
                  <a:pt x="221" y="63"/>
                  <a:pt x="221" y="63"/>
                </a:cubicBezTo>
                <a:cubicBezTo>
                  <a:pt x="216" y="65"/>
                  <a:pt x="222" y="64"/>
                  <a:pt x="217" y="66"/>
                </a:cubicBezTo>
                <a:cubicBezTo>
                  <a:pt x="217" y="65"/>
                  <a:pt x="218" y="65"/>
                  <a:pt x="218" y="64"/>
                </a:cubicBezTo>
                <a:cubicBezTo>
                  <a:pt x="213" y="68"/>
                  <a:pt x="214" y="68"/>
                  <a:pt x="210" y="70"/>
                </a:cubicBezTo>
                <a:cubicBezTo>
                  <a:pt x="209" y="69"/>
                  <a:pt x="209" y="69"/>
                  <a:pt x="209" y="69"/>
                </a:cubicBezTo>
                <a:cubicBezTo>
                  <a:pt x="209" y="69"/>
                  <a:pt x="207" y="71"/>
                  <a:pt x="205" y="72"/>
                </a:cubicBezTo>
                <a:cubicBezTo>
                  <a:pt x="205" y="72"/>
                  <a:pt x="207" y="72"/>
                  <a:pt x="204" y="74"/>
                </a:cubicBezTo>
                <a:cubicBezTo>
                  <a:pt x="204" y="73"/>
                  <a:pt x="205" y="72"/>
                  <a:pt x="203" y="73"/>
                </a:cubicBezTo>
                <a:cubicBezTo>
                  <a:pt x="201" y="75"/>
                  <a:pt x="199" y="76"/>
                  <a:pt x="198" y="77"/>
                </a:cubicBezTo>
                <a:cubicBezTo>
                  <a:pt x="199" y="76"/>
                  <a:pt x="202" y="75"/>
                  <a:pt x="198" y="78"/>
                </a:cubicBezTo>
                <a:cubicBezTo>
                  <a:pt x="199" y="78"/>
                  <a:pt x="201" y="77"/>
                  <a:pt x="203" y="75"/>
                </a:cubicBezTo>
                <a:cubicBezTo>
                  <a:pt x="203" y="76"/>
                  <a:pt x="196" y="80"/>
                  <a:pt x="194" y="81"/>
                </a:cubicBezTo>
                <a:cubicBezTo>
                  <a:pt x="197" y="79"/>
                  <a:pt x="196" y="79"/>
                  <a:pt x="197" y="77"/>
                </a:cubicBezTo>
                <a:cubicBezTo>
                  <a:pt x="194" y="79"/>
                  <a:pt x="195" y="78"/>
                  <a:pt x="192" y="80"/>
                </a:cubicBezTo>
                <a:cubicBezTo>
                  <a:pt x="191" y="80"/>
                  <a:pt x="192" y="80"/>
                  <a:pt x="192" y="81"/>
                </a:cubicBezTo>
                <a:cubicBezTo>
                  <a:pt x="187" y="83"/>
                  <a:pt x="184" y="85"/>
                  <a:pt x="179" y="89"/>
                </a:cubicBezTo>
                <a:cubicBezTo>
                  <a:pt x="179" y="89"/>
                  <a:pt x="180" y="89"/>
                  <a:pt x="180" y="89"/>
                </a:cubicBezTo>
                <a:cubicBezTo>
                  <a:pt x="181" y="88"/>
                  <a:pt x="181" y="88"/>
                  <a:pt x="183" y="87"/>
                </a:cubicBezTo>
                <a:cubicBezTo>
                  <a:pt x="182" y="88"/>
                  <a:pt x="182" y="89"/>
                  <a:pt x="182" y="90"/>
                </a:cubicBezTo>
                <a:cubicBezTo>
                  <a:pt x="179" y="91"/>
                  <a:pt x="178" y="93"/>
                  <a:pt x="177" y="92"/>
                </a:cubicBezTo>
                <a:cubicBezTo>
                  <a:pt x="176" y="94"/>
                  <a:pt x="174" y="95"/>
                  <a:pt x="172" y="96"/>
                </a:cubicBezTo>
                <a:cubicBezTo>
                  <a:pt x="171" y="96"/>
                  <a:pt x="173" y="94"/>
                  <a:pt x="173" y="94"/>
                </a:cubicBezTo>
                <a:cubicBezTo>
                  <a:pt x="169" y="96"/>
                  <a:pt x="172" y="96"/>
                  <a:pt x="171" y="97"/>
                </a:cubicBezTo>
                <a:cubicBezTo>
                  <a:pt x="171" y="97"/>
                  <a:pt x="172" y="96"/>
                  <a:pt x="173" y="95"/>
                </a:cubicBezTo>
                <a:cubicBezTo>
                  <a:pt x="173" y="96"/>
                  <a:pt x="169" y="100"/>
                  <a:pt x="173" y="97"/>
                </a:cubicBezTo>
                <a:cubicBezTo>
                  <a:pt x="171" y="99"/>
                  <a:pt x="166" y="102"/>
                  <a:pt x="166" y="101"/>
                </a:cubicBezTo>
                <a:cubicBezTo>
                  <a:pt x="169" y="98"/>
                  <a:pt x="167" y="98"/>
                  <a:pt x="169" y="97"/>
                </a:cubicBezTo>
                <a:cubicBezTo>
                  <a:pt x="168" y="96"/>
                  <a:pt x="165" y="99"/>
                  <a:pt x="163" y="101"/>
                </a:cubicBezTo>
                <a:cubicBezTo>
                  <a:pt x="163" y="101"/>
                  <a:pt x="162" y="101"/>
                  <a:pt x="162" y="101"/>
                </a:cubicBezTo>
                <a:cubicBezTo>
                  <a:pt x="162" y="101"/>
                  <a:pt x="163" y="100"/>
                  <a:pt x="163" y="100"/>
                </a:cubicBezTo>
                <a:cubicBezTo>
                  <a:pt x="163" y="100"/>
                  <a:pt x="162" y="100"/>
                  <a:pt x="161" y="101"/>
                </a:cubicBezTo>
                <a:cubicBezTo>
                  <a:pt x="162" y="102"/>
                  <a:pt x="162" y="102"/>
                  <a:pt x="158" y="102"/>
                </a:cubicBezTo>
                <a:cubicBezTo>
                  <a:pt x="157" y="104"/>
                  <a:pt x="161" y="102"/>
                  <a:pt x="157" y="105"/>
                </a:cubicBezTo>
                <a:cubicBezTo>
                  <a:pt x="157" y="104"/>
                  <a:pt x="155" y="105"/>
                  <a:pt x="154" y="106"/>
                </a:cubicBezTo>
                <a:cubicBezTo>
                  <a:pt x="157" y="105"/>
                  <a:pt x="154" y="107"/>
                  <a:pt x="154" y="107"/>
                </a:cubicBezTo>
                <a:cubicBezTo>
                  <a:pt x="152" y="109"/>
                  <a:pt x="153" y="108"/>
                  <a:pt x="151" y="109"/>
                </a:cubicBezTo>
                <a:cubicBezTo>
                  <a:pt x="151" y="109"/>
                  <a:pt x="153" y="108"/>
                  <a:pt x="152" y="108"/>
                </a:cubicBezTo>
                <a:cubicBezTo>
                  <a:pt x="152" y="108"/>
                  <a:pt x="152" y="108"/>
                  <a:pt x="151" y="108"/>
                </a:cubicBezTo>
                <a:cubicBezTo>
                  <a:pt x="150" y="109"/>
                  <a:pt x="151" y="109"/>
                  <a:pt x="150" y="110"/>
                </a:cubicBezTo>
                <a:cubicBezTo>
                  <a:pt x="150" y="111"/>
                  <a:pt x="153" y="108"/>
                  <a:pt x="150" y="111"/>
                </a:cubicBezTo>
                <a:cubicBezTo>
                  <a:pt x="151" y="111"/>
                  <a:pt x="154" y="109"/>
                  <a:pt x="154" y="108"/>
                </a:cubicBezTo>
                <a:cubicBezTo>
                  <a:pt x="154" y="109"/>
                  <a:pt x="156" y="108"/>
                  <a:pt x="156" y="108"/>
                </a:cubicBezTo>
                <a:cubicBezTo>
                  <a:pt x="154" y="110"/>
                  <a:pt x="154" y="109"/>
                  <a:pt x="153" y="110"/>
                </a:cubicBezTo>
                <a:cubicBezTo>
                  <a:pt x="152" y="111"/>
                  <a:pt x="149" y="113"/>
                  <a:pt x="149" y="114"/>
                </a:cubicBezTo>
                <a:cubicBezTo>
                  <a:pt x="150" y="113"/>
                  <a:pt x="153" y="110"/>
                  <a:pt x="154" y="111"/>
                </a:cubicBezTo>
                <a:cubicBezTo>
                  <a:pt x="151" y="113"/>
                  <a:pt x="152" y="113"/>
                  <a:pt x="153" y="113"/>
                </a:cubicBezTo>
                <a:cubicBezTo>
                  <a:pt x="153" y="113"/>
                  <a:pt x="152" y="113"/>
                  <a:pt x="152" y="113"/>
                </a:cubicBezTo>
                <a:cubicBezTo>
                  <a:pt x="152" y="113"/>
                  <a:pt x="152" y="114"/>
                  <a:pt x="152" y="114"/>
                </a:cubicBezTo>
                <a:cubicBezTo>
                  <a:pt x="150" y="114"/>
                  <a:pt x="153" y="111"/>
                  <a:pt x="149" y="114"/>
                </a:cubicBezTo>
                <a:cubicBezTo>
                  <a:pt x="149" y="116"/>
                  <a:pt x="146" y="119"/>
                  <a:pt x="150" y="117"/>
                </a:cubicBezTo>
                <a:cubicBezTo>
                  <a:pt x="149" y="118"/>
                  <a:pt x="149" y="118"/>
                  <a:pt x="149" y="118"/>
                </a:cubicBezTo>
                <a:cubicBezTo>
                  <a:pt x="147" y="120"/>
                  <a:pt x="146" y="119"/>
                  <a:pt x="147" y="118"/>
                </a:cubicBezTo>
                <a:cubicBezTo>
                  <a:pt x="144" y="118"/>
                  <a:pt x="140" y="124"/>
                  <a:pt x="138" y="124"/>
                </a:cubicBezTo>
                <a:cubicBezTo>
                  <a:pt x="139" y="124"/>
                  <a:pt x="136" y="126"/>
                  <a:pt x="136" y="127"/>
                </a:cubicBezTo>
                <a:cubicBezTo>
                  <a:pt x="137" y="127"/>
                  <a:pt x="140" y="125"/>
                  <a:pt x="143" y="122"/>
                </a:cubicBezTo>
                <a:cubicBezTo>
                  <a:pt x="143" y="122"/>
                  <a:pt x="143" y="122"/>
                  <a:pt x="143" y="122"/>
                </a:cubicBezTo>
                <a:cubicBezTo>
                  <a:pt x="144" y="121"/>
                  <a:pt x="142" y="123"/>
                  <a:pt x="144" y="123"/>
                </a:cubicBezTo>
                <a:cubicBezTo>
                  <a:pt x="142" y="122"/>
                  <a:pt x="139" y="127"/>
                  <a:pt x="138" y="126"/>
                </a:cubicBezTo>
                <a:cubicBezTo>
                  <a:pt x="135" y="128"/>
                  <a:pt x="135" y="129"/>
                  <a:pt x="134" y="130"/>
                </a:cubicBezTo>
                <a:cubicBezTo>
                  <a:pt x="137" y="129"/>
                  <a:pt x="137" y="128"/>
                  <a:pt x="139" y="127"/>
                </a:cubicBezTo>
                <a:cubicBezTo>
                  <a:pt x="139" y="128"/>
                  <a:pt x="140" y="127"/>
                  <a:pt x="139" y="128"/>
                </a:cubicBezTo>
                <a:cubicBezTo>
                  <a:pt x="140" y="128"/>
                  <a:pt x="141" y="127"/>
                  <a:pt x="141" y="127"/>
                </a:cubicBezTo>
                <a:cubicBezTo>
                  <a:pt x="142" y="126"/>
                  <a:pt x="142" y="126"/>
                  <a:pt x="142" y="126"/>
                </a:cubicBezTo>
                <a:cubicBezTo>
                  <a:pt x="143" y="125"/>
                  <a:pt x="144" y="125"/>
                  <a:pt x="146" y="123"/>
                </a:cubicBezTo>
                <a:cubicBezTo>
                  <a:pt x="147" y="121"/>
                  <a:pt x="151" y="120"/>
                  <a:pt x="154" y="116"/>
                </a:cubicBezTo>
                <a:cubicBezTo>
                  <a:pt x="159" y="114"/>
                  <a:pt x="160" y="110"/>
                  <a:pt x="162" y="111"/>
                </a:cubicBezTo>
                <a:cubicBezTo>
                  <a:pt x="165" y="107"/>
                  <a:pt x="169" y="106"/>
                  <a:pt x="173" y="103"/>
                </a:cubicBezTo>
                <a:cubicBezTo>
                  <a:pt x="175" y="101"/>
                  <a:pt x="172" y="103"/>
                  <a:pt x="174" y="102"/>
                </a:cubicBezTo>
                <a:cubicBezTo>
                  <a:pt x="175" y="101"/>
                  <a:pt x="176" y="101"/>
                  <a:pt x="178" y="100"/>
                </a:cubicBezTo>
                <a:cubicBezTo>
                  <a:pt x="174" y="104"/>
                  <a:pt x="169" y="106"/>
                  <a:pt x="163" y="111"/>
                </a:cubicBezTo>
                <a:cubicBezTo>
                  <a:pt x="166" y="111"/>
                  <a:pt x="178" y="99"/>
                  <a:pt x="183" y="98"/>
                </a:cubicBezTo>
                <a:cubicBezTo>
                  <a:pt x="183" y="98"/>
                  <a:pt x="180" y="101"/>
                  <a:pt x="183" y="99"/>
                </a:cubicBezTo>
                <a:cubicBezTo>
                  <a:pt x="183" y="100"/>
                  <a:pt x="177" y="103"/>
                  <a:pt x="177" y="104"/>
                </a:cubicBezTo>
                <a:cubicBezTo>
                  <a:pt x="173" y="106"/>
                  <a:pt x="172" y="108"/>
                  <a:pt x="168" y="110"/>
                </a:cubicBezTo>
                <a:cubicBezTo>
                  <a:pt x="168" y="111"/>
                  <a:pt x="168" y="111"/>
                  <a:pt x="168" y="111"/>
                </a:cubicBezTo>
                <a:cubicBezTo>
                  <a:pt x="170" y="109"/>
                  <a:pt x="173" y="108"/>
                  <a:pt x="176" y="106"/>
                </a:cubicBezTo>
                <a:cubicBezTo>
                  <a:pt x="175" y="107"/>
                  <a:pt x="175" y="107"/>
                  <a:pt x="176" y="107"/>
                </a:cubicBezTo>
                <a:cubicBezTo>
                  <a:pt x="173" y="109"/>
                  <a:pt x="173" y="109"/>
                  <a:pt x="169" y="112"/>
                </a:cubicBezTo>
                <a:cubicBezTo>
                  <a:pt x="168" y="112"/>
                  <a:pt x="168" y="112"/>
                  <a:pt x="168" y="112"/>
                </a:cubicBezTo>
                <a:cubicBezTo>
                  <a:pt x="166" y="114"/>
                  <a:pt x="163" y="116"/>
                  <a:pt x="159" y="119"/>
                </a:cubicBezTo>
                <a:cubicBezTo>
                  <a:pt x="160" y="120"/>
                  <a:pt x="165" y="115"/>
                  <a:pt x="166" y="114"/>
                </a:cubicBezTo>
                <a:cubicBezTo>
                  <a:pt x="167" y="114"/>
                  <a:pt x="166" y="114"/>
                  <a:pt x="166" y="114"/>
                </a:cubicBezTo>
                <a:cubicBezTo>
                  <a:pt x="164" y="116"/>
                  <a:pt x="168" y="113"/>
                  <a:pt x="168" y="114"/>
                </a:cubicBezTo>
                <a:cubicBezTo>
                  <a:pt x="169" y="112"/>
                  <a:pt x="172" y="111"/>
                  <a:pt x="175" y="108"/>
                </a:cubicBezTo>
                <a:cubicBezTo>
                  <a:pt x="175" y="109"/>
                  <a:pt x="174" y="110"/>
                  <a:pt x="174" y="110"/>
                </a:cubicBezTo>
                <a:cubicBezTo>
                  <a:pt x="176" y="108"/>
                  <a:pt x="181" y="104"/>
                  <a:pt x="183" y="104"/>
                </a:cubicBezTo>
                <a:cubicBezTo>
                  <a:pt x="185" y="102"/>
                  <a:pt x="189" y="100"/>
                  <a:pt x="190" y="98"/>
                </a:cubicBezTo>
                <a:cubicBezTo>
                  <a:pt x="191" y="98"/>
                  <a:pt x="196" y="95"/>
                  <a:pt x="199" y="93"/>
                </a:cubicBezTo>
                <a:cubicBezTo>
                  <a:pt x="199" y="93"/>
                  <a:pt x="198" y="94"/>
                  <a:pt x="198" y="94"/>
                </a:cubicBezTo>
                <a:cubicBezTo>
                  <a:pt x="203" y="90"/>
                  <a:pt x="208" y="88"/>
                  <a:pt x="215" y="83"/>
                </a:cubicBezTo>
                <a:cubicBezTo>
                  <a:pt x="214" y="84"/>
                  <a:pt x="214" y="85"/>
                  <a:pt x="215" y="84"/>
                </a:cubicBezTo>
                <a:cubicBezTo>
                  <a:pt x="218" y="83"/>
                  <a:pt x="214" y="85"/>
                  <a:pt x="215" y="85"/>
                </a:cubicBezTo>
                <a:cubicBezTo>
                  <a:pt x="212" y="86"/>
                  <a:pt x="211" y="87"/>
                  <a:pt x="208" y="88"/>
                </a:cubicBezTo>
                <a:cubicBezTo>
                  <a:pt x="206" y="89"/>
                  <a:pt x="209" y="88"/>
                  <a:pt x="209" y="89"/>
                </a:cubicBezTo>
                <a:cubicBezTo>
                  <a:pt x="204" y="91"/>
                  <a:pt x="202" y="93"/>
                  <a:pt x="200" y="95"/>
                </a:cubicBezTo>
                <a:cubicBezTo>
                  <a:pt x="198" y="95"/>
                  <a:pt x="196" y="97"/>
                  <a:pt x="194" y="98"/>
                </a:cubicBezTo>
                <a:cubicBezTo>
                  <a:pt x="193" y="99"/>
                  <a:pt x="193" y="99"/>
                  <a:pt x="193" y="99"/>
                </a:cubicBezTo>
                <a:cubicBezTo>
                  <a:pt x="190" y="100"/>
                  <a:pt x="188" y="102"/>
                  <a:pt x="184" y="105"/>
                </a:cubicBezTo>
                <a:cubicBezTo>
                  <a:pt x="184" y="104"/>
                  <a:pt x="184" y="104"/>
                  <a:pt x="184" y="104"/>
                </a:cubicBezTo>
                <a:cubicBezTo>
                  <a:pt x="183" y="105"/>
                  <a:pt x="182" y="106"/>
                  <a:pt x="182" y="106"/>
                </a:cubicBezTo>
                <a:cubicBezTo>
                  <a:pt x="182" y="106"/>
                  <a:pt x="175" y="111"/>
                  <a:pt x="170" y="115"/>
                </a:cubicBezTo>
                <a:cubicBezTo>
                  <a:pt x="170" y="115"/>
                  <a:pt x="170" y="115"/>
                  <a:pt x="170" y="115"/>
                </a:cubicBezTo>
                <a:cubicBezTo>
                  <a:pt x="164" y="119"/>
                  <a:pt x="167" y="119"/>
                  <a:pt x="161" y="123"/>
                </a:cubicBezTo>
                <a:cubicBezTo>
                  <a:pt x="162" y="123"/>
                  <a:pt x="161" y="124"/>
                  <a:pt x="162" y="123"/>
                </a:cubicBezTo>
                <a:cubicBezTo>
                  <a:pt x="161" y="124"/>
                  <a:pt x="156" y="128"/>
                  <a:pt x="156" y="128"/>
                </a:cubicBezTo>
                <a:cubicBezTo>
                  <a:pt x="155" y="128"/>
                  <a:pt x="156" y="129"/>
                  <a:pt x="155" y="130"/>
                </a:cubicBezTo>
                <a:cubicBezTo>
                  <a:pt x="152" y="130"/>
                  <a:pt x="154" y="128"/>
                  <a:pt x="154" y="127"/>
                </a:cubicBezTo>
                <a:cubicBezTo>
                  <a:pt x="151" y="129"/>
                  <a:pt x="154" y="128"/>
                  <a:pt x="151" y="131"/>
                </a:cubicBezTo>
                <a:cubicBezTo>
                  <a:pt x="151" y="131"/>
                  <a:pt x="152" y="130"/>
                  <a:pt x="152" y="131"/>
                </a:cubicBezTo>
                <a:cubicBezTo>
                  <a:pt x="149" y="133"/>
                  <a:pt x="150" y="133"/>
                  <a:pt x="148" y="135"/>
                </a:cubicBezTo>
                <a:cubicBezTo>
                  <a:pt x="146" y="136"/>
                  <a:pt x="146" y="137"/>
                  <a:pt x="145" y="138"/>
                </a:cubicBezTo>
                <a:cubicBezTo>
                  <a:pt x="145" y="137"/>
                  <a:pt x="145" y="137"/>
                  <a:pt x="142" y="139"/>
                </a:cubicBezTo>
                <a:cubicBezTo>
                  <a:pt x="140" y="141"/>
                  <a:pt x="144" y="138"/>
                  <a:pt x="143" y="139"/>
                </a:cubicBezTo>
                <a:cubicBezTo>
                  <a:pt x="142" y="140"/>
                  <a:pt x="139" y="142"/>
                  <a:pt x="141" y="141"/>
                </a:cubicBezTo>
                <a:cubicBezTo>
                  <a:pt x="141" y="141"/>
                  <a:pt x="139" y="143"/>
                  <a:pt x="139" y="142"/>
                </a:cubicBezTo>
                <a:cubicBezTo>
                  <a:pt x="138" y="144"/>
                  <a:pt x="137" y="145"/>
                  <a:pt x="135" y="148"/>
                </a:cubicBezTo>
                <a:cubicBezTo>
                  <a:pt x="139" y="145"/>
                  <a:pt x="143" y="141"/>
                  <a:pt x="147" y="137"/>
                </a:cubicBezTo>
                <a:cubicBezTo>
                  <a:pt x="149" y="137"/>
                  <a:pt x="147" y="138"/>
                  <a:pt x="149" y="137"/>
                </a:cubicBezTo>
                <a:cubicBezTo>
                  <a:pt x="151" y="135"/>
                  <a:pt x="151" y="135"/>
                  <a:pt x="151" y="134"/>
                </a:cubicBezTo>
                <a:cubicBezTo>
                  <a:pt x="154" y="132"/>
                  <a:pt x="152" y="134"/>
                  <a:pt x="151" y="135"/>
                </a:cubicBezTo>
                <a:cubicBezTo>
                  <a:pt x="152" y="135"/>
                  <a:pt x="154" y="133"/>
                  <a:pt x="156" y="132"/>
                </a:cubicBezTo>
                <a:cubicBezTo>
                  <a:pt x="153" y="132"/>
                  <a:pt x="159" y="128"/>
                  <a:pt x="161" y="127"/>
                </a:cubicBezTo>
                <a:cubicBezTo>
                  <a:pt x="163" y="125"/>
                  <a:pt x="159" y="129"/>
                  <a:pt x="157" y="130"/>
                </a:cubicBezTo>
                <a:cubicBezTo>
                  <a:pt x="159" y="130"/>
                  <a:pt x="156" y="132"/>
                  <a:pt x="156" y="133"/>
                </a:cubicBezTo>
                <a:cubicBezTo>
                  <a:pt x="155" y="134"/>
                  <a:pt x="150" y="138"/>
                  <a:pt x="150" y="139"/>
                </a:cubicBezTo>
                <a:cubicBezTo>
                  <a:pt x="148" y="140"/>
                  <a:pt x="146" y="141"/>
                  <a:pt x="145" y="143"/>
                </a:cubicBezTo>
                <a:cubicBezTo>
                  <a:pt x="144" y="143"/>
                  <a:pt x="145" y="143"/>
                  <a:pt x="145" y="142"/>
                </a:cubicBezTo>
                <a:cubicBezTo>
                  <a:pt x="144" y="145"/>
                  <a:pt x="143" y="144"/>
                  <a:pt x="141" y="145"/>
                </a:cubicBezTo>
                <a:cubicBezTo>
                  <a:pt x="139" y="147"/>
                  <a:pt x="142" y="145"/>
                  <a:pt x="142" y="146"/>
                </a:cubicBezTo>
                <a:cubicBezTo>
                  <a:pt x="140" y="147"/>
                  <a:pt x="141" y="147"/>
                  <a:pt x="139" y="148"/>
                </a:cubicBezTo>
                <a:cubicBezTo>
                  <a:pt x="138" y="148"/>
                  <a:pt x="138" y="147"/>
                  <a:pt x="140" y="145"/>
                </a:cubicBezTo>
                <a:cubicBezTo>
                  <a:pt x="140" y="145"/>
                  <a:pt x="139" y="145"/>
                  <a:pt x="139" y="145"/>
                </a:cubicBezTo>
                <a:cubicBezTo>
                  <a:pt x="137" y="148"/>
                  <a:pt x="135" y="150"/>
                  <a:pt x="136" y="151"/>
                </a:cubicBezTo>
                <a:cubicBezTo>
                  <a:pt x="134" y="153"/>
                  <a:pt x="135" y="151"/>
                  <a:pt x="133" y="152"/>
                </a:cubicBezTo>
                <a:cubicBezTo>
                  <a:pt x="133" y="153"/>
                  <a:pt x="134" y="153"/>
                  <a:pt x="131" y="156"/>
                </a:cubicBezTo>
                <a:cubicBezTo>
                  <a:pt x="131" y="155"/>
                  <a:pt x="131" y="155"/>
                  <a:pt x="130" y="155"/>
                </a:cubicBezTo>
                <a:cubicBezTo>
                  <a:pt x="130" y="156"/>
                  <a:pt x="129" y="157"/>
                  <a:pt x="129" y="158"/>
                </a:cubicBezTo>
                <a:cubicBezTo>
                  <a:pt x="125" y="161"/>
                  <a:pt x="122" y="164"/>
                  <a:pt x="119" y="167"/>
                </a:cubicBezTo>
                <a:cubicBezTo>
                  <a:pt x="118" y="168"/>
                  <a:pt x="118" y="168"/>
                  <a:pt x="118" y="168"/>
                </a:cubicBezTo>
                <a:cubicBezTo>
                  <a:pt x="116" y="169"/>
                  <a:pt x="117" y="169"/>
                  <a:pt x="115" y="171"/>
                </a:cubicBezTo>
                <a:cubicBezTo>
                  <a:pt x="113" y="171"/>
                  <a:pt x="111" y="174"/>
                  <a:pt x="109" y="175"/>
                </a:cubicBezTo>
                <a:cubicBezTo>
                  <a:pt x="110" y="174"/>
                  <a:pt x="110" y="174"/>
                  <a:pt x="110" y="173"/>
                </a:cubicBezTo>
                <a:cubicBezTo>
                  <a:pt x="114" y="170"/>
                  <a:pt x="118" y="163"/>
                  <a:pt x="121" y="162"/>
                </a:cubicBezTo>
                <a:cubicBezTo>
                  <a:pt x="125" y="157"/>
                  <a:pt x="129" y="153"/>
                  <a:pt x="133" y="151"/>
                </a:cubicBezTo>
                <a:cubicBezTo>
                  <a:pt x="134" y="150"/>
                  <a:pt x="134" y="149"/>
                  <a:pt x="134" y="149"/>
                </a:cubicBezTo>
                <a:cubicBezTo>
                  <a:pt x="134" y="148"/>
                  <a:pt x="130" y="152"/>
                  <a:pt x="130" y="150"/>
                </a:cubicBezTo>
                <a:cubicBezTo>
                  <a:pt x="131" y="150"/>
                  <a:pt x="131" y="150"/>
                  <a:pt x="131" y="150"/>
                </a:cubicBezTo>
                <a:cubicBezTo>
                  <a:pt x="133" y="149"/>
                  <a:pt x="133" y="148"/>
                  <a:pt x="135" y="147"/>
                </a:cubicBezTo>
                <a:cubicBezTo>
                  <a:pt x="126" y="153"/>
                  <a:pt x="125" y="155"/>
                  <a:pt x="119" y="161"/>
                </a:cubicBezTo>
                <a:cubicBezTo>
                  <a:pt x="118" y="160"/>
                  <a:pt x="122" y="157"/>
                  <a:pt x="123" y="155"/>
                </a:cubicBezTo>
                <a:cubicBezTo>
                  <a:pt x="121" y="157"/>
                  <a:pt x="123" y="155"/>
                  <a:pt x="121" y="156"/>
                </a:cubicBezTo>
                <a:cubicBezTo>
                  <a:pt x="121" y="155"/>
                  <a:pt x="123" y="153"/>
                  <a:pt x="123" y="153"/>
                </a:cubicBezTo>
                <a:cubicBezTo>
                  <a:pt x="125" y="151"/>
                  <a:pt x="125" y="153"/>
                  <a:pt x="123" y="155"/>
                </a:cubicBezTo>
                <a:cubicBezTo>
                  <a:pt x="123" y="155"/>
                  <a:pt x="127" y="151"/>
                  <a:pt x="125" y="153"/>
                </a:cubicBezTo>
                <a:cubicBezTo>
                  <a:pt x="128" y="151"/>
                  <a:pt x="128" y="151"/>
                  <a:pt x="131" y="148"/>
                </a:cubicBezTo>
                <a:cubicBezTo>
                  <a:pt x="132" y="145"/>
                  <a:pt x="130" y="145"/>
                  <a:pt x="125" y="149"/>
                </a:cubicBezTo>
                <a:cubicBezTo>
                  <a:pt x="120" y="156"/>
                  <a:pt x="111" y="162"/>
                  <a:pt x="106" y="170"/>
                </a:cubicBezTo>
                <a:cubicBezTo>
                  <a:pt x="104" y="170"/>
                  <a:pt x="103" y="171"/>
                  <a:pt x="102" y="172"/>
                </a:cubicBezTo>
                <a:cubicBezTo>
                  <a:pt x="101" y="173"/>
                  <a:pt x="100" y="174"/>
                  <a:pt x="100" y="174"/>
                </a:cubicBezTo>
                <a:cubicBezTo>
                  <a:pt x="100" y="175"/>
                  <a:pt x="100" y="175"/>
                  <a:pt x="99" y="176"/>
                </a:cubicBezTo>
                <a:cubicBezTo>
                  <a:pt x="100" y="176"/>
                  <a:pt x="100" y="176"/>
                  <a:pt x="100" y="175"/>
                </a:cubicBezTo>
                <a:cubicBezTo>
                  <a:pt x="101" y="176"/>
                  <a:pt x="99" y="176"/>
                  <a:pt x="100" y="177"/>
                </a:cubicBezTo>
                <a:cubicBezTo>
                  <a:pt x="99" y="176"/>
                  <a:pt x="98" y="175"/>
                  <a:pt x="97" y="175"/>
                </a:cubicBezTo>
                <a:cubicBezTo>
                  <a:pt x="97" y="175"/>
                  <a:pt x="97" y="176"/>
                  <a:pt x="97" y="176"/>
                </a:cubicBezTo>
                <a:cubicBezTo>
                  <a:pt x="97" y="175"/>
                  <a:pt x="96" y="177"/>
                  <a:pt x="96" y="176"/>
                </a:cubicBezTo>
                <a:cubicBezTo>
                  <a:pt x="97" y="175"/>
                  <a:pt x="97" y="174"/>
                  <a:pt x="98" y="175"/>
                </a:cubicBezTo>
                <a:cubicBezTo>
                  <a:pt x="98" y="174"/>
                  <a:pt x="97" y="174"/>
                  <a:pt x="98" y="174"/>
                </a:cubicBezTo>
                <a:cubicBezTo>
                  <a:pt x="97" y="173"/>
                  <a:pt x="96" y="175"/>
                  <a:pt x="95" y="176"/>
                </a:cubicBezTo>
                <a:cubicBezTo>
                  <a:pt x="95" y="176"/>
                  <a:pt x="95" y="177"/>
                  <a:pt x="94" y="177"/>
                </a:cubicBezTo>
                <a:cubicBezTo>
                  <a:pt x="95" y="178"/>
                  <a:pt x="95" y="177"/>
                  <a:pt x="96" y="177"/>
                </a:cubicBezTo>
                <a:cubicBezTo>
                  <a:pt x="95" y="178"/>
                  <a:pt x="95" y="178"/>
                  <a:pt x="94" y="178"/>
                </a:cubicBezTo>
                <a:cubicBezTo>
                  <a:pt x="94" y="179"/>
                  <a:pt x="95" y="179"/>
                  <a:pt x="95" y="179"/>
                </a:cubicBezTo>
                <a:cubicBezTo>
                  <a:pt x="94" y="179"/>
                  <a:pt x="92" y="179"/>
                  <a:pt x="92" y="180"/>
                </a:cubicBezTo>
                <a:cubicBezTo>
                  <a:pt x="92" y="180"/>
                  <a:pt x="92" y="180"/>
                  <a:pt x="93" y="180"/>
                </a:cubicBezTo>
                <a:cubicBezTo>
                  <a:pt x="93" y="180"/>
                  <a:pt x="93" y="181"/>
                  <a:pt x="93" y="181"/>
                </a:cubicBezTo>
                <a:cubicBezTo>
                  <a:pt x="92" y="181"/>
                  <a:pt x="92" y="180"/>
                  <a:pt x="92" y="181"/>
                </a:cubicBezTo>
                <a:cubicBezTo>
                  <a:pt x="91" y="181"/>
                  <a:pt x="92" y="181"/>
                  <a:pt x="92" y="181"/>
                </a:cubicBezTo>
                <a:cubicBezTo>
                  <a:pt x="92" y="182"/>
                  <a:pt x="91" y="181"/>
                  <a:pt x="91" y="182"/>
                </a:cubicBezTo>
                <a:cubicBezTo>
                  <a:pt x="90" y="182"/>
                  <a:pt x="90" y="183"/>
                  <a:pt x="89" y="183"/>
                </a:cubicBezTo>
                <a:cubicBezTo>
                  <a:pt x="89" y="183"/>
                  <a:pt x="90" y="182"/>
                  <a:pt x="90" y="183"/>
                </a:cubicBezTo>
                <a:cubicBezTo>
                  <a:pt x="89" y="183"/>
                  <a:pt x="89" y="183"/>
                  <a:pt x="88" y="183"/>
                </a:cubicBezTo>
                <a:cubicBezTo>
                  <a:pt x="87" y="184"/>
                  <a:pt x="88" y="184"/>
                  <a:pt x="88" y="184"/>
                </a:cubicBezTo>
                <a:cubicBezTo>
                  <a:pt x="87" y="184"/>
                  <a:pt x="87" y="186"/>
                  <a:pt x="86" y="186"/>
                </a:cubicBezTo>
                <a:cubicBezTo>
                  <a:pt x="86" y="186"/>
                  <a:pt x="86" y="186"/>
                  <a:pt x="86" y="186"/>
                </a:cubicBezTo>
                <a:cubicBezTo>
                  <a:pt x="86" y="186"/>
                  <a:pt x="86" y="186"/>
                  <a:pt x="85" y="186"/>
                </a:cubicBezTo>
                <a:cubicBezTo>
                  <a:pt x="85" y="186"/>
                  <a:pt x="86" y="186"/>
                  <a:pt x="86" y="186"/>
                </a:cubicBezTo>
                <a:cubicBezTo>
                  <a:pt x="84" y="188"/>
                  <a:pt x="83" y="190"/>
                  <a:pt x="81" y="192"/>
                </a:cubicBezTo>
                <a:cubicBezTo>
                  <a:pt x="81" y="192"/>
                  <a:pt x="81" y="192"/>
                  <a:pt x="81" y="192"/>
                </a:cubicBezTo>
                <a:cubicBezTo>
                  <a:pt x="81" y="193"/>
                  <a:pt x="82" y="192"/>
                  <a:pt x="81" y="193"/>
                </a:cubicBezTo>
                <a:cubicBezTo>
                  <a:pt x="81" y="193"/>
                  <a:pt x="81" y="193"/>
                  <a:pt x="81" y="193"/>
                </a:cubicBezTo>
                <a:cubicBezTo>
                  <a:pt x="80" y="193"/>
                  <a:pt x="80" y="194"/>
                  <a:pt x="80" y="193"/>
                </a:cubicBezTo>
                <a:cubicBezTo>
                  <a:pt x="79" y="193"/>
                  <a:pt x="81" y="192"/>
                  <a:pt x="80" y="192"/>
                </a:cubicBezTo>
                <a:cubicBezTo>
                  <a:pt x="80" y="191"/>
                  <a:pt x="80" y="192"/>
                  <a:pt x="80" y="192"/>
                </a:cubicBezTo>
                <a:cubicBezTo>
                  <a:pt x="79" y="191"/>
                  <a:pt x="80" y="191"/>
                  <a:pt x="81" y="190"/>
                </a:cubicBezTo>
                <a:cubicBezTo>
                  <a:pt x="81" y="191"/>
                  <a:pt x="80" y="191"/>
                  <a:pt x="81" y="191"/>
                </a:cubicBezTo>
                <a:cubicBezTo>
                  <a:pt x="81" y="191"/>
                  <a:pt x="82" y="191"/>
                  <a:pt x="82" y="190"/>
                </a:cubicBezTo>
                <a:cubicBezTo>
                  <a:pt x="82" y="190"/>
                  <a:pt x="81" y="191"/>
                  <a:pt x="81" y="190"/>
                </a:cubicBezTo>
                <a:cubicBezTo>
                  <a:pt x="81" y="189"/>
                  <a:pt x="82" y="190"/>
                  <a:pt x="82" y="190"/>
                </a:cubicBezTo>
                <a:cubicBezTo>
                  <a:pt x="83" y="189"/>
                  <a:pt x="82" y="189"/>
                  <a:pt x="81" y="189"/>
                </a:cubicBezTo>
                <a:cubicBezTo>
                  <a:pt x="81" y="189"/>
                  <a:pt x="81" y="190"/>
                  <a:pt x="81" y="190"/>
                </a:cubicBezTo>
                <a:cubicBezTo>
                  <a:pt x="80" y="190"/>
                  <a:pt x="82" y="188"/>
                  <a:pt x="82" y="188"/>
                </a:cubicBezTo>
                <a:cubicBezTo>
                  <a:pt x="83" y="188"/>
                  <a:pt x="82" y="189"/>
                  <a:pt x="82" y="189"/>
                </a:cubicBezTo>
                <a:cubicBezTo>
                  <a:pt x="83" y="189"/>
                  <a:pt x="83" y="188"/>
                  <a:pt x="83" y="189"/>
                </a:cubicBezTo>
                <a:cubicBezTo>
                  <a:pt x="83" y="188"/>
                  <a:pt x="83" y="188"/>
                  <a:pt x="83" y="187"/>
                </a:cubicBezTo>
                <a:cubicBezTo>
                  <a:pt x="86" y="183"/>
                  <a:pt x="86" y="183"/>
                  <a:pt x="86" y="183"/>
                </a:cubicBezTo>
                <a:cubicBezTo>
                  <a:pt x="86" y="184"/>
                  <a:pt x="86" y="183"/>
                  <a:pt x="87" y="184"/>
                </a:cubicBezTo>
                <a:cubicBezTo>
                  <a:pt x="87" y="183"/>
                  <a:pt x="87" y="183"/>
                  <a:pt x="86" y="183"/>
                </a:cubicBezTo>
                <a:cubicBezTo>
                  <a:pt x="87" y="183"/>
                  <a:pt x="86" y="182"/>
                  <a:pt x="87" y="182"/>
                </a:cubicBezTo>
                <a:cubicBezTo>
                  <a:pt x="87" y="182"/>
                  <a:pt x="87" y="182"/>
                  <a:pt x="87" y="183"/>
                </a:cubicBezTo>
                <a:cubicBezTo>
                  <a:pt x="88" y="182"/>
                  <a:pt x="87" y="182"/>
                  <a:pt x="87" y="182"/>
                </a:cubicBezTo>
                <a:cubicBezTo>
                  <a:pt x="89" y="179"/>
                  <a:pt x="92" y="175"/>
                  <a:pt x="95" y="172"/>
                </a:cubicBezTo>
                <a:cubicBezTo>
                  <a:pt x="95" y="172"/>
                  <a:pt x="95" y="172"/>
                  <a:pt x="95" y="172"/>
                </a:cubicBezTo>
                <a:cubicBezTo>
                  <a:pt x="95" y="172"/>
                  <a:pt x="95" y="171"/>
                  <a:pt x="95" y="171"/>
                </a:cubicBezTo>
                <a:cubicBezTo>
                  <a:pt x="95" y="170"/>
                  <a:pt x="95" y="171"/>
                  <a:pt x="95" y="171"/>
                </a:cubicBezTo>
                <a:cubicBezTo>
                  <a:pt x="95" y="171"/>
                  <a:pt x="95" y="171"/>
                  <a:pt x="95" y="170"/>
                </a:cubicBezTo>
                <a:cubicBezTo>
                  <a:pt x="94" y="170"/>
                  <a:pt x="94" y="170"/>
                  <a:pt x="94" y="171"/>
                </a:cubicBezTo>
                <a:cubicBezTo>
                  <a:pt x="93" y="170"/>
                  <a:pt x="94" y="169"/>
                  <a:pt x="95" y="169"/>
                </a:cubicBezTo>
                <a:cubicBezTo>
                  <a:pt x="95" y="169"/>
                  <a:pt x="94" y="169"/>
                  <a:pt x="95" y="170"/>
                </a:cubicBezTo>
                <a:cubicBezTo>
                  <a:pt x="95" y="170"/>
                  <a:pt x="95" y="169"/>
                  <a:pt x="95" y="169"/>
                </a:cubicBezTo>
                <a:cubicBezTo>
                  <a:pt x="96" y="170"/>
                  <a:pt x="95" y="170"/>
                  <a:pt x="95" y="170"/>
                </a:cubicBezTo>
                <a:cubicBezTo>
                  <a:pt x="96" y="170"/>
                  <a:pt x="96" y="170"/>
                  <a:pt x="96" y="170"/>
                </a:cubicBezTo>
                <a:cubicBezTo>
                  <a:pt x="96" y="168"/>
                  <a:pt x="103" y="164"/>
                  <a:pt x="102" y="163"/>
                </a:cubicBezTo>
                <a:cubicBezTo>
                  <a:pt x="105" y="161"/>
                  <a:pt x="102" y="163"/>
                  <a:pt x="105" y="161"/>
                </a:cubicBezTo>
                <a:cubicBezTo>
                  <a:pt x="107" y="157"/>
                  <a:pt x="113" y="152"/>
                  <a:pt x="118" y="147"/>
                </a:cubicBezTo>
                <a:cubicBezTo>
                  <a:pt x="116" y="151"/>
                  <a:pt x="121" y="145"/>
                  <a:pt x="123" y="143"/>
                </a:cubicBezTo>
                <a:cubicBezTo>
                  <a:pt x="123" y="143"/>
                  <a:pt x="123" y="143"/>
                  <a:pt x="123" y="143"/>
                </a:cubicBezTo>
                <a:cubicBezTo>
                  <a:pt x="124" y="142"/>
                  <a:pt x="124" y="143"/>
                  <a:pt x="126" y="141"/>
                </a:cubicBezTo>
                <a:cubicBezTo>
                  <a:pt x="124" y="141"/>
                  <a:pt x="130" y="137"/>
                  <a:pt x="128" y="138"/>
                </a:cubicBezTo>
                <a:cubicBezTo>
                  <a:pt x="129" y="136"/>
                  <a:pt x="131" y="136"/>
                  <a:pt x="131" y="136"/>
                </a:cubicBezTo>
                <a:cubicBezTo>
                  <a:pt x="132" y="135"/>
                  <a:pt x="131" y="135"/>
                  <a:pt x="131" y="135"/>
                </a:cubicBezTo>
                <a:cubicBezTo>
                  <a:pt x="133" y="134"/>
                  <a:pt x="133" y="133"/>
                  <a:pt x="136" y="131"/>
                </a:cubicBezTo>
                <a:cubicBezTo>
                  <a:pt x="135" y="132"/>
                  <a:pt x="136" y="132"/>
                  <a:pt x="137" y="131"/>
                </a:cubicBezTo>
                <a:cubicBezTo>
                  <a:pt x="141" y="128"/>
                  <a:pt x="136" y="130"/>
                  <a:pt x="139" y="128"/>
                </a:cubicBezTo>
                <a:cubicBezTo>
                  <a:pt x="138" y="128"/>
                  <a:pt x="136" y="130"/>
                  <a:pt x="135" y="130"/>
                </a:cubicBezTo>
                <a:cubicBezTo>
                  <a:pt x="134" y="131"/>
                  <a:pt x="134" y="132"/>
                  <a:pt x="134" y="132"/>
                </a:cubicBezTo>
                <a:cubicBezTo>
                  <a:pt x="130" y="134"/>
                  <a:pt x="128" y="137"/>
                  <a:pt x="123" y="141"/>
                </a:cubicBezTo>
                <a:cubicBezTo>
                  <a:pt x="122" y="141"/>
                  <a:pt x="121" y="143"/>
                  <a:pt x="122" y="141"/>
                </a:cubicBezTo>
                <a:cubicBezTo>
                  <a:pt x="121" y="142"/>
                  <a:pt x="120" y="143"/>
                  <a:pt x="117" y="145"/>
                </a:cubicBezTo>
                <a:cubicBezTo>
                  <a:pt x="121" y="141"/>
                  <a:pt x="127" y="135"/>
                  <a:pt x="130" y="134"/>
                </a:cubicBezTo>
                <a:cubicBezTo>
                  <a:pt x="131" y="133"/>
                  <a:pt x="130" y="132"/>
                  <a:pt x="131" y="132"/>
                </a:cubicBezTo>
                <a:cubicBezTo>
                  <a:pt x="129" y="133"/>
                  <a:pt x="130" y="133"/>
                  <a:pt x="128" y="135"/>
                </a:cubicBezTo>
                <a:cubicBezTo>
                  <a:pt x="131" y="131"/>
                  <a:pt x="126" y="134"/>
                  <a:pt x="127" y="132"/>
                </a:cubicBezTo>
                <a:cubicBezTo>
                  <a:pt x="125" y="133"/>
                  <a:pt x="125" y="133"/>
                  <a:pt x="125" y="133"/>
                </a:cubicBezTo>
                <a:cubicBezTo>
                  <a:pt x="124" y="134"/>
                  <a:pt x="127" y="133"/>
                  <a:pt x="125" y="135"/>
                </a:cubicBezTo>
                <a:cubicBezTo>
                  <a:pt x="126" y="134"/>
                  <a:pt x="126" y="134"/>
                  <a:pt x="126" y="134"/>
                </a:cubicBezTo>
                <a:cubicBezTo>
                  <a:pt x="113" y="146"/>
                  <a:pt x="113" y="146"/>
                  <a:pt x="113" y="146"/>
                </a:cubicBezTo>
                <a:cubicBezTo>
                  <a:pt x="112" y="146"/>
                  <a:pt x="112" y="146"/>
                  <a:pt x="113" y="145"/>
                </a:cubicBezTo>
                <a:cubicBezTo>
                  <a:pt x="111" y="147"/>
                  <a:pt x="111" y="147"/>
                  <a:pt x="111" y="147"/>
                </a:cubicBezTo>
                <a:cubicBezTo>
                  <a:pt x="111" y="148"/>
                  <a:pt x="112" y="146"/>
                  <a:pt x="113" y="146"/>
                </a:cubicBezTo>
                <a:cubicBezTo>
                  <a:pt x="113" y="147"/>
                  <a:pt x="111" y="147"/>
                  <a:pt x="110" y="148"/>
                </a:cubicBezTo>
                <a:cubicBezTo>
                  <a:pt x="106" y="153"/>
                  <a:pt x="106" y="153"/>
                  <a:pt x="106" y="153"/>
                </a:cubicBezTo>
                <a:cubicBezTo>
                  <a:pt x="106" y="150"/>
                  <a:pt x="103" y="155"/>
                  <a:pt x="100" y="157"/>
                </a:cubicBezTo>
                <a:cubicBezTo>
                  <a:pt x="101" y="156"/>
                  <a:pt x="104" y="154"/>
                  <a:pt x="104" y="152"/>
                </a:cubicBezTo>
                <a:cubicBezTo>
                  <a:pt x="108" y="149"/>
                  <a:pt x="109" y="148"/>
                  <a:pt x="111" y="145"/>
                </a:cubicBezTo>
                <a:cubicBezTo>
                  <a:pt x="110" y="145"/>
                  <a:pt x="109" y="147"/>
                  <a:pt x="108" y="148"/>
                </a:cubicBezTo>
                <a:cubicBezTo>
                  <a:pt x="108" y="145"/>
                  <a:pt x="106" y="148"/>
                  <a:pt x="103" y="152"/>
                </a:cubicBezTo>
                <a:cubicBezTo>
                  <a:pt x="105" y="150"/>
                  <a:pt x="103" y="150"/>
                  <a:pt x="101" y="151"/>
                </a:cubicBezTo>
                <a:cubicBezTo>
                  <a:pt x="103" y="149"/>
                  <a:pt x="103" y="149"/>
                  <a:pt x="104" y="149"/>
                </a:cubicBezTo>
                <a:cubicBezTo>
                  <a:pt x="105" y="148"/>
                  <a:pt x="105" y="147"/>
                  <a:pt x="107" y="145"/>
                </a:cubicBezTo>
                <a:cubicBezTo>
                  <a:pt x="108" y="144"/>
                  <a:pt x="108" y="146"/>
                  <a:pt x="109" y="144"/>
                </a:cubicBezTo>
                <a:cubicBezTo>
                  <a:pt x="111" y="142"/>
                  <a:pt x="109" y="141"/>
                  <a:pt x="113" y="139"/>
                </a:cubicBezTo>
                <a:cubicBezTo>
                  <a:pt x="113" y="139"/>
                  <a:pt x="111" y="141"/>
                  <a:pt x="111" y="141"/>
                </a:cubicBezTo>
                <a:cubicBezTo>
                  <a:pt x="114" y="139"/>
                  <a:pt x="114" y="138"/>
                  <a:pt x="113" y="138"/>
                </a:cubicBezTo>
                <a:cubicBezTo>
                  <a:pt x="115" y="136"/>
                  <a:pt x="115" y="137"/>
                  <a:pt x="115" y="137"/>
                </a:cubicBezTo>
                <a:cubicBezTo>
                  <a:pt x="115" y="136"/>
                  <a:pt x="118" y="134"/>
                  <a:pt x="118" y="133"/>
                </a:cubicBezTo>
                <a:cubicBezTo>
                  <a:pt x="118" y="133"/>
                  <a:pt x="116" y="134"/>
                  <a:pt x="115" y="135"/>
                </a:cubicBezTo>
                <a:cubicBezTo>
                  <a:pt x="116" y="134"/>
                  <a:pt x="116" y="134"/>
                  <a:pt x="117" y="132"/>
                </a:cubicBezTo>
                <a:cubicBezTo>
                  <a:pt x="115" y="134"/>
                  <a:pt x="115" y="134"/>
                  <a:pt x="116" y="132"/>
                </a:cubicBezTo>
                <a:cubicBezTo>
                  <a:pt x="115" y="132"/>
                  <a:pt x="115" y="132"/>
                  <a:pt x="115" y="132"/>
                </a:cubicBezTo>
                <a:cubicBezTo>
                  <a:pt x="114" y="133"/>
                  <a:pt x="113" y="134"/>
                  <a:pt x="112" y="135"/>
                </a:cubicBezTo>
                <a:cubicBezTo>
                  <a:pt x="111" y="136"/>
                  <a:pt x="112" y="134"/>
                  <a:pt x="109" y="137"/>
                </a:cubicBezTo>
                <a:cubicBezTo>
                  <a:pt x="111" y="135"/>
                  <a:pt x="109" y="136"/>
                  <a:pt x="110" y="134"/>
                </a:cubicBezTo>
                <a:cubicBezTo>
                  <a:pt x="112" y="133"/>
                  <a:pt x="110" y="133"/>
                  <a:pt x="111" y="133"/>
                </a:cubicBezTo>
                <a:cubicBezTo>
                  <a:pt x="112" y="131"/>
                  <a:pt x="115" y="128"/>
                  <a:pt x="116" y="127"/>
                </a:cubicBezTo>
                <a:cubicBezTo>
                  <a:pt x="118" y="126"/>
                  <a:pt x="119" y="125"/>
                  <a:pt x="120" y="126"/>
                </a:cubicBezTo>
                <a:cubicBezTo>
                  <a:pt x="121" y="125"/>
                  <a:pt x="121" y="124"/>
                  <a:pt x="121" y="124"/>
                </a:cubicBezTo>
                <a:cubicBezTo>
                  <a:pt x="121" y="124"/>
                  <a:pt x="119" y="125"/>
                  <a:pt x="119" y="124"/>
                </a:cubicBezTo>
                <a:cubicBezTo>
                  <a:pt x="122" y="121"/>
                  <a:pt x="125" y="119"/>
                  <a:pt x="126" y="117"/>
                </a:cubicBezTo>
                <a:cubicBezTo>
                  <a:pt x="127" y="116"/>
                  <a:pt x="127" y="116"/>
                  <a:pt x="128" y="116"/>
                </a:cubicBezTo>
                <a:cubicBezTo>
                  <a:pt x="142" y="104"/>
                  <a:pt x="148" y="99"/>
                  <a:pt x="162" y="88"/>
                </a:cubicBezTo>
                <a:cubicBezTo>
                  <a:pt x="163" y="89"/>
                  <a:pt x="163" y="89"/>
                  <a:pt x="164" y="88"/>
                </a:cubicBezTo>
                <a:cubicBezTo>
                  <a:pt x="166" y="86"/>
                  <a:pt x="163" y="88"/>
                  <a:pt x="163" y="88"/>
                </a:cubicBezTo>
                <a:cubicBezTo>
                  <a:pt x="175" y="79"/>
                  <a:pt x="184" y="73"/>
                  <a:pt x="197" y="65"/>
                </a:cubicBezTo>
                <a:cubicBezTo>
                  <a:pt x="197" y="65"/>
                  <a:pt x="196" y="65"/>
                  <a:pt x="195" y="66"/>
                </a:cubicBezTo>
                <a:cubicBezTo>
                  <a:pt x="196" y="65"/>
                  <a:pt x="197" y="65"/>
                  <a:pt x="199" y="63"/>
                </a:cubicBezTo>
                <a:cubicBezTo>
                  <a:pt x="199" y="64"/>
                  <a:pt x="199" y="64"/>
                  <a:pt x="201" y="63"/>
                </a:cubicBezTo>
                <a:cubicBezTo>
                  <a:pt x="202" y="63"/>
                  <a:pt x="201" y="62"/>
                  <a:pt x="201" y="62"/>
                </a:cubicBezTo>
                <a:cubicBezTo>
                  <a:pt x="203" y="61"/>
                  <a:pt x="203" y="61"/>
                  <a:pt x="203" y="62"/>
                </a:cubicBezTo>
                <a:cubicBezTo>
                  <a:pt x="207" y="60"/>
                  <a:pt x="211" y="58"/>
                  <a:pt x="214" y="56"/>
                </a:cubicBezTo>
                <a:cubicBezTo>
                  <a:pt x="213" y="56"/>
                  <a:pt x="212" y="57"/>
                  <a:pt x="210" y="57"/>
                </a:cubicBezTo>
                <a:cubicBezTo>
                  <a:pt x="214" y="54"/>
                  <a:pt x="214" y="57"/>
                  <a:pt x="222" y="53"/>
                </a:cubicBezTo>
                <a:cubicBezTo>
                  <a:pt x="222" y="52"/>
                  <a:pt x="218" y="54"/>
                  <a:pt x="217" y="54"/>
                </a:cubicBezTo>
                <a:cubicBezTo>
                  <a:pt x="219" y="52"/>
                  <a:pt x="216" y="54"/>
                  <a:pt x="216" y="53"/>
                </a:cubicBezTo>
                <a:cubicBezTo>
                  <a:pt x="215" y="53"/>
                  <a:pt x="214" y="54"/>
                  <a:pt x="214" y="54"/>
                </a:cubicBezTo>
                <a:cubicBezTo>
                  <a:pt x="212" y="54"/>
                  <a:pt x="215" y="53"/>
                  <a:pt x="210" y="56"/>
                </a:cubicBezTo>
                <a:cubicBezTo>
                  <a:pt x="211" y="54"/>
                  <a:pt x="217" y="52"/>
                  <a:pt x="219" y="50"/>
                </a:cubicBezTo>
                <a:cubicBezTo>
                  <a:pt x="220" y="50"/>
                  <a:pt x="219" y="51"/>
                  <a:pt x="221" y="50"/>
                </a:cubicBezTo>
                <a:cubicBezTo>
                  <a:pt x="227" y="46"/>
                  <a:pt x="237" y="41"/>
                  <a:pt x="245" y="39"/>
                </a:cubicBezTo>
                <a:cubicBezTo>
                  <a:pt x="246" y="40"/>
                  <a:pt x="242" y="40"/>
                  <a:pt x="241" y="41"/>
                </a:cubicBezTo>
                <a:cubicBezTo>
                  <a:pt x="242" y="41"/>
                  <a:pt x="244" y="40"/>
                  <a:pt x="245" y="40"/>
                </a:cubicBezTo>
                <a:cubicBezTo>
                  <a:pt x="247" y="39"/>
                  <a:pt x="249" y="39"/>
                  <a:pt x="254" y="37"/>
                </a:cubicBezTo>
                <a:cubicBezTo>
                  <a:pt x="252" y="37"/>
                  <a:pt x="247" y="38"/>
                  <a:pt x="253" y="36"/>
                </a:cubicBezTo>
                <a:cubicBezTo>
                  <a:pt x="252" y="36"/>
                  <a:pt x="250" y="37"/>
                  <a:pt x="251" y="36"/>
                </a:cubicBezTo>
                <a:cubicBezTo>
                  <a:pt x="252" y="36"/>
                  <a:pt x="254" y="35"/>
                  <a:pt x="255" y="35"/>
                </a:cubicBezTo>
                <a:cubicBezTo>
                  <a:pt x="257" y="35"/>
                  <a:pt x="255" y="34"/>
                  <a:pt x="258" y="33"/>
                </a:cubicBezTo>
                <a:cubicBezTo>
                  <a:pt x="259" y="34"/>
                  <a:pt x="259" y="34"/>
                  <a:pt x="259" y="34"/>
                </a:cubicBezTo>
                <a:cubicBezTo>
                  <a:pt x="263" y="32"/>
                  <a:pt x="265" y="32"/>
                  <a:pt x="267" y="31"/>
                </a:cubicBezTo>
                <a:cubicBezTo>
                  <a:pt x="273" y="28"/>
                  <a:pt x="273" y="30"/>
                  <a:pt x="279" y="27"/>
                </a:cubicBezTo>
                <a:cubicBezTo>
                  <a:pt x="280" y="27"/>
                  <a:pt x="279" y="27"/>
                  <a:pt x="279" y="28"/>
                </a:cubicBezTo>
                <a:cubicBezTo>
                  <a:pt x="282" y="27"/>
                  <a:pt x="285" y="26"/>
                  <a:pt x="285" y="25"/>
                </a:cubicBezTo>
                <a:cubicBezTo>
                  <a:pt x="288" y="26"/>
                  <a:pt x="294" y="23"/>
                  <a:pt x="301" y="22"/>
                </a:cubicBezTo>
                <a:cubicBezTo>
                  <a:pt x="301" y="21"/>
                  <a:pt x="301" y="21"/>
                  <a:pt x="301" y="21"/>
                </a:cubicBezTo>
                <a:cubicBezTo>
                  <a:pt x="301" y="21"/>
                  <a:pt x="297" y="22"/>
                  <a:pt x="296" y="22"/>
                </a:cubicBezTo>
                <a:cubicBezTo>
                  <a:pt x="298" y="21"/>
                  <a:pt x="297" y="22"/>
                  <a:pt x="298" y="21"/>
                </a:cubicBezTo>
                <a:cubicBezTo>
                  <a:pt x="301" y="20"/>
                  <a:pt x="301" y="20"/>
                  <a:pt x="301" y="20"/>
                </a:cubicBezTo>
                <a:cubicBezTo>
                  <a:pt x="301" y="20"/>
                  <a:pt x="297" y="21"/>
                  <a:pt x="297" y="21"/>
                </a:cubicBezTo>
                <a:cubicBezTo>
                  <a:pt x="300" y="19"/>
                  <a:pt x="301" y="19"/>
                  <a:pt x="305" y="18"/>
                </a:cubicBezTo>
                <a:cubicBezTo>
                  <a:pt x="305" y="19"/>
                  <a:pt x="307" y="18"/>
                  <a:pt x="306" y="19"/>
                </a:cubicBezTo>
                <a:cubicBezTo>
                  <a:pt x="308" y="18"/>
                  <a:pt x="309" y="17"/>
                  <a:pt x="309" y="18"/>
                </a:cubicBezTo>
                <a:cubicBezTo>
                  <a:pt x="316" y="16"/>
                  <a:pt x="316" y="16"/>
                  <a:pt x="322" y="15"/>
                </a:cubicBezTo>
                <a:cubicBezTo>
                  <a:pt x="325" y="15"/>
                  <a:pt x="325" y="14"/>
                  <a:pt x="327" y="13"/>
                </a:cubicBezTo>
                <a:cubicBezTo>
                  <a:pt x="329" y="12"/>
                  <a:pt x="329" y="13"/>
                  <a:pt x="330" y="13"/>
                </a:cubicBezTo>
                <a:cubicBezTo>
                  <a:pt x="332" y="13"/>
                  <a:pt x="332" y="12"/>
                  <a:pt x="334" y="12"/>
                </a:cubicBezTo>
                <a:cubicBezTo>
                  <a:pt x="336" y="12"/>
                  <a:pt x="338" y="11"/>
                  <a:pt x="338" y="12"/>
                </a:cubicBezTo>
                <a:cubicBezTo>
                  <a:pt x="337" y="12"/>
                  <a:pt x="338" y="12"/>
                  <a:pt x="337" y="12"/>
                </a:cubicBezTo>
                <a:cubicBezTo>
                  <a:pt x="337" y="12"/>
                  <a:pt x="336" y="12"/>
                  <a:pt x="336" y="12"/>
                </a:cubicBezTo>
                <a:cubicBezTo>
                  <a:pt x="336" y="13"/>
                  <a:pt x="340" y="11"/>
                  <a:pt x="341" y="12"/>
                </a:cubicBezTo>
                <a:cubicBezTo>
                  <a:pt x="343" y="12"/>
                  <a:pt x="337" y="12"/>
                  <a:pt x="340" y="11"/>
                </a:cubicBezTo>
                <a:cubicBezTo>
                  <a:pt x="342" y="11"/>
                  <a:pt x="342" y="11"/>
                  <a:pt x="342" y="11"/>
                </a:cubicBezTo>
                <a:cubicBezTo>
                  <a:pt x="344" y="11"/>
                  <a:pt x="344" y="11"/>
                  <a:pt x="345" y="11"/>
                </a:cubicBezTo>
                <a:cubicBezTo>
                  <a:pt x="346" y="10"/>
                  <a:pt x="340" y="11"/>
                  <a:pt x="342" y="10"/>
                </a:cubicBezTo>
                <a:cubicBezTo>
                  <a:pt x="347" y="10"/>
                  <a:pt x="347" y="10"/>
                  <a:pt x="347" y="10"/>
                </a:cubicBezTo>
                <a:cubicBezTo>
                  <a:pt x="347" y="9"/>
                  <a:pt x="347" y="9"/>
                  <a:pt x="345" y="9"/>
                </a:cubicBezTo>
                <a:cubicBezTo>
                  <a:pt x="349" y="8"/>
                  <a:pt x="350" y="10"/>
                  <a:pt x="354" y="10"/>
                </a:cubicBezTo>
                <a:cubicBezTo>
                  <a:pt x="356" y="10"/>
                  <a:pt x="358" y="9"/>
                  <a:pt x="360" y="9"/>
                </a:cubicBezTo>
                <a:cubicBezTo>
                  <a:pt x="361" y="9"/>
                  <a:pt x="359" y="9"/>
                  <a:pt x="361" y="9"/>
                </a:cubicBezTo>
                <a:cubicBezTo>
                  <a:pt x="360" y="9"/>
                  <a:pt x="359" y="9"/>
                  <a:pt x="358" y="9"/>
                </a:cubicBezTo>
                <a:cubicBezTo>
                  <a:pt x="355" y="8"/>
                  <a:pt x="363" y="8"/>
                  <a:pt x="360" y="8"/>
                </a:cubicBezTo>
                <a:cubicBezTo>
                  <a:pt x="361" y="7"/>
                  <a:pt x="362" y="9"/>
                  <a:pt x="364" y="8"/>
                </a:cubicBezTo>
                <a:cubicBezTo>
                  <a:pt x="367" y="8"/>
                  <a:pt x="362" y="8"/>
                  <a:pt x="363" y="7"/>
                </a:cubicBezTo>
                <a:cubicBezTo>
                  <a:pt x="364" y="7"/>
                  <a:pt x="365" y="7"/>
                  <a:pt x="365" y="7"/>
                </a:cubicBezTo>
                <a:cubicBezTo>
                  <a:pt x="366" y="7"/>
                  <a:pt x="367" y="8"/>
                  <a:pt x="367" y="8"/>
                </a:cubicBezTo>
                <a:cubicBezTo>
                  <a:pt x="367" y="9"/>
                  <a:pt x="370" y="8"/>
                  <a:pt x="371" y="9"/>
                </a:cubicBezTo>
                <a:cubicBezTo>
                  <a:pt x="374" y="8"/>
                  <a:pt x="371" y="8"/>
                  <a:pt x="372" y="8"/>
                </a:cubicBezTo>
                <a:cubicBezTo>
                  <a:pt x="372" y="7"/>
                  <a:pt x="371" y="8"/>
                  <a:pt x="371" y="8"/>
                </a:cubicBezTo>
                <a:cubicBezTo>
                  <a:pt x="371" y="7"/>
                  <a:pt x="379" y="9"/>
                  <a:pt x="381" y="7"/>
                </a:cubicBezTo>
                <a:cubicBezTo>
                  <a:pt x="384" y="7"/>
                  <a:pt x="386" y="8"/>
                  <a:pt x="390" y="7"/>
                </a:cubicBezTo>
                <a:cubicBezTo>
                  <a:pt x="390" y="7"/>
                  <a:pt x="389" y="7"/>
                  <a:pt x="390" y="7"/>
                </a:cubicBezTo>
                <a:cubicBezTo>
                  <a:pt x="387" y="6"/>
                  <a:pt x="389" y="6"/>
                  <a:pt x="386" y="5"/>
                </a:cubicBezTo>
                <a:cubicBezTo>
                  <a:pt x="388" y="6"/>
                  <a:pt x="389" y="7"/>
                  <a:pt x="391" y="6"/>
                </a:cubicBezTo>
                <a:cubicBezTo>
                  <a:pt x="392" y="6"/>
                  <a:pt x="392" y="7"/>
                  <a:pt x="394" y="7"/>
                </a:cubicBezTo>
                <a:cubicBezTo>
                  <a:pt x="395" y="7"/>
                  <a:pt x="395" y="6"/>
                  <a:pt x="395" y="6"/>
                </a:cubicBezTo>
                <a:cubicBezTo>
                  <a:pt x="396" y="6"/>
                  <a:pt x="399" y="6"/>
                  <a:pt x="397" y="6"/>
                </a:cubicBezTo>
                <a:cubicBezTo>
                  <a:pt x="401" y="5"/>
                  <a:pt x="402" y="7"/>
                  <a:pt x="401" y="7"/>
                </a:cubicBezTo>
                <a:cubicBezTo>
                  <a:pt x="408" y="7"/>
                  <a:pt x="400" y="5"/>
                  <a:pt x="400" y="4"/>
                </a:cubicBezTo>
                <a:cubicBezTo>
                  <a:pt x="402" y="5"/>
                  <a:pt x="404" y="4"/>
                  <a:pt x="401" y="4"/>
                </a:cubicBezTo>
                <a:cubicBezTo>
                  <a:pt x="406" y="3"/>
                  <a:pt x="402" y="5"/>
                  <a:pt x="407" y="5"/>
                </a:cubicBezTo>
                <a:cubicBezTo>
                  <a:pt x="411" y="4"/>
                  <a:pt x="406" y="3"/>
                  <a:pt x="410" y="3"/>
                </a:cubicBezTo>
                <a:cubicBezTo>
                  <a:pt x="408" y="2"/>
                  <a:pt x="400" y="3"/>
                  <a:pt x="399" y="2"/>
                </a:cubicBezTo>
                <a:cubicBezTo>
                  <a:pt x="400" y="1"/>
                  <a:pt x="404" y="2"/>
                  <a:pt x="404" y="2"/>
                </a:cubicBezTo>
                <a:cubicBezTo>
                  <a:pt x="407" y="2"/>
                  <a:pt x="407" y="1"/>
                  <a:pt x="412" y="2"/>
                </a:cubicBezTo>
                <a:cubicBezTo>
                  <a:pt x="411" y="2"/>
                  <a:pt x="413" y="2"/>
                  <a:pt x="412" y="3"/>
                </a:cubicBezTo>
                <a:cubicBezTo>
                  <a:pt x="415" y="3"/>
                  <a:pt x="415" y="1"/>
                  <a:pt x="419" y="1"/>
                </a:cubicBezTo>
                <a:cubicBezTo>
                  <a:pt x="417" y="2"/>
                  <a:pt x="416" y="2"/>
                  <a:pt x="421" y="2"/>
                </a:cubicBezTo>
                <a:cubicBezTo>
                  <a:pt x="420" y="3"/>
                  <a:pt x="417" y="3"/>
                  <a:pt x="417" y="2"/>
                </a:cubicBezTo>
                <a:cubicBezTo>
                  <a:pt x="416" y="2"/>
                  <a:pt x="416" y="3"/>
                  <a:pt x="415" y="3"/>
                </a:cubicBezTo>
                <a:cubicBezTo>
                  <a:pt x="414" y="3"/>
                  <a:pt x="417" y="3"/>
                  <a:pt x="417" y="4"/>
                </a:cubicBezTo>
                <a:cubicBezTo>
                  <a:pt x="419" y="4"/>
                  <a:pt x="418" y="3"/>
                  <a:pt x="416" y="3"/>
                </a:cubicBezTo>
                <a:cubicBezTo>
                  <a:pt x="417" y="3"/>
                  <a:pt x="421" y="3"/>
                  <a:pt x="421" y="4"/>
                </a:cubicBezTo>
                <a:cubicBezTo>
                  <a:pt x="418" y="4"/>
                  <a:pt x="427" y="5"/>
                  <a:pt x="424" y="5"/>
                </a:cubicBezTo>
                <a:cubicBezTo>
                  <a:pt x="427" y="5"/>
                  <a:pt x="427" y="6"/>
                  <a:pt x="430" y="6"/>
                </a:cubicBezTo>
                <a:cubicBezTo>
                  <a:pt x="426" y="5"/>
                  <a:pt x="427" y="5"/>
                  <a:pt x="425" y="4"/>
                </a:cubicBezTo>
                <a:cubicBezTo>
                  <a:pt x="426" y="4"/>
                  <a:pt x="428" y="4"/>
                  <a:pt x="430" y="4"/>
                </a:cubicBezTo>
                <a:cubicBezTo>
                  <a:pt x="427" y="4"/>
                  <a:pt x="430" y="4"/>
                  <a:pt x="428" y="4"/>
                </a:cubicBezTo>
                <a:cubicBezTo>
                  <a:pt x="429" y="5"/>
                  <a:pt x="432" y="5"/>
                  <a:pt x="433" y="5"/>
                </a:cubicBezTo>
                <a:cubicBezTo>
                  <a:pt x="434" y="5"/>
                  <a:pt x="431" y="5"/>
                  <a:pt x="431" y="4"/>
                </a:cubicBezTo>
                <a:cubicBezTo>
                  <a:pt x="432" y="4"/>
                  <a:pt x="438" y="5"/>
                  <a:pt x="438" y="5"/>
                </a:cubicBezTo>
                <a:cubicBezTo>
                  <a:pt x="442" y="6"/>
                  <a:pt x="445" y="6"/>
                  <a:pt x="453" y="7"/>
                </a:cubicBezTo>
                <a:cubicBezTo>
                  <a:pt x="453" y="7"/>
                  <a:pt x="452" y="7"/>
                  <a:pt x="451" y="7"/>
                </a:cubicBezTo>
                <a:cubicBezTo>
                  <a:pt x="451" y="7"/>
                  <a:pt x="453" y="7"/>
                  <a:pt x="453" y="7"/>
                </a:cubicBezTo>
                <a:cubicBezTo>
                  <a:pt x="452" y="8"/>
                  <a:pt x="450" y="7"/>
                  <a:pt x="447" y="6"/>
                </a:cubicBezTo>
                <a:cubicBezTo>
                  <a:pt x="447" y="7"/>
                  <a:pt x="447" y="7"/>
                  <a:pt x="447" y="7"/>
                </a:cubicBezTo>
                <a:cubicBezTo>
                  <a:pt x="448" y="7"/>
                  <a:pt x="453" y="8"/>
                  <a:pt x="453" y="9"/>
                </a:cubicBezTo>
                <a:cubicBezTo>
                  <a:pt x="454" y="8"/>
                  <a:pt x="456" y="7"/>
                  <a:pt x="453" y="6"/>
                </a:cubicBezTo>
                <a:cubicBezTo>
                  <a:pt x="454" y="6"/>
                  <a:pt x="457" y="7"/>
                  <a:pt x="455" y="6"/>
                </a:cubicBezTo>
                <a:cubicBezTo>
                  <a:pt x="456" y="6"/>
                  <a:pt x="458" y="7"/>
                  <a:pt x="460" y="7"/>
                </a:cubicBezTo>
                <a:cubicBezTo>
                  <a:pt x="460" y="7"/>
                  <a:pt x="459" y="7"/>
                  <a:pt x="458" y="6"/>
                </a:cubicBezTo>
                <a:cubicBezTo>
                  <a:pt x="460" y="6"/>
                  <a:pt x="465" y="7"/>
                  <a:pt x="465" y="6"/>
                </a:cubicBezTo>
                <a:cubicBezTo>
                  <a:pt x="466" y="7"/>
                  <a:pt x="466" y="7"/>
                  <a:pt x="465" y="7"/>
                </a:cubicBezTo>
                <a:cubicBezTo>
                  <a:pt x="466" y="7"/>
                  <a:pt x="469" y="8"/>
                  <a:pt x="468" y="8"/>
                </a:cubicBezTo>
                <a:cubicBezTo>
                  <a:pt x="466" y="8"/>
                  <a:pt x="466" y="8"/>
                  <a:pt x="463" y="7"/>
                </a:cubicBezTo>
                <a:cubicBezTo>
                  <a:pt x="463" y="8"/>
                  <a:pt x="464" y="8"/>
                  <a:pt x="464" y="8"/>
                </a:cubicBezTo>
                <a:cubicBezTo>
                  <a:pt x="468" y="9"/>
                  <a:pt x="467" y="8"/>
                  <a:pt x="470" y="9"/>
                </a:cubicBezTo>
                <a:cubicBezTo>
                  <a:pt x="470" y="8"/>
                  <a:pt x="473" y="8"/>
                  <a:pt x="477" y="9"/>
                </a:cubicBezTo>
                <a:cubicBezTo>
                  <a:pt x="476" y="10"/>
                  <a:pt x="474" y="9"/>
                  <a:pt x="471" y="9"/>
                </a:cubicBezTo>
                <a:cubicBezTo>
                  <a:pt x="472" y="9"/>
                  <a:pt x="472" y="10"/>
                  <a:pt x="472" y="10"/>
                </a:cubicBezTo>
                <a:cubicBezTo>
                  <a:pt x="473" y="10"/>
                  <a:pt x="475" y="10"/>
                  <a:pt x="476" y="10"/>
                </a:cubicBezTo>
                <a:cubicBezTo>
                  <a:pt x="478" y="10"/>
                  <a:pt x="478" y="11"/>
                  <a:pt x="478" y="11"/>
                </a:cubicBezTo>
                <a:cubicBezTo>
                  <a:pt x="479" y="11"/>
                  <a:pt x="481" y="11"/>
                  <a:pt x="483" y="12"/>
                </a:cubicBezTo>
                <a:cubicBezTo>
                  <a:pt x="483" y="11"/>
                  <a:pt x="484" y="11"/>
                  <a:pt x="482" y="11"/>
                </a:cubicBezTo>
                <a:cubicBezTo>
                  <a:pt x="483" y="10"/>
                  <a:pt x="485" y="11"/>
                  <a:pt x="484" y="12"/>
                </a:cubicBezTo>
                <a:cubicBezTo>
                  <a:pt x="485" y="12"/>
                  <a:pt x="486" y="11"/>
                  <a:pt x="487" y="12"/>
                </a:cubicBezTo>
                <a:cubicBezTo>
                  <a:pt x="487" y="12"/>
                  <a:pt x="485" y="10"/>
                  <a:pt x="490" y="11"/>
                </a:cubicBezTo>
                <a:cubicBezTo>
                  <a:pt x="490" y="10"/>
                  <a:pt x="485" y="10"/>
                  <a:pt x="484" y="9"/>
                </a:cubicBezTo>
                <a:cubicBezTo>
                  <a:pt x="482" y="9"/>
                  <a:pt x="481" y="9"/>
                  <a:pt x="482" y="9"/>
                </a:cubicBezTo>
                <a:cubicBezTo>
                  <a:pt x="480" y="9"/>
                  <a:pt x="481" y="9"/>
                  <a:pt x="478" y="8"/>
                </a:cubicBezTo>
                <a:cubicBezTo>
                  <a:pt x="478" y="8"/>
                  <a:pt x="482" y="9"/>
                  <a:pt x="481" y="7"/>
                </a:cubicBezTo>
                <a:cubicBezTo>
                  <a:pt x="484" y="8"/>
                  <a:pt x="482" y="8"/>
                  <a:pt x="482" y="8"/>
                </a:cubicBezTo>
                <a:cubicBezTo>
                  <a:pt x="486" y="9"/>
                  <a:pt x="486" y="9"/>
                  <a:pt x="489" y="9"/>
                </a:cubicBezTo>
                <a:cubicBezTo>
                  <a:pt x="489" y="9"/>
                  <a:pt x="487" y="9"/>
                  <a:pt x="487" y="8"/>
                </a:cubicBezTo>
                <a:cubicBezTo>
                  <a:pt x="491" y="9"/>
                  <a:pt x="493" y="10"/>
                  <a:pt x="496" y="11"/>
                </a:cubicBezTo>
                <a:cubicBezTo>
                  <a:pt x="495" y="11"/>
                  <a:pt x="495" y="10"/>
                  <a:pt x="495" y="11"/>
                </a:cubicBezTo>
                <a:cubicBezTo>
                  <a:pt x="496" y="11"/>
                  <a:pt x="499" y="12"/>
                  <a:pt x="499" y="11"/>
                </a:cubicBezTo>
                <a:cubicBezTo>
                  <a:pt x="500" y="12"/>
                  <a:pt x="500" y="12"/>
                  <a:pt x="501" y="13"/>
                </a:cubicBezTo>
                <a:cubicBezTo>
                  <a:pt x="505" y="13"/>
                  <a:pt x="510" y="15"/>
                  <a:pt x="512" y="16"/>
                </a:cubicBezTo>
                <a:cubicBezTo>
                  <a:pt x="514" y="17"/>
                  <a:pt x="512" y="15"/>
                  <a:pt x="510" y="14"/>
                </a:cubicBezTo>
                <a:cubicBezTo>
                  <a:pt x="510" y="14"/>
                  <a:pt x="516" y="16"/>
                  <a:pt x="514" y="16"/>
                </a:cubicBezTo>
                <a:cubicBezTo>
                  <a:pt x="516" y="17"/>
                  <a:pt x="519" y="18"/>
                  <a:pt x="520" y="18"/>
                </a:cubicBezTo>
                <a:cubicBezTo>
                  <a:pt x="519" y="17"/>
                  <a:pt x="518" y="17"/>
                  <a:pt x="517" y="17"/>
                </a:cubicBezTo>
                <a:cubicBezTo>
                  <a:pt x="520" y="17"/>
                  <a:pt x="527" y="19"/>
                  <a:pt x="532" y="21"/>
                </a:cubicBezTo>
                <a:cubicBezTo>
                  <a:pt x="529" y="19"/>
                  <a:pt x="537" y="22"/>
                  <a:pt x="537" y="22"/>
                </a:cubicBezTo>
                <a:cubicBezTo>
                  <a:pt x="539" y="22"/>
                  <a:pt x="538" y="23"/>
                  <a:pt x="540" y="23"/>
                </a:cubicBezTo>
                <a:cubicBezTo>
                  <a:pt x="539" y="23"/>
                  <a:pt x="538" y="23"/>
                  <a:pt x="536" y="22"/>
                </a:cubicBezTo>
                <a:cubicBezTo>
                  <a:pt x="536" y="23"/>
                  <a:pt x="543" y="25"/>
                  <a:pt x="545" y="25"/>
                </a:cubicBezTo>
                <a:cubicBezTo>
                  <a:pt x="545" y="25"/>
                  <a:pt x="542" y="25"/>
                  <a:pt x="540" y="24"/>
                </a:cubicBezTo>
                <a:cubicBezTo>
                  <a:pt x="543" y="24"/>
                  <a:pt x="547" y="25"/>
                  <a:pt x="551" y="27"/>
                </a:cubicBezTo>
                <a:cubicBezTo>
                  <a:pt x="551" y="27"/>
                  <a:pt x="550" y="27"/>
                  <a:pt x="552" y="28"/>
                </a:cubicBezTo>
                <a:cubicBezTo>
                  <a:pt x="551" y="28"/>
                  <a:pt x="549" y="26"/>
                  <a:pt x="549" y="27"/>
                </a:cubicBezTo>
                <a:cubicBezTo>
                  <a:pt x="550" y="28"/>
                  <a:pt x="552" y="28"/>
                  <a:pt x="552" y="29"/>
                </a:cubicBezTo>
                <a:cubicBezTo>
                  <a:pt x="554" y="30"/>
                  <a:pt x="550" y="28"/>
                  <a:pt x="551" y="29"/>
                </a:cubicBezTo>
                <a:cubicBezTo>
                  <a:pt x="555" y="29"/>
                  <a:pt x="555" y="30"/>
                  <a:pt x="558" y="30"/>
                </a:cubicBezTo>
                <a:cubicBezTo>
                  <a:pt x="562" y="32"/>
                  <a:pt x="569" y="34"/>
                  <a:pt x="569" y="35"/>
                </a:cubicBezTo>
                <a:cubicBezTo>
                  <a:pt x="571" y="36"/>
                  <a:pt x="570" y="35"/>
                  <a:pt x="571" y="35"/>
                </a:cubicBezTo>
                <a:cubicBezTo>
                  <a:pt x="572" y="36"/>
                  <a:pt x="575" y="37"/>
                  <a:pt x="573" y="37"/>
                </a:cubicBezTo>
                <a:cubicBezTo>
                  <a:pt x="575" y="38"/>
                  <a:pt x="575" y="38"/>
                  <a:pt x="577" y="39"/>
                </a:cubicBezTo>
                <a:cubicBezTo>
                  <a:pt x="577" y="39"/>
                  <a:pt x="575" y="39"/>
                  <a:pt x="576" y="39"/>
                </a:cubicBezTo>
                <a:cubicBezTo>
                  <a:pt x="578" y="40"/>
                  <a:pt x="578" y="39"/>
                  <a:pt x="579" y="39"/>
                </a:cubicBezTo>
                <a:cubicBezTo>
                  <a:pt x="579" y="38"/>
                  <a:pt x="576" y="38"/>
                  <a:pt x="576" y="38"/>
                </a:cubicBezTo>
                <a:cubicBezTo>
                  <a:pt x="576" y="37"/>
                  <a:pt x="580" y="39"/>
                  <a:pt x="579" y="39"/>
                </a:cubicBezTo>
                <a:cubicBezTo>
                  <a:pt x="581" y="40"/>
                  <a:pt x="581" y="40"/>
                  <a:pt x="583" y="40"/>
                </a:cubicBezTo>
                <a:cubicBezTo>
                  <a:pt x="586" y="42"/>
                  <a:pt x="586" y="42"/>
                  <a:pt x="589" y="44"/>
                </a:cubicBezTo>
                <a:cubicBezTo>
                  <a:pt x="587" y="43"/>
                  <a:pt x="587" y="42"/>
                  <a:pt x="586" y="42"/>
                </a:cubicBezTo>
                <a:cubicBezTo>
                  <a:pt x="585" y="40"/>
                  <a:pt x="593" y="44"/>
                  <a:pt x="594" y="45"/>
                </a:cubicBezTo>
                <a:cubicBezTo>
                  <a:pt x="594" y="45"/>
                  <a:pt x="591" y="43"/>
                  <a:pt x="590" y="43"/>
                </a:cubicBezTo>
                <a:cubicBezTo>
                  <a:pt x="592" y="45"/>
                  <a:pt x="596" y="46"/>
                  <a:pt x="598" y="48"/>
                </a:cubicBezTo>
                <a:cubicBezTo>
                  <a:pt x="600" y="49"/>
                  <a:pt x="597" y="46"/>
                  <a:pt x="599" y="47"/>
                </a:cubicBezTo>
                <a:cubicBezTo>
                  <a:pt x="600" y="48"/>
                  <a:pt x="601" y="49"/>
                  <a:pt x="603" y="50"/>
                </a:cubicBezTo>
                <a:cubicBezTo>
                  <a:pt x="603" y="50"/>
                  <a:pt x="606" y="52"/>
                  <a:pt x="606" y="51"/>
                </a:cubicBezTo>
                <a:cubicBezTo>
                  <a:pt x="612" y="54"/>
                  <a:pt x="615" y="56"/>
                  <a:pt x="620" y="59"/>
                </a:cubicBezTo>
                <a:cubicBezTo>
                  <a:pt x="619" y="58"/>
                  <a:pt x="619" y="59"/>
                  <a:pt x="619" y="59"/>
                </a:cubicBezTo>
                <a:cubicBezTo>
                  <a:pt x="624" y="60"/>
                  <a:pt x="634" y="67"/>
                  <a:pt x="640" y="71"/>
                </a:cubicBezTo>
                <a:cubicBezTo>
                  <a:pt x="642" y="72"/>
                  <a:pt x="641" y="71"/>
                  <a:pt x="643" y="73"/>
                </a:cubicBezTo>
                <a:cubicBezTo>
                  <a:pt x="643" y="73"/>
                  <a:pt x="643" y="73"/>
                  <a:pt x="644" y="73"/>
                </a:cubicBezTo>
                <a:cubicBezTo>
                  <a:pt x="644" y="73"/>
                  <a:pt x="643" y="72"/>
                  <a:pt x="642" y="72"/>
                </a:cubicBezTo>
                <a:cubicBezTo>
                  <a:pt x="645" y="73"/>
                  <a:pt x="651" y="78"/>
                  <a:pt x="653" y="78"/>
                </a:cubicBezTo>
                <a:cubicBezTo>
                  <a:pt x="655" y="80"/>
                  <a:pt x="658" y="83"/>
                  <a:pt x="661" y="84"/>
                </a:cubicBezTo>
                <a:cubicBezTo>
                  <a:pt x="665" y="87"/>
                  <a:pt x="675" y="94"/>
                  <a:pt x="680" y="98"/>
                </a:cubicBezTo>
                <a:cubicBezTo>
                  <a:pt x="680" y="98"/>
                  <a:pt x="679" y="97"/>
                  <a:pt x="679" y="98"/>
                </a:cubicBezTo>
                <a:cubicBezTo>
                  <a:pt x="681" y="99"/>
                  <a:pt x="682" y="100"/>
                  <a:pt x="684" y="102"/>
                </a:cubicBezTo>
                <a:cubicBezTo>
                  <a:pt x="685" y="102"/>
                  <a:pt x="683" y="101"/>
                  <a:pt x="684" y="101"/>
                </a:cubicBezTo>
                <a:cubicBezTo>
                  <a:pt x="688" y="104"/>
                  <a:pt x="693" y="109"/>
                  <a:pt x="699" y="114"/>
                </a:cubicBezTo>
                <a:cubicBezTo>
                  <a:pt x="698" y="114"/>
                  <a:pt x="698" y="114"/>
                  <a:pt x="699" y="115"/>
                </a:cubicBezTo>
                <a:cubicBezTo>
                  <a:pt x="701" y="117"/>
                  <a:pt x="702" y="118"/>
                  <a:pt x="703" y="118"/>
                </a:cubicBezTo>
                <a:cubicBezTo>
                  <a:pt x="705" y="120"/>
                  <a:pt x="704" y="119"/>
                  <a:pt x="705" y="120"/>
                </a:cubicBezTo>
                <a:cubicBezTo>
                  <a:pt x="707" y="122"/>
                  <a:pt x="704" y="119"/>
                  <a:pt x="705" y="119"/>
                </a:cubicBezTo>
                <a:cubicBezTo>
                  <a:pt x="707" y="121"/>
                  <a:pt x="707" y="121"/>
                  <a:pt x="709" y="123"/>
                </a:cubicBezTo>
                <a:cubicBezTo>
                  <a:pt x="705" y="121"/>
                  <a:pt x="715" y="129"/>
                  <a:pt x="718" y="132"/>
                </a:cubicBezTo>
                <a:cubicBezTo>
                  <a:pt x="716" y="131"/>
                  <a:pt x="717" y="131"/>
                  <a:pt x="716" y="129"/>
                </a:cubicBezTo>
                <a:cubicBezTo>
                  <a:pt x="716" y="129"/>
                  <a:pt x="717" y="130"/>
                  <a:pt x="717" y="130"/>
                </a:cubicBezTo>
                <a:cubicBezTo>
                  <a:pt x="722" y="135"/>
                  <a:pt x="722" y="134"/>
                  <a:pt x="723" y="137"/>
                </a:cubicBezTo>
                <a:cubicBezTo>
                  <a:pt x="724" y="138"/>
                  <a:pt x="723" y="136"/>
                  <a:pt x="724" y="136"/>
                </a:cubicBezTo>
                <a:cubicBezTo>
                  <a:pt x="727" y="139"/>
                  <a:pt x="727" y="140"/>
                  <a:pt x="728" y="141"/>
                </a:cubicBezTo>
                <a:cubicBezTo>
                  <a:pt x="729" y="142"/>
                  <a:pt x="732" y="144"/>
                  <a:pt x="732" y="145"/>
                </a:cubicBezTo>
                <a:cubicBezTo>
                  <a:pt x="732" y="146"/>
                  <a:pt x="735" y="148"/>
                  <a:pt x="734" y="148"/>
                </a:cubicBezTo>
                <a:cubicBezTo>
                  <a:pt x="736" y="149"/>
                  <a:pt x="736" y="149"/>
                  <a:pt x="737" y="150"/>
                </a:cubicBezTo>
                <a:cubicBezTo>
                  <a:pt x="738" y="150"/>
                  <a:pt x="735" y="148"/>
                  <a:pt x="734" y="147"/>
                </a:cubicBezTo>
                <a:cubicBezTo>
                  <a:pt x="736" y="147"/>
                  <a:pt x="734" y="144"/>
                  <a:pt x="736" y="144"/>
                </a:cubicBezTo>
                <a:cubicBezTo>
                  <a:pt x="739" y="150"/>
                  <a:pt x="741" y="155"/>
                  <a:pt x="745" y="161"/>
                </a:cubicBezTo>
                <a:cubicBezTo>
                  <a:pt x="747" y="163"/>
                  <a:pt x="742" y="157"/>
                  <a:pt x="747" y="162"/>
                </a:cubicBezTo>
                <a:cubicBezTo>
                  <a:pt x="747" y="161"/>
                  <a:pt x="745" y="159"/>
                  <a:pt x="746" y="160"/>
                </a:cubicBezTo>
                <a:cubicBezTo>
                  <a:pt x="744" y="157"/>
                  <a:pt x="744" y="158"/>
                  <a:pt x="743" y="156"/>
                </a:cubicBezTo>
                <a:cubicBezTo>
                  <a:pt x="743" y="156"/>
                  <a:pt x="745" y="158"/>
                  <a:pt x="746" y="159"/>
                </a:cubicBezTo>
                <a:cubicBezTo>
                  <a:pt x="746" y="159"/>
                  <a:pt x="745" y="156"/>
                  <a:pt x="747" y="158"/>
                </a:cubicBezTo>
                <a:cubicBezTo>
                  <a:pt x="746" y="156"/>
                  <a:pt x="744" y="153"/>
                  <a:pt x="745" y="154"/>
                </a:cubicBezTo>
                <a:cubicBezTo>
                  <a:pt x="747" y="156"/>
                  <a:pt x="748" y="158"/>
                  <a:pt x="749" y="159"/>
                </a:cubicBezTo>
                <a:cubicBezTo>
                  <a:pt x="749" y="160"/>
                  <a:pt x="752" y="165"/>
                  <a:pt x="750" y="164"/>
                </a:cubicBezTo>
                <a:cubicBezTo>
                  <a:pt x="752" y="166"/>
                  <a:pt x="751" y="167"/>
                  <a:pt x="751" y="167"/>
                </a:cubicBezTo>
                <a:cubicBezTo>
                  <a:pt x="753" y="170"/>
                  <a:pt x="756" y="173"/>
                  <a:pt x="757" y="174"/>
                </a:cubicBezTo>
                <a:cubicBezTo>
                  <a:pt x="757" y="173"/>
                  <a:pt x="755" y="172"/>
                  <a:pt x="754" y="170"/>
                </a:cubicBezTo>
                <a:cubicBezTo>
                  <a:pt x="754" y="168"/>
                  <a:pt x="759" y="172"/>
                  <a:pt x="756" y="168"/>
                </a:cubicBezTo>
                <a:cubicBezTo>
                  <a:pt x="757" y="169"/>
                  <a:pt x="757" y="170"/>
                  <a:pt x="759" y="173"/>
                </a:cubicBezTo>
                <a:cubicBezTo>
                  <a:pt x="759" y="174"/>
                  <a:pt x="757" y="173"/>
                  <a:pt x="760" y="177"/>
                </a:cubicBezTo>
                <a:cubicBezTo>
                  <a:pt x="759" y="176"/>
                  <a:pt x="759" y="175"/>
                  <a:pt x="758" y="175"/>
                </a:cubicBezTo>
                <a:cubicBezTo>
                  <a:pt x="760" y="177"/>
                  <a:pt x="760" y="179"/>
                  <a:pt x="762" y="181"/>
                </a:cubicBezTo>
                <a:cubicBezTo>
                  <a:pt x="762" y="182"/>
                  <a:pt x="762" y="181"/>
                  <a:pt x="764" y="182"/>
                </a:cubicBezTo>
                <a:cubicBezTo>
                  <a:pt x="765" y="184"/>
                  <a:pt x="766" y="187"/>
                  <a:pt x="767" y="186"/>
                </a:cubicBezTo>
                <a:cubicBezTo>
                  <a:pt x="768" y="186"/>
                  <a:pt x="765" y="183"/>
                  <a:pt x="764" y="182"/>
                </a:cubicBezTo>
                <a:cubicBezTo>
                  <a:pt x="762" y="178"/>
                  <a:pt x="767" y="183"/>
                  <a:pt x="764" y="178"/>
                </a:cubicBezTo>
                <a:cubicBezTo>
                  <a:pt x="766" y="180"/>
                  <a:pt x="766" y="181"/>
                  <a:pt x="766" y="179"/>
                </a:cubicBezTo>
                <a:cubicBezTo>
                  <a:pt x="767" y="180"/>
                  <a:pt x="768" y="181"/>
                  <a:pt x="768" y="181"/>
                </a:cubicBezTo>
                <a:cubicBezTo>
                  <a:pt x="770" y="185"/>
                  <a:pt x="768" y="190"/>
                  <a:pt x="774" y="194"/>
                </a:cubicBezTo>
                <a:cubicBezTo>
                  <a:pt x="773" y="192"/>
                  <a:pt x="774" y="192"/>
                  <a:pt x="776" y="194"/>
                </a:cubicBezTo>
                <a:cubicBezTo>
                  <a:pt x="775" y="192"/>
                  <a:pt x="774" y="188"/>
                  <a:pt x="776" y="190"/>
                </a:cubicBezTo>
                <a:cubicBezTo>
                  <a:pt x="782" y="200"/>
                  <a:pt x="774" y="198"/>
                  <a:pt x="781" y="209"/>
                </a:cubicBezTo>
                <a:cubicBezTo>
                  <a:pt x="782" y="211"/>
                  <a:pt x="782" y="210"/>
                  <a:pt x="784" y="211"/>
                </a:cubicBezTo>
                <a:cubicBezTo>
                  <a:pt x="782" y="207"/>
                  <a:pt x="785" y="207"/>
                  <a:pt x="785" y="203"/>
                </a:cubicBezTo>
                <a:cubicBezTo>
                  <a:pt x="789" y="210"/>
                  <a:pt x="784" y="206"/>
                  <a:pt x="788" y="212"/>
                </a:cubicBezTo>
                <a:cubicBezTo>
                  <a:pt x="786" y="212"/>
                  <a:pt x="788" y="216"/>
                  <a:pt x="786" y="217"/>
                </a:cubicBezTo>
                <a:cubicBezTo>
                  <a:pt x="787" y="218"/>
                  <a:pt x="788" y="218"/>
                  <a:pt x="789" y="220"/>
                </a:cubicBezTo>
                <a:cubicBezTo>
                  <a:pt x="788" y="220"/>
                  <a:pt x="787" y="218"/>
                  <a:pt x="787" y="219"/>
                </a:cubicBezTo>
                <a:cubicBezTo>
                  <a:pt x="788" y="221"/>
                  <a:pt x="789" y="223"/>
                  <a:pt x="791" y="226"/>
                </a:cubicBezTo>
                <a:cubicBezTo>
                  <a:pt x="793" y="227"/>
                  <a:pt x="790" y="222"/>
                  <a:pt x="793" y="224"/>
                </a:cubicBezTo>
                <a:cubicBezTo>
                  <a:pt x="792" y="220"/>
                  <a:pt x="793" y="220"/>
                  <a:pt x="795" y="221"/>
                </a:cubicBezTo>
                <a:cubicBezTo>
                  <a:pt x="798" y="227"/>
                  <a:pt x="796" y="231"/>
                  <a:pt x="795" y="230"/>
                </a:cubicBezTo>
                <a:cubicBezTo>
                  <a:pt x="795" y="231"/>
                  <a:pt x="796" y="233"/>
                  <a:pt x="796" y="234"/>
                </a:cubicBezTo>
                <a:cubicBezTo>
                  <a:pt x="793" y="231"/>
                  <a:pt x="796" y="239"/>
                  <a:pt x="792" y="235"/>
                </a:cubicBezTo>
                <a:cubicBezTo>
                  <a:pt x="794" y="238"/>
                  <a:pt x="793" y="237"/>
                  <a:pt x="792" y="236"/>
                </a:cubicBezTo>
                <a:cubicBezTo>
                  <a:pt x="794" y="240"/>
                  <a:pt x="794" y="243"/>
                  <a:pt x="797" y="248"/>
                </a:cubicBezTo>
                <a:cubicBezTo>
                  <a:pt x="797" y="246"/>
                  <a:pt x="797" y="245"/>
                  <a:pt x="799" y="248"/>
                </a:cubicBezTo>
                <a:cubicBezTo>
                  <a:pt x="799" y="247"/>
                  <a:pt x="798" y="246"/>
                  <a:pt x="798" y="245"/>
                </a:cubicBezTo>
                <a:cubicBezTo>
                  <a:pt x="798" y="244"/>
                  <a:pt x="799" y="247"/>
                  <a:pt x="800" y="247"/>
                </a:cubicBezTo>
                <a:cubicBezTo>
                  <a:pt x="800" y="246"/>
                  <a:pt x="799" y="246"/>
                  <a:pt x="798" y="244"/>
                </a:cubicBezTo>
                <a:cubicBezTo>
                  <a:pt x="799" y="244"/>
                  <a:pt x="800" y="246"/>
                  <a:pt x="800" y="246"/>
                </a:cubicBezTo>
                <a:cubicBezTo>
                  <a:pt x="802" y="250"/>
                  <a:pt x="800" y="249"/>
                  <a:pt x="801" y="252"/>
                </a:cubicBezTo>
                <a:cubicBezTo>
                  <a:pt x="799" y="250"/>
                  <a:pt x="800" y="252"/>
                  <a:pt x="799" y="251"/>
                </a:cubicBezTo>
                <a:cubicBezTo>
                  <a:pt x="800" y="252"/>
                  <a:pt x="801" y="254"/>
                  <a:pt x="802" y="256"/>
                </a:cubicBezTo>
                <a:cubicBezTo>
                  <a:pt x="800" y="254"/>
                  <a:pt x="800" y="256"/>
                  <a:pt x="799" y="255"/>
                </a:cubicBezTo>
                <a:cubicBezTo>
                  <a:pt x="799" y="256"/>
                  <a:pt x="800" y="257"/>
                  <a:pt x="800" y="258"/>
                </a:cubicBezTo>
                <a:cubicBezTo>
                  <a:pt x="798" y="257"/>
                  <a:pt x="797" y="261"/>
                  <a:pt x="794" y="257"/>
                </a:cubicBezTo>
                <a:cubicBezTo>
                  <a:pt x="794" y="258"/>
                  <a:pt x="795" y="260"/>
                  <a:pt x="794" y="260"/>
                </a:cubicBezTo>
                <a:cubicBezTo>
                  <a:pt x="792" y="255"/>
                  <a:pt x="791" y="256"/>
                  <a:pt x="790" y="256"/>
                </a:cubicBezTo>
                <a:cubicBezTo>
                  <a:pt x="792" y="259"/>
                  <a:pt x="794" y="261"/>
                  <a:pt x="795" y="265"/>
                </a:cubicBezTo>
                <a:cubicBezTo>
                  <a:pt x="793" y="262"/>
                  <a:pt x="795" y="266"/>
                  <a:pt x="793" y="262"/>
                </a:cubicBezTo>
                <a:cubicBezTo>
                  <a:pt x="792" y="267"/>
                  <a:pt x="790" y="268"/>
                  <a:pt x="787" y="266"/>
                </a:cubicBezTo>
                <a:cubicBezTo>
                  <a:pt x="786" y="263"/>
                  <a:pt x="784" y="260"/>
                  <a:pt x="784" y="259"/>
                </a:cubicBezTo>
                <a:cubicBezTo>
                  <a:pt x="784" y="258"/>
                  <a:pt x="783" y="258"/>
                  <a:pt x="783" y="257"/>
                </a:cubicBezTo>
                <a:cubicBezTo>
                  <a:pt x="783" y="257"/>
                  <a:pt x="783" y="258"/>
                  <a:pt x="784" y="259"/>
                </a:cubicBezTo>
                <a:cubicBezTo>
                  <a:pt x="783" y="258"/>
                  <a:pt x="782" y="256"/>
                  <a:pt x="782" y="255"/>
                </a:cubicBezTo>
                <a:close/>
                <a:moveTo>
                  <a:pt x="340" y="50"/>
                </a:moveTo>
                <a:cubicBezTo>
                  <a:pt x="338" y="51"/>
                  <a:pt x="336" y="51"/>
                  <a:pt x="336" y="51"/>
                </a:cubicBezTo>
                <a:cubicBezTo>
                  <a:pt x="338" y="51"/>
                  <a:pt x="340" y="51"/>
                  <a:pt x="340" y="50"/>
                </a:cubicBezTo>
                <a:close/>
                <a:moveTo>
                  <a:pt x="236" y="74"/>
                </a:moveTo>
                <a:cubicBezTo>
                  <a:pt x="236" y="74"/>
                  <a:pt x="235" y="75"/>
                  <a:pt x="235" y="74"/>
                </a:cubicBezTo>
                <a:cubicBezTo>
                  <a:pt x="234" y="75"/>
                  <a:pt x="233" y="75"/>
                  <a:pt x="233" y="76"/>
                </a:cubicBezTo>
                <a:cubicBezTo>
                  <a:pt x="236" y="75"/>
                  <a:pt x="230" y="77"/>
                  <a:pt x="232" y="77"/>
                </a:cubicBezTo>
                <a:cubicBezTo>
                  <a:pt x="234" y="76"/>
                  <a:pt x="235" y="75"/>
                  <a:pt x="236" y="74"/>
                </a:cubicBezTo>
                <a:close/>
                <a:moveTo>
                  <a:pt x="231" y="76"/>
                </a:moveTo>
                <a:cubicBezTo>
                  <a:pt x="232" y="75"/>
                  <a:pt x="233" y="76"/>
                  <a:pt x="234" y="74"/>
                </a:cubicBezTo>
                <a:cubicBezTo>
                  <a:pt x="234" y="75"/>
                  <a:pt x="236" y="72"/>
                  <a:pt x="237" y="71"/>
                </a:cubicBezTo>
                <a:cubicBezTo>
                  <a:pt x="233" y="73"/>
                  <a:pt x="233" y="74"/>
                  <a:pt x="231" y="76"/>
                </a:cubicBezTo>
                <a:close/>
                <a:moveTo>
                  <a:pt x="162" y="116"/>
                </a:moveTo>
                <a:cubicBezTo>
                  <a:pt x="164" y="115"/>
                  <a:pt x="164" y="115"/>
                  <a:pt x="164" y="115"/>
                </a:cubicBezTo>
                <a:cubicBezTo>
                  <a:pt x="162" y="115"/>
                  <a:pt x="165" y="114"/>
                  <a:pt x="167" y="112"/>
                </a:cubicBezTo>
                <a:cubicBezTo>
                  <a:pt x="165" y="113"/>
                  <a:pt x="164" y="114"/>
                  <a:pt x="164" y="114"/>
                </a:cubicBezTo>
                <a:cubicBezTo>
                  <a:pt x="167" y="111"/>
                  <a:pt x="164" y="113"/>
                  <a:pt x="165" y="111"/>
                </a:cubicBezTo>
                <a:cubicBezTo>
                  <a:pt x="164" y="112"/>
                  <a:pt x="162" y="113"/>
                  <a:pt x="162" y="114"/>
                </a:cubicBezTo>
                <a:cubicBezTo>
                  <a:pt x="168" y="110"/>
                  <a:pt x="160" y="115"/>
                  <a:pt x="162" y="114"/>
                </a:cubicBezTo>
                <a:cubicBezTo>
                  <a:pt x="166" y="112"/>
                  <a:pt x="161" y="116"/>
                  <a:pt x="162" y="116"/>
                </a:cubicBezTo>
                <a:close/>
                <a:moveTo>
                  <a:pt x="132" y="113"/>
                </a:moveTo>
                <a:cubicBezTo>
                  <a:pt x="134" y="112"/>
                  <a:pt x="135" y="111"/>
                  <a:pt x="134" y="111"/>
                </a:cubicBezTo>
                <a:cubicBezTo>
                  <a:pt x="132" y="113"/>
                  <a:pt x="132" y="113"/>
                  <a:pt x="132" y="113"/>
                </a:cubicBezTo>
                <a:close/>
                <a:moveTo>
                  <a:pt x="788" y="254"/>
                </a:moveTo>
                <a:cubicBezTo>
                  <a:pt x="788" y="256"/>
                  <a:pt x="790" y="259"/>
                  <a:pt x="791" y="260"/>
                </a:cubicBezTo>
                <a:cubicBezTo>
                  <a:pt x="790" y="258"/>
                  <a:pt x="789" y="255"/>
                  <a:pt x="788" y="254"/>
                </a:cubicBezTo>
                <a:close/>
                <a:moveTo>
                  <a:pt x="792" y="242"/>
                </a:moveTo>
                <a:cubicBezTo>
                  <a:pt x="793" y="245"/>
                  <a:pt x="794" y="247"/>
                  <a:pt x="796" y="250"/>
                </a:cubicBezTo>
                <a:cubicBezTo>
                  <a:pt x="797" y="249"/>
                  <a:pt x="792" y="240"/>
                  <a:pt x="790" y="237"/>
                </a:cubicBezTo>
                <a:cubicBezTo>
                  <a:pt x="790" y="239"/>
                  <a:pt x="794" y="244"/>
                  <a:pt x="795" y="246"/>
                </a:cubicBezTo>
                <a:cubicBezTo>
                  <a:pt x="794" y="246"/>
                  <a:pt x="793" y="243"/>
                  <a:pt x="792" y="242"/>
                </a:cubicBezTo>
                <a:close/>
                <a:moveTo>
                  <a:pt x="787" y="245"/>
                </a:moveTo>
                <a:cubicBezTo>
                  <a:pt x="787" y="245"/>
                  <a:pt x="787" y="247"/>
                  <a:pt x="786" y="246"/>
                </a:cubicBezTo>
                <a:cubicBezTo>
                  <a:pt x="788" y="248"/>
                  <a:pt x="789" y="252"/>
                  <a:pt x="790" y="253"/>
                </a:cubicBezTo>
                <a:cubicBezTo>
                  <a:pt x="789" y="250"/>
                  <a:pt x="788" y="247"/>
                  <a:pt x="787" y="245"/>
                </a:cubicBezTo>
                <a:close/>
                <a:moveTo>
                  <a:pt x="779" y="256"/>
                </a:moveTo>
                <a:cubicBezTo>
                  <a:pt x="779" y="256"/>
                  <a:pt x="776" y="252"/>
                  <a:pt x="777" y="255"/>
                </a:cubicBezTo>
                <a:cubicBezTo>
                  <a:pt x="778" y="255"/>
                  <a:pt x="778" y="255"/>
                  <a:pt x="779" y="257"/>
                </a:cubicBezTo>
                <a:cubicBezTo>
                  <a:pt x="779" y="258"/>
                  <a:pt x="779" y="258"/>
                  <a:pt x="779" y="258"/>
                </a:cubicBezTo>
                <a:cubicBezTo>
                  <a:pt x="780" y="258"/>
                  <a:pt x="780" y="258"/>
                  <a:pt x="779" y="256"/>
                </a:cubicBezTo>
                <a:close/>
                <a:moveTo>
                  <a:pt x="785" y="244"/>
                </a:moveTo>
                <a:cubicBezTo>
                  <a:pt x="787" y="249"/>
                  <a:pt x="783" y="241"/>
                  <a:pt x="784" y="244"/>
                </a:cubicBezTo>
                <a:cubicBezTo>
                  <a:pt x="786" y="246"/>
                  <a:pt x="784" y="246"/>
                  <a:pt x="785" y="247"/>
                </a:cubicBezTo>
                <a:cubicBezTo>
                  <a:pt x="785" y="246"/>
                  <a:pt x="787" y="249"/>
                  <a:pt x="787" y="249"/>
                </a:cubicBezTo>
                <a:cubicBezTo>
                  <a:pt x="786" y="247"/>
                  <a:pt x="786" y="245"/>
                  <a:pt x="785" y="244"/>
                </a:cubicBezTo>
                <a:close/>
                <a:moveTo>
                  <a:pt x="789" y="230"/>
                </a:moveTo>
                <a:cubicBezTo>
                  <a:pt x="790" y="231"/>
                  <a:pt x="791" y="232"/>
                  <a:pt x="792" y="233"/>
                </a:cubicBezTo>
                <a:cubicBezTo>
                  <a:pt x="790" y="230"/>
                  <a:pt x="789" y="228"/>
                  <a:pt x="790" y="229"/>
                </a:cubicBezTo>
                <a:cubicBezTo>
                  <a:pt x="788" y="225"/>
                  <a:pt x="789" y="224"/>
                  <a:pt x="787" y="222"/>
                </a:cubicBezTo>
                <a:cubicBezTo>
                  <a:pt x="787" y="222"/>
                  <a:pt x="787" y="224"/>
                  <a:pt x="786" y="224"/>
                </a:cubicBezTo>
                <a:cubicBezTo>
                  <a:pt x="788" y="225"/>
                  <a:pt x="788" y="226"/>
                  <a:pt x="789" y="227"/>
                </a:cubicBezTo>
                <a:cubicBezTo>
                  <a:pt x="789" y="228"/>
                  <a:pt x="789" y="229"/>
                  <a:pt x="789" y="229"/>
                </a:cubicBezTo>
                <a:cubicBezTo>
                  <a:pt x="788" y="226"/>
                  <a:pt x="787" y="226"/>
                  <a:pt x="785" y="224"/>
                </a:cubicBezTo>
                <a:cubicBezTo>
                  <a:pt x="787" y="227"/>
                  <a:pt x="786" y="227"/>
                  <a:pt x="785" y="226"/>
                </a:cubicBezTo>
                <a:cubicBezTo>
                  <a:pt x="787" y="230"/>
                  <a:pt x="786" y="228"/>
                  <a:pt x="787" y="231"/>
                </a:cubicBezTo>
                <a:cubicBezTo>
                  <a:pt x="788" y="231"/>
                  <a:pt x="789" y="234"/>
                  <a:pt x="790" y="235"/>
                </a:cubicBezTo>
                <a:cubicBezTo>
                  <a:pt x="790" y="235"/>
                  <a:pt x="792" y="237"/>
                  <a:pt x="791" y="235"/>
                </a:cubicBezTo>
                <a:cubicBezTo>
                  <a:pt x="790" y="235"/>
                  <a:pt x="790" y="233"/>
                  <a:pt x="789" y="232"/>
                </a:cubicBezTo>
                <a:cubicBezTo>
                  <a:pt x="789" y="232"/>
                  <a:pt x="790" y="235"/>
                  <a:pt x="789" y="233"/>
                </a:cubicBezTo>
                <a:cubicBezTo>
                  <a:pt x="789" y="233"/>
                  <a:pt x="787" y="230"/>
                  <a:pt x="788" y="230"/>
                </a:cubicBezTo>
                <a:cubicBezTo>
                  <a:pt x="789" y="232"/>
                  <a:pt x="790" y="234"/>
                  <a:pt x="792" y="235"/>
                </a:cubicBezTo>
                <a:cubicBezTo>
                  <a:pt x="791" y="234"/>
                  <a:pt x="789" y="231"/>
                  <a:pt x="789" y="230"/>
                </a:cubicBezTo>
                <a:close/>
                <a:moveTo>
                  <a:pt x="788" y="235"/>
                </a:moveTo>
                <a:cubicBezTo>
                  <a:pt x="788" y="233"/>
                  <a:pt x="786" y="229"/>
                  <a:pt x="785" y="229"/>
                </a:cubicBezTo>
                <a:cubicBezTo>
                  <a:pt x="787" y="231"/>
                  <a:pt x="787" y="234"/>
                  <a:pt x="788" y="235"/>
                </a:cubicBezTo>
                <a:close/>
                <a:moveTo>
                  <a:pt x="756" y="236"/>
                </a:moveTo>
                <a:cubicBezTo>
                  <a:pt x="755" y="236"/>
                  <a:pt x="757" y="239"/>
                  <a:pt x="758" y="240"/>
                </a:cubicBezTo>
                <a:cubicBezTo>
                  <a:pt x="760" y="241"/>
                  <a:pt x="759" y="242"/>
                  <a:pt x="760" y="244"/>
                </a:cubicBezTo>
                <a:cubicBezTo>
                  <a:pt x="760" y="243"/>
                  <a:pt x="762" y="245"/>
                  <a:pt x="761" y="242"/>
                </a:cubicBezTo>
                <a:cubicBezTo>
                  <a:pt x="759" y="241"/>
                  <a:pt x="759" y="241"/>
                  <a:pt x="756" y="236"/>
                </a:cubicBezTo>
                <a:close/>
                <a:moveTo>
                  <a:pt x="780" y="220"/>
                </a:moveTo>
                <a:cubicBezTo>
                  <a:pt x="781" y="222"/>
                  <a:pt x="781" y="223"/>
                  <a:pt x="782" y="225"/>
                </a:cubicBezTo>
                <a:cubicBezTo>
                  <a:pt x="783" y="226"/>
                  <a:pt x="784" y="227"/>
                  <a:pt x="785" y="228"/>
                </a:cubicBezTo>
                <a:cubicBezTo>
                  <a:pt x="783" y="225"/>
                  <a:pt x="782" y="222"/>
                  <a:pt x="780" y="220"/>
                </a:cubicBezTo>
                <a:close/>
                <a:moveTo>
                  <a:pt x="787" y="219"/>
                </a:moveTo>
                <a:cubicBezTo>
                  <a:pt x="786" y="219"/>
                  <a:pt x="786" y="220"/>
                  <a:pt x="787" y="221"/>
                </a:cubicBezTo>
                <a:cubicBezTo>
                  <a:pt x="787" y="221"/>
                  <a:pt x="789" y="225"/>
                  <a:pt x="789" y="223"/>
                </a:cubicBezTo>
                <a:cubicBezTo>
                  <a:pt x="787" y="221"/>
                  <a:pt x="787" y="220"/>
                  <a:pt x="787" y="219"/>
                </a:cubicBezTo>
                <a:close/>
                <a:moveTo>
                  <a:pt x="781" y="226"/>
                </a:moveTo>
                <a:cubicBezTo>
                  <a:pt x="781" y="227"/>
                  <a:pt x="780" y="223"/>
                  <a:pt x="779" y="224"/>
                </a:cubicBezTo>
                <a:cubicBezTo>
                  <a:pt x="780" y="224"/>
                  <a:pt x="780" y="225"/>
                  <a:pt x="779" y="225"/>
                </a:cubicBezTo>
                <a:cubicBezTo>
                  <a:pt x="781" y="228"/>
                  <a:pt x="783" y="228"/>
                  <a:pt x="781" y="226"/>
                </a:cubicBezTo>
                <a:close/>
                <a:moveTo>
                  <a:pt x="760" y="233"/>
                </a:moveTo>
                <a:cubicBezTo>
                  <a:pt x="761" y="237"/>
                  <a:pt x="756" y="230"/>
                  <a:pt x="756" y="233"/>
                </a:cubicBezTo>
                <a:cubicBezTo>
                  <a:pt x="758" y="234"/>
                  <a:pt x="760" y="235"/>
                  <a:pt x="762" y="237"/>
                </a:cubicBezTo>
                <a:cubicBezTo>
                  <a:pt x="761" y="235"/>
                  <a:pt x="761" y="233"/>
                  <a:pt x="760" y="233"/>
                </a:cubicBezTo>
                <a:close/>
                <a:moveTo>
                  <a:pt x="754" y="232"/>
                </a:moveTo>
                <a:cubicBezTo>
                  <a:pt x="755" y="231"/>
                  <a:pt x="756" y="235"/>
                  <a:pt x="757" y="236"/>
                </a:cubicBezTo>
                <a:cubicBezTo>
                  <a:pt x="757" y="234"/>
                  <a:pt x="753" y="229"/>
                  <a:pt x="754" y="232"/>
                </a:cubicBezTo>
                <a:close/>
                <a:moveTo>
                  <a:pt x="747" y="236"/>
                </a:moveTo>
                <a:cubicBezTo>
                  <a:pt x="746" y="236"/>
                  <a:pt x="748" y="238"/>
                  <a:pt x="748" y="239"/>
                </a:cubicBezTo>
                <a:cubicBezTo>
                  <a:pt x="749" y="239"/>
                  <a:pt x="749" y="240"/>
                  <a:pt x="749" y="239"/>
                </a:cubicBezTo>
                <a:cubicBezTo>
                  <a:pt x="748" y="239"/>
                  <a:pt x="748" y="237"/>
                  <a:pt x="747" y="236"/>
                </a:cubicBezTo>
                <a:close/>
                <a:moveTo>
                  <a:pt x="753" y="170"/>
                </a:moveTo>
                <a:cubicBezTo>
                  <a:pt x="752" y="170"/>
                  <a:pt x="752" y="170"/>
                  <a:pt x="753" y="172"/>
                </a:cubicBezTo>
                <a:cubicBezTo>
                  <a:pt x="754" y="172"/>
                  <a:pt x="755" y="172"/>
                  <a:pt x="756" y="173"/>
                </a:cubicBezTo>
                <a:cubicBezTo>
                  <a:pt x="754" y="172"/>
                  <a:pt x="753" y="171"/>
                  <a:pt x="753" y="170"/>
                </a:cubicBezTo>
                <a:close/>
                <a:moveTo>
                  <a:pt x="747" y="163"/>
                </a:moveTo>
                <a:cubicBezTo>
                  <a:pt x="746" y="162"/>
                  <a:pt x="745" y="163"/>
                  <a:pt x="746" y="165"/>
                </a:cubicBezTo>
                <a:cubicBezTo>
                  <a:pt x="746" y="164"/>
                  <a:pt x="749" y="168"/>
                  <a:pt x="749" y="167"/>
                </a:cubicBezTo>
                <a:cubicBezTo>
                  <a:pt x="746" y="163"/>
                  <a:pt x="748" y="165"/>
                  <a:pt x="747" y="163"/>
                </a:cubicBezTo>
                <a:close/>
                <a:moveTo>
                  <a:pt x="726" y="156"/>
                </a:moveTo>
                <a:cubicBezTo>
                  <a:pt x="725" y="156"/>
                  <a:pt x="728" y="159"/>
                  <a:pt x="729" y="160"/>
                </a:cubicBezTo>
                <a:cubicBezTo>
                  <a:pt x="730" y="160"/>
                  <a:pt x="728" y="158"/>
                  <a:pt x="726" y="156"/>
                </a:cubicBezTo>
                <a:close/>
                <a:moveTo>
                  <a:pt x="723" y="152"/>
                </a:moveTo>
                <a:cubicBezTo>
                  <a:pt x="722" y="152"/>
                  <a:pt x="721" y="151"/>
                  <a:pt x="721" y="150"/>
                </a:cubicBezTo>
                <a:cubicBezTo>
                  <a:pt x="720" y="150"/>
                  <a:pt x="720" y="151"/>
                  <a:pt x="721" y="152"/>
                </a:cubicBezTo>
                <a:cubicBezTo>
                  <a:pt x="722" y="151"/>
                  <a:pt x="725" y="155"/>
                  <a:pt x="724" y="153"/>
                </a:cubicBezTo>
                <a:cubicBezTo>
                  <a:pt x="723" y="153"/>
                  <a:pt x="723" y="153"/>
                  <a:pt x="723" y="152"/>
                </a:cubicBezTo>
                <a:close/>
                <a:moveTo>
                  <a:pt x="726" y="146"/>
                </a:moveTo>
                <a:cubicBezTo>
                  <a:pt x="727" y="147"/>
                  <a:pt x="726" y="147"/>
                  <a:pt x="728" y="149"/>
                </a:cubicBezTo>
                <a:cubicBezTo>
                  <a:pt x="729" y="150"/>
                  <a:pt x="727" y="147"/>
                  <a:pt x="726" y="146"/>
                </a:cubicBezTo>
                <a:close/>
                <a:moveTo>
                  <a:pt x="717" y="154"/>
                </a:moveTo>
                <a:cubicBezTo>
                  <a:pt x="718" y="156"/>
                  <a:pt x="715" y="152"/>
                  <a:pt x="714" y="152"/>
                </a:cubicBezTo>
                <a:cubicBezTo>
                  <a:pt x="714" y="153"/>
                  <a:pt x="716" y="154"/>
                  <a:pt x="717" y="156"/>
                </a:cubicBezTo>
                <a:cubicBezTo>
                  <a:pt x="718" y="156"/>
                  <a:pt x="718" y="155"/>
                  <a:pt x="717" y="154"/>
                </a:cubicBezTo>
                <a:close/>
                <a:moveTo>
                  <a:pt x="723" y="138"/>
                </a:moveTo>
                <a:cubicBezTo>
                  <a:pt x="726" y="140"/>
                  <a:pt x="727" y="142"/>
                  <a:pt x="728" y="143"/>
                </a:cubicBezTo>
                <a:cubicBezTo>
                  <a:pt x="727" y="141"/>
                  <a:pt x="725" y="139"/>
                  <a:pt x="723" y="138"/>
                </a:cubicBezTo>
                <a:close/>
                <a:moveTo>
                  <a:pt x="723" y="139"/>
                </a:moveTo>
                <a:cubicBezTo>
                  <a:pt x="723" y="138"/>
                  <a:pt x="722" y="137"/>
                  <a:pt x="721" y="137"/>
                </a:cubicBezTo>
                <a:cubicBezTo>
                  <a:pt x="720" y="136"/>
                  <a:pt x="720" y="136"/>
                  <a:pt x="720" y="137"/>
                </a:cubicBezTo>
                <a:cubicBezTo>
                  <a:pt x="721" y="139"/>
                  <a:pt x="722" y="140"/>
                  <a:pt x="723" y="141"/>
                </a:cubicBezTo>
                <a:cubicBezTo>
                  <a:pt x="722" y="139"/>
                  <a:pt x="720" y="138"/>
                  <a:pt x="721" y="137"/>
                </a:cubicBezTo>
                <a:cubicBezTo>
                  <a:pt x="723" y="139"/>
                  <a:pt x="724" y="140"/>
                  <a:pt x="725" y="140"/>
                </a:cubicBezTo>
                <a:cubicBezTo>
                  <a:pt x="724" y="139"/>
                  <a:pt x="724" y="139"/>
                  <a:pt x="723" y="139"/>
                </a:cubicBezTo>
                <a:close/>
                <a:moveTo>
                  <a:pt x="722" y="140"/>
                </a:moveTo>
                <a:cubicBezTo>
                  <a:pt x="719" y="137"/>
                  <a:pt x="719" y="137"/>
                  <a:pt x="719" y="137"/>
                </a:cubicBezTo>
                <a:cubicBezTo>
                  <a:pt x="718" y="137"/>
                  <a:pt x="720" y="140"/>
                  <a:pt x="721" y="141"/>
                </a:cubicBezTo>
                <a:cubicBezTo>
                  <a:pt x="722" y="141"/>
                  <a:pt x="722" y="141"/>
                  <a:pt x="722" y="140"/>
                </a:cubicBezTo>
                <a:close/>
                <a:moveTo>
                  <a:pt x="721" y="134"/>
                </a:moveTo>
                <a:cubicBezTo>
                  <a:pt x="720" y="134"/>
                  <a:pt x="719" y="134"/>
                  <a:pt x="719" y="134"/>
                </a:cubicBezTo>
                <a:cubicBezTo>
                  <a:pt x="723" y="138"/>
                  <a:pt x="724" y="137"/>
                  <a:pt x="721" y="134"/>
                </a:cubicBezTo>
                <a:close/>
                <a:moveTo>
                  <a:pt x="714" y="136"/>
                </a:moveTo>
                <a:cubicBezTo>
                  <a:pt x="715" y="135"/>
                  <a:pt x="715" y="135"/>
                  <a:pt x="714" y="134"/>
                </a:cubicBezTo>
                <a:cubicBezTo>
                  <a:pt x="713" y="133"/>
                  <a:pt x="712" y="134"/>
                  <a:pt x="714" y="136"/>
                </a:cubicBezTo>
                <a:close/>
                <a:moveTo>
                  <a:pt x="697" y="113"/>
                </a:moveTo>
                <a:cubicBezTo>
                  <a:pt x="698" y="114"/>
                  <a:pt x="698" y="113"/>
                  <a:pt x="697" y="113"/>
                </a:cubicBezTo>
                <a:cubicBezTo>
                  <a:pt x="696" y="113"/>
                  <a:pt x="694" y="110"/>
                  <a:pt x="693" y="110"/>
                </a:cubicBezTo>
                <a:cubicBezTo>
                  <a:pt x="695" y="112"/>
                  <a:pt x="698" y="116"/>
                  <a:pt x="700" y="117"/>
                </a:cubicBezTo>
                <a:cubicBezTo>
                  <a:pt x="699" y="116"/>
                  <a:pt x="696" y="113"/>
                  <a:pt x="697" y="113"/>
                </a:cubicBezTo>
                <a:close/>
                <a:moveTo>
                  <a:pt x="662" y="153"/>
                </a:moveTo>
                <a:cubicBezTo>
                  <a:pt x="663" y="154"/>
                  <a:pt x="665" y="156"/>
                  <a:pt x="666" y="156"/>
                </a:cubicBezTo>
                <a:cubicBezTo>
                  <a:pt x="665" y="155"/>
                  <a:pt x="663" y="152"/>
                  <a:pt x="662" y="153"/>
                </a:cubicBezTo>
                <a:close/>
                <a:moveTo>
                  <a:pt x="685" y="103"/>
                </a:moveTo>
                <a:cubicBezTo>
                  <a:pt x="687" y="104"/>
                  <a:pt x="686" y="104"/>
                  <a:pt x="687" y="105"/>
                </a:cubicBezTo>
                <a:cubicBezTo>
                  <a:pt x="688" y="106"/>
                  <a:pt x="689" y="106"/>
                  <a:pt x="689" y="106"/>
                </a:cubicBezTo>
                <a:cubicBezTo>
                  <a:pt x="688" y="105"/>
                  <a:pt x="687" y="103"/>
                  <a:pt x="685" y="103"/>
                </a:cubicBezTo>
                <a:close/>
                <a:moveTo>
                  <a:pt x="599" y="49"/>
                </a:moveTo>
                <a:cubicBezTo>
                  <a:pt x="600" y="50"/>
                  <a:pt x="603" y="51"/>
                  <a:pt x="603" y="50"/>
                </a:cubicBezTo>
                <a:cubicBezTo>
                  <a:pt x="600" y="49"/>
                  <a:pt x="601" y="50"/>
                  <a:pt x="599" y="49"/>
                </a:cubicBezTo>
                <a:close/>
                <a:moveTo>
                  <a:pt x="579" y="43"/>
                </a:moveTo>
                <a:cubicBezTo>
                  <a:pt x="579" y="42"/>
                  <a:pt x="584" y="44"/>
                  <a:pt x="581" y="43"/>
                </a:cubicBezTo>
                <a:cubicBezTo>
                  <a:pt x="581" y="43"/>
                  <a:pt x="576" y="41"/>
                  <a:pt x="579" y="43"/>
                </a:cubicBezTo>
                <a:close/>
                <a:moveTo>
                  <a:pt x="568" y="37"/>
                </a:moveTo>
                <a:cubicBezTo>
                  <a:pt x="568" y="36"/>
                  <a:pt x="570" y="37"/>
                  <a:pt x="571" y="38"/>
                </a:cubicBezTo>
                <a:cubicBezTo>
                  <a:pt x="573" y="38"/>
                  <a:pt x="568" y="36"/>
                  <a:pt x="567" y="36"/>
                </a:cubicBezTo>
                <a:cubicBezTo>
                  <a:pt x="570" y="37"/>
                  <a:pt x="565" y="36"/>
                  <a:pt x="568" y="37"/>
                </a:cubicBezTo>
                <a:close/>
                <a:moveTo>
                  <a:pt x="562" y="33"/>
                </a:moveTo>
                <a:cubicBezTo>
                  <a:pt x="563" y="34"/>
                  <a:pt x="563" y="33"/>
                  <a:pt x="565" y="33"/>
                </a:cubicBezTo>
                <a:cubicBezTo>
                  <a:pt x="567" y="35"/>
                  <a:pt x="567" y="35"/>
                  <a:pt x="567" y="35"/>
                </a:cubicBezTo>
                <a:cubicBezTo>
                  <a:pt x="570" y="35"/>
                  <a:pt x="558" y="30"/>
                  <a:pt x="562" y="33"/>
                </a:cubicBezTo>
                <a:close/>
                <a:moveTo>
                  <a:pt x="533" y="22"/>
                </a:moveTo>
                <a:cubicBezTo>
                  <a:pt x="531" y="22"/>
                  <a:pt x="527" y="19"/>
                  <a:pt x="523" y="19"/>
                </a:cubicBezTo>
                <a:cubicBezTo>
                  <a:pt x="524" y="20"/>
                  <a:pt x="519" y="18"/>
                  <a:pt x="519" y="19"/>
                </a:cubicBezTo>
                <a:cubicBezTo>
                  <a:pt x="522" y="20"/>
                  <a:pt x="520" y="20"/>
                  <a:pt x="524" y="21"/>
                </a:cubicBezTo>
                <a:cubicBezTo>
                  <a:pt x="522" y="19"/>
                  <a:pt x="526" y="20"/>
                  <a:pt x="528" y="20"/>
                </a:cubicBezTo>
                <a:cubicBezTo>
                  <a:pt x="529" y="21"/>
                  <a:pt x="532" y="22"/>
                  <a:pt x="535" y="23"/>
                </a:cubicBezTo>
                <a:cubicBezTo>
                  <a:pt x="534" y="23"/>
                  <a:pt x="535" y="22"/>
                  <a:pt x="533" y="22"/>
                </a:cubicBezTo>
                <a:close/>
                <a:moveTo>
                  <a:pt x="513" y="21"/>
                </a:moveTo>
                <a:cubicBezTo>
                  <a:pt x="515" y="21"/>
                  <a:pt x="520" y="24"/>
                  <a:pt x="520" y="23"/>
                </a:cubicBezTo>
                <a:cubicBezTo>
                  <a:pt x="516" y="22"/>
                  <a:pt x="514" y="21"/>
                  <a:pt x="513" y="21"/>
                </a:cubicBezTo>
                <a:close/>
                <a:moveTo>
                  <a:pt x="499" y="13"/>
                </a:moveTo>
                <a:cubicBezTo>
                  <a:pt x="501" y="14"/>
                  <a:pt x="499" y="14"/>
                  <a:pt x="502" y="15"/>
                </a:cubicBezTo>
                <a:cubicBezTo>
                  <a:pt x="501" y="14"/>
                  <a:pt x="504" y="14"/>
                  <a:pt x="502" y="14"/>
                </a:cubicBezTo>
                <a:cubicBezTo>
                  <a:pt x="502" y="14"/>
                  <a:pt x="499" y="13"/>
                  <a:pt x="499" y="13"/>
                </a:cubicBezTo>
                <a:close/>
                <a:moveTo>
                  <a:pt x="497" y="13"/>
                </a:moveTo>
                <a:cubicBezTo>
                  <a:pt x="502" y="15"/>
                  <a:pt x="497" y="14"/>
                  <a:pt x="497" y="15"/>
                </a:cubicBezTo>
                <a:cubicBezTo>
                  <a:pt x="499" y="15"/>
                  <a:pt x="500" y="16"/>
                  <a:pt x="501" y="16"/>
                </a:cubicBezTo>
                <a:cubicBezTo>
                  <a:pt x="500" y="15"/>
                  <a:pt x="499" y="13"/>
                  <a:pt x="497" y="13"/>
                </a:cubicBezTo>
                <a:close/>
                <a:moveTo>
                  <a:pt x="494" y="15"/>
                </a:moveTo>
                <a:cubicBezTo>
                  <a:pt x="494" y="14"/>
                  <a:pt x="496" y="15"/>
                  <a:pt x="496" y="14"/>
                </a:cubicBezTo>
                <a:cubicBezTo>
                  <a:pt x="492" y="13"/>
                  <a:pt x="493" y="14"/>
                  <a:pt x="494" y="15"/>
                </a:cubicBezTo>
                <a:close/>
                <a:moveTo>
                  <a:pt x="441" y="7"/>
                </a:moveTo>
                <a:cubicBezTo>
                  <a:pt x="441" y="7"/>
                  <a:pt x="443" y="7"/>
                  <a:pt x="445" y="7"/>
                </a:cubicBezTo>
                <a:cubicBezTo>
                  <a:pt x="444" y="7"/>
                  <a:pt x="445" y="7"/>
                  <a:pt x="444" y="7"/>
                </a:cubicBezTo>
                <a:cubicBezTo>
                  <a:pt x="444" y="7"/>
                  <a:pt x="439" y="7"/>
                  <a:pt x="441" y="7"/>
                </a:cubicBezTo>
                <a:close/>
                <a:moveTo>
                  <a:pt x="436" y="6"/>
                </a:moveTo>
                <a:cubicBezTo>
                  <a:pt x="433" y="6"/>
                  <a:pt x="434" y="5"/>
                  <a:pt x="431" y="6"/>
                </a:cubicBezTo>
                <a:cubicBezTo>
                  <a:pt x="431" y="6"/>
                  <a:pt x="433" y="6"/>
                  <a:pt x="432" y="7"/>
                </a:cubicBezTo>
                <a:cubicBezTo>
                  <a:pt x="434" y="7"/>
                  <a:pt x="436" y="8"/>
                  <a:pt x="437" y="7"/>
                </a:cubicBezTo>
                <a:cubicBezTo>
                  <a:pt x="432" y="7"/>
                  <a:pt x="433" y="6"/>
                  <a:pt x="436" y="6"/>
                </a:cubicBezTo>
                <a:close/>
                <a:moveTo>
                  <a:pt x="424" y="8"/>
                </a:moveTo>
                <a:cubicBezTo>
                  <a:pt x="420" y="7"/>
                  <a:pt x="426" y="6"/>
                  <a:pt x="421" y="7"/>
                </a:cubicBezTo>
                <a:cubicBezTo>
                  <a:pt x="423" y="7"/>
                  <a:pt x="420" y="8"/>
                  <a:pt x="424" y="8"/>
                </a:cubicBezTo>
                <a:close/>
                <a:moveTo>
                  <a:pt x="415" y="4"/>
                </a:moveTo>
                <a:cubicBezTo>
                  <a:pt x="415" y="4"/>
                  <a:pt x="414" y="4"/>
                  <a:pt x="413" y="4"/>
                </a:cubicBezTo>
                <a:cubicBezTo>
                  <a:pt x="415" y="4"/>
                  <a:pt x="417" y="5"/>
                  <a:pt x="420" y="5"/>
                </a:cubicBezTo>
                <a:cubicBezTo>
                  <a:pt x="420" y="4"/>
                  <a:pt x="417" y="4"/>
                  <a:pt x="415" y="4"/>
                </a:cubicBezTo>
                <a:close/>
                <a:moveTo>
                  <a:pt x="417" y="5"/>
                </a:moveTo>
                <a:cubicBezTo>
                  <a:pt x="417" y="6"/>
                  <a:pt x="414" y="6"/>
                  <a:pt x="412" y="5"/>
                </a:cubicBezTo>
                <a:cubicBezTo>
                  <a:pt x="412" y="6"/>
                  <a:pt x="415" y="6"/>
                  <a:pt x="416" y="7"/>
                </a:cubicBezTo>
                <a:cubicBezTo>
                  <a:pt x="416" y="7"/>
                  <a:pt x="417" y="7"/>
                  <a:pt x="418" y="7"/>
                </a:cubicBezTo>
                <a:cubicBezTo>
                  <a:pt x="413" y="6"/>
                  <a:pt x="418" y="6"/>
                  <a:pt x="419" y="6"/>
                </a:cubicBezTo>
                <a:cubicBezTo>
                  <a:pt x="419" y="6"/>
                  <a:pt x="419" y="5"/>
                  <a:pt x="417" y="5"/>
                </a:cubicBezTo>
                <a:close/>
                <a:moveTo>
                  <a:pt x="412" y="4"/>
                </a:moveTo>
                <a:cubicBezTo>
                  <a:pt x="409" y="4"/>
                  <a:pt x="409" y="5"/>
                  <a:pt x="410" y="5"/>
                </a:cubicBezTo>
                <a:cubicBezTo>
                  <a:pt x="409" y="4"/>
                  <a:pt x="414" y="5"/>
                  <a:pt x="413" y="5"/>
                </a:cubicBezTo>
                <a:cubicBezTo>
                  <a:pt x="410" y="4"/>
                  <a:pt x="413" y="4"/>
                  <a:pt x="412" y="4"/>
                </a:cubicBezTo>
                <a:close/>
                <a:moveTo>
                  <a:pt x="409" y="5"/>
                </a:moveTo>
                <a:cubicBezTo>
                  <a:pt x="405" y="5"/>
                  <a:pt x="405" y="5"/>
                  <a:pt x="405" y="5"/>
                </a:cubicBezTo>
                <a:cubicBezTo>
                  <a:pt x="404" y="6"/>
                  <a:pt x="408" y="6"/>
                  <a:pt x="407" y="7"/>
                </a:cubicBezTo>
                <a:cubicBezTo>
                  <a:pt x="409" y="7"/>
                  <a:pt x="409" y="7"/>
                  <a:pt x="412" y="8"/>
                </a:cubicBezTo>
                <a:cubicBezTo>
                  <a:pt x="411" y="7"/>
                  <a:pt x="404" y="6"/>
                  <a:pt x="409" y="5"/>
                </a:cubicBezTo>
                <a:close/>
                <a:moveTo>
                  <a:pt x="391" y="7"/>
                </a:moveTo>
                <a:cubicBezTo>
                  <a:pt x="393" y="7"/>
                  <a:pt x="395" y="7"/>
                  <a:pt x="397" y="7"/>
                </a:cubicBezTo>
                <a:cubicBezTo>
                  <a:pt x="397" y="7"/>
                  <a:pt x="397" y="7"/>
                  <a:pt x="397" y="7"/>
                </a:cubicBezTo>
                <a:cubicBezTo>
                  <a:pt x="395" y="7"/>
                  <a:pt x="393" y="7"/>
                  <a:pt x="391" y="7"/>
                </a:cubicBezTo>
                <a:close/>
                <a:moveTo>
                  <a:pt x="376" y="46"/>
                </a:moveTo>
                <a:cubicBezTo>
                  <a:pt x="376" y="47"/>
                  <a:pt x="379" y="47"/>
                  <a:pt x="380" y="47"/>
                </a:cubicBezTo>
                <a:cubicBezTo>
                  <a:pt x="378" y="47"/>
                  <a:pt x="378" y="46"/>
                  <a:pt x="376" y="46"/>
                </a:cubicBezTo>
                <a:close/>
                <a:moveTo>
                  <a:pt x="354" y="47"/>
                </a:moveTo>
                <a:cubicBezTo>
                  <a:pt x="353" y="48"/>
                  <a:pt x="359" y="47"/>
                  <a:pt x="359" y="47"/>
                </a:cubicBezTo>
                <a:cubicBezTo>
                  <a:pt x="357" y="47"/>
                  <a:pt x="357" y="46"/>
                  <a:pt x="354" y="47"/>
                </a:cubicBezTo>
                <a:close/>
                <a:moveTo>
                  <a:pt x="323" y="15"/>
                </a:moveTo>
                <a:cubicBezTo>
                  <a:pt x="323" y="16"/>
                  <a:pt x="322" y="16"/>
                  <a:pt x="324" y="16"/>
                </a:cubicBezTo>
                <a:cubicBezTo>
                  <a:pt x="326" y="16"/>
                  <a:pt x="326" y="15"/>
                  <a:pt x="323" y="15"/>
                </a:cubicBezTo>
                <a:close/>
                <a:moveTo>
                  <a:pt x="325" y="47"/>
                </a:moveTo>
                <a:cubicBezTo>
                  <a:pt x="324" y="48"/>
                  <a:pt x="328" y="47"/>
                  <a:pt x="329" y="46"/>
                </a:cubicBezTo>
                <a:cubicBezTo>
                  <a:pt x="327" y="47"/>
                  <a:pt x="327" y="46"/>
                  <a:pt x="325" y="47"/>
                </a:cubicBezTo>
                <a:close/>
                <a:moveTo>
                  <a:pt x="321" y="51"/>
                </a:moveTo>
                <a:cubicBezTo>
                  <a:pt x="324" y="50"/>
                  <a:pt x="323" y="50"/>
                  <a:pt x="321" y="51"/>
                </a:cubicBezTo>
                <a:cubicBezTo>
                  <a:pt x="323" y="51"/>
                  <a:pt x="325" y="50"/>
                  <a:pt x="327" y="50"/>
                </a:cubicBezTo>
                <a:cubicBezTo>
                  <a:pt x="328" y="50"/>
                  <a:pt x="328" y="49"/>
                  <a:pt x="328" y="49"/>
                </a:cubicBezTo>
                <a:cubicBezTo>
                  <a:pt x="325" y="50"/>
                  <a:pt x="321" y="49"/>
                  <a:pt x="321" y="51"/>
                </a:cubicBezTo>
                <a:close/>
                <a:moveTo>
                  <a:pt x="316" y="18"/>
                </a:moveTo>
                <a:cubicBezTo>
                  <a:pt x="319" y="17"/>
                  <a:pt x="317" y="18"/>
                  <a:pt x="320" y="18"/>
                </a:cubicBezTo>
                <a:cubicBezTo>
                  <a:pt x="319" y="17"/>
                  <a:pt x="321" y="17"/>
                  <a:pt x="321" y="16"/>
                </a:cubicBezTo>
                <a:cubicBezTo>
                  <a:pt x="318" y="17"/>
                  <a:pt x="319" y="17"/>
                  <a:pt x="317" y="17"/>
                </a:cubicBezTo>
                <a:cubicBezTo>
                  <a:pt x="317" y="17"/>
                  <a:pt x="317" y="17"/>
                  <a:pt x="316" y="18"/>
                </a:cubicBezTo>
                <a:close/>
                <a:moveTo>
                  <a:pt x="311" y="35"/>
                </a:moveTo>
                <a:cubicBezTo>
                  <a:pt x="312" y="34"/>
                  <a:pt x="316" y="34"/>
                  <a:pt x="315" y="34"/>
                </a:cubicBezTo>
                <a:cubicBezTo>
                  <a:pt x="314" y="34"/>
                  <a:pt x="308" y="35"/>
                  <a:pt x="311" y="35"/>
                </a:cubicBezTo>
                <a:close/>
                <a:moveTo>
                  <a:pt x="314" y="49"/>
                </a:moveTo>
                <a:cubicBezTo>
                  <a:pt x="314" y="50"/>
                  <a:pt x="318" y="49"/>
                  <a:pt x="318" y="49"/>
                </a:cubicBezTo>
                <a:lnTo>
                  <a:pt x="314" y="49"/>
                </a:lnTo>
                <a:close/>
                <a:moveTo>
                  <a:pt x="308" y="47"/>
                </a:moveTo>
                <a:cubicBezTo>
                  <a:pt x="308" y="48"/>
                  <a:pt x="314" y="46"/>
                  <a:pt x="315" y="46"/>
                </a:cubicBezTo>
                <a:cubicBezTo>
                  <a:pt x="315" y="46"/>
                  <a:pt x="315" y="45"/>
                  <a:pt x="316" y="45"/>
                </a:cubicBezTo>
                <a:cubicBezTo>
                  <a:pt x="313" y="46"/>
                  <a:pt x="309" y="47"/>
                  <a:pt x="308" y="47"/>
                </a:cubicBezTo>
                <a:close/>
                <a:moveTo>
                  <a:pt x="302" y="21"/>
                </a:moveTo>
                <a:cubicBezTo>
                  <a:pt x="305" y="21"/>
                  <a:pt x="305" y="20"/>
                  <a:pt x="306" y="20"/>
                </a:cubicBezTo>
                <a:cubicBezTo>
                  <a:pt x="306" y="19"/>
                  <a:pt x="307" y="19"/>
                  <a:pt x="307" y="19"/>
                </a:cubicBezTo>
                <a:cubicBezTo>
                  <a:pt x="304" y="20"/>
                  <a:pt x="303" y="20"/>
                  <a:pt x="302" y="21"/>
                </a:cubicBezTo>
                <a:close/>
                <a:moveTo>
                  <a:pt x="314" y="52"/>
                </a:moveTo>
                <a:cubicBezTo>
                  <a:pt x="313" y="52"/>
                  <a:pt x="311" y="53"/>
                  <a:pt x="311" y="53"/>
                </a:cubicBezTo>
                <a:cubicBezTo>
                  <a:pt x="314" y="52"/>
                  <a:pt x="313" y="53"/>
                  <a:pt x="315" y="52"/>
                </a:cubicBezTo>
                <a:cubicBezTo>
                  <a:pt x="315" y="52"/>
                  <a:pt x="315" y="52"/>
                  <a:pt x="314" y="52"/>
                </a:cubicBezTo>
                <a:close/>
                <a:moveTo>
                  <a:pt x="309" y="42"/>
                </a:moveTo>
                <a:cubicBezTo>
                  <a:pt x="307" y="43"/>
                  <a:pt x="305" y="43"/>
                  <a:pt x="304" y="44"/>
                </a:cubicBezTo>
                <a:cubicBezTo>
                  <a:pt x="306" y="44"/>
                  <a:pt x="309" y="43"/>
                  <a:pt x="310" y="42"/>
                </a:cubicBezTo>
                <a:cubicBezTo>
                  <a:pt x="310" y="42"/>
                  <a:pt x="310" y="41"/>
                  <a:pt x="309" y="41"/>
                </a:cubicBezTo>
                <a:lnTo>
                  <a:pt x="309" y="42"/>
                </a:lnTo>
                <a:close/>
                <a:moveTo>
                  <a:pt x="306" y="49"/>
                </a:moveTo>
                <a:cubicBezTo>
                  <a:pt x="308" y="49"/>
                  <a:pt x="309" y="49"/>
                  <a:pt x="310" y="49"/>
                </a:cubicBezTo>
                <a:cubicBezTo>
                  <a:pt x="310" y="48"/>
                  <a:pt x="310" y="48"/>
                  <a:pt x="311" y="48"/>
                </a:cubicBezTo>
                <a:cubicBezTo>
                  <a:pt x="311" y="48"/>
                  <a:pt x="311" y="48"/>
                  <a:pt x="311" y="48"/>
                </a:cubicBezTo>
                <a:cubicBezTo>
                  <a:pt x="308" y="49"/>
                  <a:pt x="307" y="48"/>
                  <a:pt x="306" y="49"/>
                </a:cubicBezTo>
                <a:close/>
                <a:moveTo>
                  <a:pt x="306" y="51"/>
                </a:moveTo>
                <a:cubicBezTo>
                  <a:pt x="307" y="51"/>
                  <a:pt x="308" y="50"/>
                  <a:pt x="309" y="50"/>
                </a:cubicBezTo>
                <a:cubicBezTo>
                  <a:pt x="310" y="50"/>
                  <a:pt x="310" y="50"/>
                  <a:pt x="310" y="50"/>
                </a:cubicBezTo>
                <a:cubicBezTo>
                  <a:pt x="310" y="50"/>
                  <a:pt x="310" y="50"/>
                  <a:pt x="310" y="50"/>
                </a:cubicBezTo>
                <a:cubicBezTo>
                  <a:pt x="307" y="50"/>
                  <a:pt x="304" y="51"/>
                  <a:pt x="306" y="51"/>
                </a:cubicBezTo>
                <a:close/>
                <a:moveTo>
                  <a:pt x="307" y="53"/>
                </a:moveTo>
                <a:cubicBezTo>
                  <a:pt x="309" y="53"/>
                  <a:pt x="306" y="54"/>
                  <a:pt x="306" y="54"/>
                </a:cubicBezTo>
                <a:cubicBezTo>
                  <a:pt x="309" y="54"/>
                  <a:pt x="310" y="53"/>
                  <a:pt x="311" y="52"/>
                </a:cubicBezTo>
                <a:cubicBezTo>
                  <a:pt x="310" y="52"/>
                  <a:pt x="308" y="53"/>
                  <a:pt x="307" y="53"/>
                </a:cubicBezTo>
                <a:close/>
                <a:moveTo>
                  <a:pt x="308" y="54"/>
                </a:moveTo>
                <a:cubicBezTo>
                  <a:pt x="305" y="55"/>
                  <a:pt x="306" y="55"/>
                  <a:pt x="305" y="56"/>
                </a:cubicBezTo>
                <a:cubicBezTo>
                  <a:pt x="308" y="55"/>
                  <a:pt x="309" y="56"/>
                  <a:pt x="310" y="55"/>
                </a:cubicBezTo>
                <a:cubicBezTo>
                  <a:pt x="308" y="55"/>
                  <a:pt x="308" y="55"/>
                  <a:pt x="308" y="54"/>
                </a:cubicBezTo>
                <a:close/>
                <a:moveTo>
                  <a:pt x="302" y="38"/>
                </a:moveTo>
                <a:cubicBezTo>
                  <a:pt x="300" y="39"/>
                  <a:pt x="300" y="39"/>
                  <a:pt x="300" y="40"/>
                </a:cubicBezTo>
                <a:cubicBezTo>
                  <a:pt x="303" y="39"/>
                  <a:pt x="303" y="39"/>
                  <a:pt x="302" y="38"/>
                </a:cubicBezTo>
                <a:close/>
                <a:moveTo>
                  <a:pt x="301" y="46"/>
                </a:moveTo>
                <a:cubicBezTo>
                  <a:pt x="300" y="47"/>
                  <a:pt x="300" y="47"/>
                  <a:pt x="299" y="47"/>
                </a:cubicBezTo>
                <a:cubicBezTo>
                  <a:pt x="299" y="47"/>
                  <a:pt x="297" y="48"/>
                  <a:pt x="299" y="48"/>
                </a:cubicBezTo>
                <a:cubicBezTo>
                  <a:pt x="300" y="47"/>
                  <a:pt x="305" y="45"/>
                  <a:pt x="302" y="46"/>
                </a:cubicBezTo>
                <a:cubicBezTo>
                  <a:pt x="302" y="46"/>
                  <a:pt x="301" y="46"/>
                  <a:pt x="301" y="46"/>
                </a:cubicBezTo>
                <a:close/>
                <a:moveTo>
                  <a:pt x="300" y="51"/>
                </a:moveTo>
                <a:cubicBezTo>
                  <a:pt x="300" y="51"/>
                  <a:pt x="303" y="50"/>
                  <a:pt x="303" y="50"/>
                </a:cubicBezTo>
                <a:cubicBezTo>
                  <a:pt x="301" y="50"/>
                  <a:pt x="297" y="52"/>
                  <a:pt x="300" y="51"/>
                </a:cubicBezTo>
                <a:close/>
                <a:moveTo>
                  <a:pt x="296" y="41"/>
                </a:moveTo>
                <a:cubicBezTo>
                  <a:pt x="296" y="40"/>
                  <a:pt x="297" y="40"/>
                  <a:pt x="297" y="40"/>
                </a:cubicBezTo>
                <a:cubicBezTo>
                  <a:pt x="294" y="40"/>
                  <a:pt x="293" y="42"/>
                  <a:pt x="296" y="41"/>
                </a:cubicBezTo>
                <a:close/>
                <a:moveTo>
                  <a:pt x="295" y="49"/>
                </a:moveTo>
                <a:cubicBezTo>
                  <a:pt x="293" y="50"/>
                  <a:pt x="294" y="51"/>
                  <a:pt x="297" y="51"/>
                </a:cubicBezTo>
                <a:cubicBezTo>
                  <a:pt x="298" y="50"/>
                  <a:pt x="294" y="50"/>
                  <a:pt x="297" y="49"/>
                </a:cubicBezTo>
                <a:cubicBezTo>
                  <a:pt x="296" y="49"/>
                  <a:pt x="296" y="49"/>
                  <a:pt x="295" y="49"/>
                </a:cubicBezTo>
                <a:close/>
                <a:moveTo>
                  <a:pt x="296" y="54"/>
                </a:moveTo>
                <a:cubicBezTo>
                  <a:pt x="296" y="55"/>
                  <a:pt x="294" y="55"/>
                  <a:pt x="294" y="55"/>
                </a:cubicBezTo>
                <a:cubicBezTo>
                  <a:pt x="294" y="56"/>
                  <a:pt x="294" y="56"/>
                  <a:pt x="295" y="57"/>
                </a:cubicBezTo>
                <a:cubicBezTo>
                  <a:pt x="293" y="57"/>
                  <a:pt x="293" y="57"/>
                  <a:pt x="293" y="57"/>
                </a:cubicBezTo>
                <a:cubicBezTo>
                  <a:pt x="293" y="58"/>
                  <a:pt x="293" y="58"/>
                  <a:pt x="292" y="58"/>
                </a:cubicBezTo>
                <a:cubicBezTo>
                  <a:pt x="294" y="58"/>
                  <a:pt x="294" y="58"/>
                  <a:pt x="295" y="58"/>
                </a:cubicBezTo>
                <a:cubicBezTo>
                  <a:pt x="293" y="58"/>
                  <a:pt x="293" y="57"/>
                  <a:pt x="297" y="57"/>
                </a:cubicBezTo>
                <a:cubicBezTo>
                  <a:pt x="297" y="56"/>
                  <a:pt x="295" y="56"/>
                  <a:pt x="295" y="56"/>
                </a:cubicBezTo>
                <a:cubicBezTo>
                  <a:pt x="295" y="55"/>
                  <a:pt x="299" y="54"/>
                  <a:pt x="298" y="54"/>
                </a:cubicBezTo>
                <a:cubicBezTo>
                  <a:pt x="297" y="55"/>
                  <a:pt x="297" y="54"/>
                  <a:pt x="296" y="54"/>
                </a:cubicBezTo>
                <a:close/>
                <a:moveTo>
                  <a:pt x="286" y="51"/>
                </a:moveTo>
                <a:cubicBezTo>
                  <a:pt x="286" y="52"/>
                  <a:pt x="282" y="52"/>
                  <a:pt x="282" y="53"/>
                </a:cubicBezTo>
                <a:cubicBezTo>
                  <a:pt x="285" y="52"/>
                  <a:pt x="292" y="51"/>
                  <a:pt x="293" y="49"/>
                </a:cubicBezTo>
                <a:cubicBezTo>
                  <a:pt x="289" y="50"/>
                  <a:pt x="289" y="51"/>
                  <a:pt x="286" y="51"/>
                </a:cubicBezTo>
                <a:close/>
                <a:moveTo>
                  <a:pt x="287" y="58"/>
                </a:moveTo>
                <a:cubicBezTo>
                  <a:pt x="291" y="56"/>
                  <a:pt x="292" y="55"/>
                  <a:pt x="293" y="54"/>
                </a:cubicBezTo>
                <a:cubicBezTo>
                  <a:pt x="288" y="56"/>
                  <a:pt x="290" y="56"/>
                  <a:pt x="287" y="58"/>
                </a:cubicBezTo>
                <a:close/>
                <a:moveTo>
                  <a:pt x="286" y="51"/>
                </a:moveTo>
                <a:cubicBezTo>
                  <a:pt x="288" y="50"/>
                  <a:pt x="291" y="49"/>
                  <a:pt x="291" y="48"/>
                </a:cubicBezTo>
                <a:cubicBezTo>
                  <a:pt x="289" y="49"/>
                  <a:pt x="285" y="51"/>
                  <a:pt x="286" y="51"/>
                </a:cubicBezTo>
                <a:close/>
                <a:moveTo>
                  <a:pt x="288" y="60"/>
                </a:moveTo>
                <a:cubicBezTo>
                  <a:pt x="289" y="60"/>
                  <a:pt x="294" y="59"/>
                  <a:pt x="294" y="59"/>
                </a:cubicBezTo>
                <a:cubicBezTo>
                  <a:pt x="293" y="59"/>
                  <a:pt x="289" y="59"/>
                  <a:pt x="288" y="60"/>
                </a:cubicBezTo>
                <a:close/>
                <a:moveTo>
                  <a:pt x="283" y="27"/>
                </a:moveTo>
                <a:cubicBezTo>
                  <a:pt x="276" y="29"/>
                  <a:pt x="276" y="29"/>
                  <a:pt x="276" y="29"/>
                </a:cubicBezTo>
                <a:cubicBezTo>
                  <a:pt x="277" y="30"/>
                  <a:pt x="274" y="30"/>
                  <a:pt x="274" y="31"/>
                </a:cubicBezTo>
                <a:cubicBezTo>
                  <a:pt x="278" y="29"/>
                  <a:pt x="276" y="29"/>
                  <a:pt x="281" y="28"/>
                </a:cubicBezTo>
                <a:cubicBezTo>
                  <a:pt x="281" y="28"/>
                  <a:pt x="279" y="29"/>
                  <a:pt x="280" y="29"/>
                </a:cubicBezTo>
                <a:cubicBezTo>
                  <a:pt x="282" y="28"/>
                  <a:pt x="282" y="29"/>
                  <a:pt x="284" y="28"/>
                </a:cubicBezTo>
                <a:cubicBezTo>
                  <a:pt x="285" y="27"/>
                  <a:pt x="281" y="28"/>
                  <a:pt x="283" y="27"/>
                </a:cubicBezTo>
                <a:close/>
                <a:moveTo>
                  <a:pt x="291" y="52"/>
                </a:moveTo>
                <a:cubicBezTo>
                  <a:pt x="291" y="51"/>
                  <a:pt x="289" y="52"/>
                  <a:pt x="291" y="51"/>
                </a:cubicBezTo>
                <a:cubicBezTo>
                  <a:pt x="285" y="53"/>
                  <a:pt x="289" y="53"/>
                  <a:pt x="291" y="52"/>
                </a:cubicBezTo>
                <a:close/>
                <a:moveTo>
                  <a:pt x="282" y="46"/>
                </a:moveTo>
                <a:cubicBezTo>
                  <a:pt x="282" y="46"/>
                  <a:pt x="281" y="46"/>
                  <a:pt x="281" y="47"/>
                </a:cubicBezTo>
                <a:cubicBezTo>
                  <a:pt x="283" y="46"/>
                  <a:pt x="285" y="46"/>
                  <a:pt x="286" y="45"/>
                </a:cubicBezTo>
                <a:cubicBezTo>
                  <a:pt x="284" y="45"/>
                  <a:pt x="284" y="45"/>
                  <a:pt x="282" y="46"/>
                </a:cubicBezTo>
                <a:close/>
                <a:moveTo>
                  <a:pt x="275" y="46"/>
                </a:moveTo>
                <a:cubicBezTo>
                  <a:pt x="277" y="46"/>
                  <a:pt x="280" y="44"/>
                  <a:pt x="281" y="44"/>
                </a:cubicBezTo>
                <a:cubicBezTo>
                  <a:pt x="282" y="44"/>
                  <a:pt x="286" y="42"/>
                  <a:pt x="284" y="42"/>
                </a:cubicBezTo>
                <a:cubicBezTo>
                  <a:pt x="283" y="43"/>
                  <a:pt x="276" y="45"/>
                  <a:pt x="275" y="46"/>
                </a:cubicBezTo>
                <a:close/>
                <a:moveTo>
                  <a:pt x="284" y="57"/>
                </a:moveTo>
                <a:cubicBezTo>
                  <a:pt x="285" y="56"/>
                  <a:pt x="283" y="55"/>
                  <a:pt x="287" y="54"/>
                </a:cubicBezTo>
                <a:cubicBezTo>
                  <a:pt x="288" y="53"/>
                  <a:pt x="286" y="54"/>
                  <a:pt x="285" y="54"/>
                </a:cubicBezTo>
                <a:cubicBezTo>
                  <a:pt x="284" y="55"/>
                  <a:pt x="285" y="55"/>
                  <a:pt x="283" y="56"/>
                </a:cubicBezTo>
                <a:cubicBezTo>
                  <a:pt x="282" y="56"/>
                  <a:pt x="285" y="56"/>
                  <a:pt x="281" y="57"/>
                </a:cubicBezTo>
                <a:cubicBezTo>
                  <a:pt x="281" y="58"/>
                  <a:pt x="283" y="57"/>
                  <a:pt x="284" y="57"/>
                </a:cubicBezTo>
                <a:cubicBezTo>
                  <a:pt x="283" y="57"/>
                  <a:pt x="283" y="57"/>
                  <a:pt x="284" y="57"/>
                </a:cubicBezTo>
                <a:close/>
                <a:moveTo>
                  <a:pt x="279" y="43"/>
                </a:moveTo>
                <a:cubicBezTo>
                  <a:pt x="279" y="43"/>
                  <a:pt x="279" y="43"/>
                  <a:pt x="280" y="43"/>
                </a:cubicBezTo>
                <a:cubicBezTo>
                  <a:pt x="280" y="43"/>
                  <a:pt x="283" y="42"/>
                  <a:pt x="283" y="42"/>
                </a:cubicBezTo>
                <a:cubicBezTo>
                  <a:pt x="281" y="42"/>
                  <a:pt x="281" y="42"/>
                  <a:pt x="279" y="43"/>
                </a:cubicBezTo>
                <a:close/>
                <a:moveTo>
                  <a:pt x="273" y="49"/>
                </a:moveTo>
                <a:cubicBezTo>
                  <a:pt x="277" y="47"/>
                  <a:pt x="276" y="49"/>
                  <a:pt x="277" y="48"/>
                </a:cubicBezTo>
                <a:cubicBezTo>
                  <a:pt x="278" y="48"/>
                  <a:pt x="278" y="48"/>
                  <a:pt x="278" y="47"/>
                </a:cubicBezTo>
                <a:cubicBezTo>
                  <a:pt x="276" y="48"/>
                  <a:pt x="274" y="48"/>
                  <a:pt x="273" y="49"/>
                </a:cubicBezTo>
                <a:close/>
                <a:moveTo>
                  <a:pt x="274" y="62"/>
                </a:moveTo>
                <a:cubicBezTo>
                  <a:pt x="273" y="62"/>
                  <a:pt x="272" y="63"/>
                  <a:pt x="272" y="63"/>
                </a:cubicBezTo>
                <a:cubicBezTo>
                  <a:pt x="273" y="62"/>
                  <a:pt x="274" y="63"/>
                  <a:pt x="275" y="62"/>
                </a:cubicBezTo>
                <a:cubicBezTo>
                  <a:pt x="274" y="62"/>
                  <a:pt x="281" y="60"/>
                  <a:pt x="282" y="59"/>
                </a:cubicBezTo>
                <a:cubicBezTo>
                  <a:pt x="281" y="60"/>
                  <a:pt x="280" y="60"/>
                  <a:pt x="280" y="60"/>
                </a:cubicBezTo>
                <a:cubicBezTo>
                  <a:pt x="279" y="60"/>
                  <a:pt x="280" y="59"/>
                  <a:pt x="278" y="59"/>
                </a:cubicBezTo>
                <a:cubicBezTo>
                  <a:pt x="279" y="60"/>
                  <a:pt x="277" y="60"/>
                  <a:pt x="275" y="61"/>
                </a:cubicBezTo>
                <a:cubicBezTo>
                  <a:pt x="276" y="61"/>
                  <a:pt x="275" y="61"/>
                  <a:pt x="274" y="62"/>
                </a:cubicBezTo>
                <a:close/>
                <a:moveTo>
                  <a:pt x="270" y="48"/>
                </a:moveTo>
                <a:cubicBezTo>
                  <a:pt x="270" y="49"/>
                  <a:pt x="273" y="48"/>
                  <a:pt x="276" y="47"/>
                </a:cubicBezTo>
                <a:cubicBezTo>
                  <a:pt x="273" y="47"/>
                  <a:pt x="273" y="46"/>
                  <a:pt x="271" y="47"/>
                </a:cubicBezTo>
                <a:cubicBezTo>
                  <a:pt x="272" y="47"/>
                  <a:pt x="274" y="47"/>
                  <a:pt x="270" y="48"/>
                </a:cubicBezTo>
                <a:close/>
                <a:moveTo>
                  <a:pt x="276" y="60"/>
                </a:moveTo>
                <a:cubicBezTo>
                  <a:pt x="276" y="60"/>
                  <a:pt x="277" y="59"/>
                  <a:pt x="276" y="59"/>
                </a:cubicBezTo>
                <a:cubicBezTo>
                  <a:pt x="270" y="61"/>
                  <a:pt x="269" y="62"/>
                  <a:pt x="276" y="60"/>
                </a:cubicBezTo>
                <a:close/>
                <a:moveTo>
                  <a:pt x="264" y="34"/>
                </a:moveTo>
                <a:cubicBezTo>
                  <a:pt x="262" y="34"/>
                  <a:pt x="261" y="35"/>
                  <a:pt x="261" y="35"/>
                </a:cubicBezTo>
                <a:cubicBezTo>
                  <a:pt x="263" y="35"/>
                  <a:pt x="265" y="34"/>
                  <a:pt x="265" y="34"/>
                </a:cubicBezTo>
                <a:cubicBezTo>
                  <a:pt x="264" y="34"/>
                  <a:pt x="264" y="34"/>
                  <a:pt x="264" y="34"/>
                </a:cubicBezTo>
                <a:close/>
                <a:moveTo>
                  <a:pt x="248" y="40"/>
                </a:moveTo>
                <a:cubicBezTo>
                  <a:pt x="250" y="40"/>
                  <a:pt x="247" y="41"/>
                  <a:pt x="248" y="41"/>
                </a:cubicBezTo>
                <a:cubicBezTo>
                  <a:pt x="251" y="40"/>
                  <a:pt x="250" y="40"/>
                  <a:pt x="252" y="39"/>
                </a:cubicBezTo>
                <a:cubicBezTo>
                  <a:pt x="252" y="39"/>
                  <a:pt x="252" y="40"/>
                  <a:pt x="253" y="39"/>
                </a:cubicBezTo>
                <a:cubicBezTo>
                  <a:pt x="254" y="39"/>
                  <a:pt x="253" y="39"/>
                  <a:pt x="254" y="38"/>
                </a:cubicBezTo>
                <a:cubicBezTo>
                  <a:pt x="257" y="37"/>
                  <a:pt x="256" y="38"/>
                  <a:pt x="259" y="36"/>
                </a:cubicBezTo>
                <a:cubicBezTo>
                  <a:pt x="260" y="36"/>
                  <a:pt x="260" y="36"/>
                  <a:pt x="260" y="35"/>
                </a:cubicBezTo>
                <a:cubicBezTo>
                  <a:pt x="258" y="36"/>
                  <a:pt x="258" y="36"/>
                  <a:pt x="256" y="36"/>
                </a:cubicBezTo>
                <a:cubicBezTo>
                  <a:pt x="258" y="36"/>
                  <a:pt x="253" y="38"/>
                  <a:pt x="254" y="37"/>
                </a:cubicBezTo>
                <a:cubicBezTo>
                  <a:pt x="251" y="38"/>
                  <a:pt x="252" y="39"/>
                  <a:pt x="250" y="40"/>
                </a:cubicBezTo>
                <a:cubicBezTo>
                  <a:pt x="250" y="39"/>
                  <a:pt x="251" y="39"/>
                  <a:pt x="250" y="39"/>
                </a:cubicBezTo>
                <a:cubicBezTo>
                  <a:pt x="245" y="41"/>
                  <a:pt x="242" y="42"/>
                  <a:pt x="238" y="44"/>
                </a:cubicBezTo>
                <a:cubicBezTo>
                  <a:pt x="237" y="45"/>
                  <a:pt x="241" y="44"/>
                  <a:pt x="239" y="45"/>
                </a:cubicBezTo>
                <a:cubicBezTo>
                  <a:pt x="235" y="46"/>
                  <a:pt x="238" y="43"/>
                  <a:pt x="235" y="45"/>
                </a:cubicBezTo>
                <a:cubicBezTo>
                  <a:pt x="236" y="45"/>
                  <a:pt x="236" y="46"/>
                  <a:pt x="238" y="45"/>
                </a:cubicBezTo>
                <a:cubicBezTo>
                  <a:pt x="239" y="44"/>
                  <a:pt x="241" y="44"/>
                  <a:pt x="242" y="44"/>
                </a:cubicBezTo>
                <a:cubicBezTo>
                  <a:pt x="243" y="43"/>
                  <a:pt x="241" y="44"/>
                  <a:pt x="242" y="43"/>
                </a:cubicBezTo>
                <a:cubicBezTo>
                  <a:pt x="245" y="42"/>
                  <a:pt x="246" y="41"/>
                  <a:pt x="248" y="40"/>
                </a:cubicBezTo>
                <a:close/>
                <a:moveTo>
                  <a:pt x="253" y="56"/>
                </a:moveTo>
                <a:cubicBezTo>
                  <a:pt x="253" y="57"/>
                  <a:pt x="253" y="57"/>
                  <a:pt x="254" y="57"/>
                </a:cubicBezTo>
                <a:cubicBezTo>
                  <a:pt x="257" y="55"/>
                  <a:pt x="256" y="56"/>
                  <a:pt x="258" y="55"/>
                </a:cubicBezTo>
                <a:cubicBezTo>
                  <a:pt x="258" y="55"/>
                  <a:pt x="263" y="53"/>
                  <a:pt x="264" y="52"/>
                </a:cubicBezTo>
                <a:cubicBezTo>
                  <a:pt x="260" y="53"/>
                  <a:pt x="255" y="56"/>
                  <a:pt x="253" y="56"/>
                </a:cubicBezTo>
                <a:close/>
                <a:moveTo>
                  <a:pt x="264" y="64"/>
                </a:moveTo>
                <a:cubicBezTo>
                  <a:pt x="267" y="64"/>
                  <a:pt x="264" y="65"/>
                  <a:pt x="263" y="65"/>
                </a:cubicBezTo>
                <a:cubicBezTo>
                  <a:pt x="263" y="66"/>
                  <a:pt x="263" y="66"/>
                  <a:pt x="264" y="66"/>
                </a:cubicBezTo>
                <a:cubicBezTo>
                  <a:pt x="264" y="65"/>
                  <a:pt x="265" y="66"/>
                  <a:pt x="267" y="65"/>
                </a:cubicBezTo>
                <a:cubicBezTo>
                  <a:pt x="268" y="64"/>
                  <a:pt x="268" y="64"/>
                  <a:pt x="268" y="63"/>
                </a:cubicBezTo>
                <a:cubicBezTo>
                  <a:pt x="267" y="64"/>
                  <a:pt x="265" y="63"/>
                  <a:pt x="264" y="64"/>
                </a:cubicBezTo>
                <a:close/>
                <a:moveTo>
                  <a:pt x="261" y="65"/>
                </a:moveTo>
                <a:cubicBezTo>
                  <a:pt x="261" y="65"/>
                  <a:pt x="261" y="65"/>
                  <a:pt x="261" y="65"/>
                </a:cubicBezTo>
                <a:cubicBezTo>
                  <a:pt x="263" y="65"/>
                  <a:pt x="266" y="63"/>
                  <a:pt x="264" y="63"/>
                </a:cubicBezTo>
                <a:cubicBezTo>
                  <a:pt x="264" y="64"/>
                  <a:pt x="263" y="64"/>
                  <a:pt x="261" y="65"/>
                </a:cubicBezTo>
                <a:close/>
                <a:moveTo>
                  <a:pt x="253" y="68"/>
                </a:moveTo>
                <a:cubicBezTo>
                  <a:pt x="255" y="68"/>
                  <a:pt x="258" y="67"/>
                  <a:pt x="259" y="67"/>
                </a:cubicBezTo>
                <a:cubicBezTo>
                  <a:pt x="258" y="67"/>
                  <a:pt x="261" y="66"/>
                  <a:pt x="260" y="66"/>
                </a:cubicBezTo>
                <a:cubicBezTo>
                  <a:pt x="257" y="67"/>
                  <a:pt x="256" y="67"/>
                  <a:pt x="253" y="68"/>
                </a:cubicBezTo>
                <a:close/>
                <a:moveTo>
                  <a:pt x="256" y="64"/>
                </a:moveTo>
                <a:cubicBezTo>
                  <a:pt x="258" y="64"/>
                  <a:pt x="255" y="65"/>
                  <a:pt x="257" y="65"/>
                </a:cubicBezTo>
                <a:cubicBezTo>
                  <a:pt x="258" y="64"/>
                  <a:pt x="257" y="64"/>
                  <a:pt x="258" y="63"/>
                </a:cubicBezTo>
                <a:lnTo>
                  <a:pt x="256" y="64"/>
                </a:lnTo>
                <a:close/>
                <a:moveTo>
                  <a:pt x="249" y="75"/>
                </a:moveTo>
                <a:cubicBezTo>
                  <a:pt x="249" y="75"/>
                  <a:pt x="249" y="75"/>
                  <a:pt x="248" y="75"/>
                </a:cubicBezTo>
                <a:cubicBezTo>
                  <a:pt x="247" y="75"/>
                  <a:pt x="250" y="73"/>
                  <a:pt x="247" y="74"/>
                </a:cubicBezTo>
                <a:cubicBezTo>
                  <a:pt x="250" y="74"/>
                  <a:pt x="243" y="77"/>
                  <a:pt x="246" y="77"/>
                </a:cubicBezTo>
                <a:cubicBezTo>
                  <a:pt x="246" y="77"/>
                  <a:pt x="247" y="76"/>
                  <a:pt x="247" y="76"/>
                </a:cubicBezTo>
                <a:cubicBezTo>
                  <a:pt x="246" y="77"/>
                  <a:pt x="246" y="77"/>
                  <a:pt x="247" y="77"/>
                </a:cubicBezTo>
                <a:cubicBezTo>
                  <a:pt x="249" y="75"/>
                  <a:pt x="255" y="74"/>
                  <a:pt x="257" y="72"/>
                </a:cubicBezTo>
                <a:cubicBezTo>
                  <a:pt x="255" y="72"/>
                  <a:pt x="252" y="74"/>
                  <a:pt x="249" y="75"/>
                </a:cubicBezTo>
                <a:close/>
                <a:moveTo>
                  <a:pt x="248" y="62"/>
                </a:moveTo>
                <a:cubicBezTo>
                  <a:pt x="250" y="61"/>
                  <a:pt x="251" y="61"/>
                  <a:pt x="251" y="60"/>
                </a:cubicBezTo>
                <a:cubicBezTo>
                  <a:pt x="249" y="61"/>
                  <a:pt x="248" y="62"/>
                  <a:pt x="248" y="62"/>
                </a:cubicBezTo>
                <a:close/>
                <a:moveTo>
                  <a:pt x="246" y="67"/>
                </a:moveTo>
                <a:cubicBezTo>
                  <a:pt x="243" y="68"/>
                  <a:pt x="245" y="69"/>
                  <a:pt x="248" y="68"/>
                </a:cubicBezTo>
                <a:cubicBezTo>
                  <a:pt x="248" y="67"/>
                  <a:pt x="246" y="68"/>
                  <a:pt x="246" y="67"/>
                </a:cubicBezTo>
                <a:close/>
                <a:moveTo>
                  <a:pt x="244" y="65"/>
                </a:moveTo>
                <a:cubicBezTo>
                  <a:pt x="243" y="65"/>
                  <a:pt x="245" y="64"/>
                  <a:pt x="245" y="63"/>
                </a:cubicBezTo>
                <a:cubicBezTo>
                  <a:pt x="242" y="64"/>
                  <a:pt x="242" y="66"/>
                  <a:pt x="244" y="65"/>
                </a:cubicBezTo>
                <a:close/>
                <a:moveTo>
                  <a:pt x="241" y="72"/>
                </a:moveTo>
                <a:cubicBezTo>
                  <a:pt x="241" y="72"/>
                  <a:pt x="241" y="71"/>
                  <a:pt x="240" y="71"/>
                </a:cubicBezTo>
                <a:cubicBezTo>
                  <a:pt x="240" y="72"/>
                  <a:pt x="239" y="72"/>
                  <a:pt x="239" y="72"/>
                </a:cubicBezTo>
                <a:cubicBezTo>
                  <a:pt x="239" y="72"/>
                  <a:pt x="238" y="73"/>
                  <a:pt x="238" y="73"/>
                </a:cubicBezTo>
                <a:cubicBezTo>
                  <a:pt x="242" y="71"/>
                  <a:pt x="237" y="74"/>
                  <a:pt x="239" y="74"/>
                </a:cubicBezTo>
                <a:cubicBezTo>
                  <a:pt x="243" y="71"/>
                  <a:pt x="246" y="72"/>
                  <a:pt x="248" y="70"/>
                </a:cubicBezTo>
                <a:cubicBezTo>
                  <a:pt x="245" y="70"/>
                  <a:pt x="241" y="73"/>
                  <a:pt x="239" y="73"/>
                </a:cubicBezTo>
                <a:cubicBezTo>
                  <a:pt x="239" y="73"/>
                  <a:pt x="240" y="72"/>
                  <a:pt x="241" y="72"/>
                </a:cubicBezTo>
                <a:close/>
                <a:moveTo>
                  <a:pt x="239" y="71"/>
                </a:moveTo>
                <a:cubicBezTo>
                  <a:pt x="236" y="72"/>
                  <a:pt x="237" y="73"/>
                  <a:pt x="236" y="74"/>
                </a:cubicBezTo>
                <a:cubicBezTo>
                  <a:pt x="238" y="73"/>
                  <a:pt x="239" y="72"/>
                  <a:pt x="239" y="71"/>
                </a:cubicBezTo>
                <a:close/>
                <a:moveTo>
                  <a:pt x="226" y="49"/>
                </a:moveTo>
                <a:cubicBezTo>
                  <a:pt x="226" y="48"/>
                  <a:pt x="225" y="49"/>
                  <a:pt x="227" y="47"/>
                </a:cubicBezTo>
                <a:cubicBezTo>
                  <a:pt x="225" y="49"/>
                  <a:pt x="222" y="49"/>
                  <a:pt x="221" y="51"/>
                </a:cubicBezTo>
                <a:cubicBezTo>
                  <a:pt x="225" y="49"/>
                  <a:pt x="224" y="50"/>
                  <a:pt x="226" y="50"/>
                </a:cubicBezTo>
                <a:cubicBezTo>
                  <a:pt x="224" y="51"/>
                  <a:pt x="224" y="51"/>
                  <a:pt x="222" y="51"/>
                </a:cubicBezTo>
                <a:cubicBezTo>
                  <a:pt x="223" y="52"/>
                  <a:pt x="227" y="50"/>
                  <a:pt x="230" y="49"/>
                </a:cubicBezTo>
                <a:cubicBezTo>
                  <a:pt x="230" y="48"/>
                  <a:pt x="230" y="48"/>
                  <a:pt x="231" y="47"/>
                </a:cubicBezTo>
                <a:cubicBezTo>
                  <a:pt x="231" y="47"/>
                  <a:pt x="231" y="48"/>
                  <a:pt x="233" y="47"/>
                </a:cubicBezTo>
                <a:cubicBezTo>
                  <a:pt x="233" y="46"/>
                  <a:pt x="233" y="46"/>
                  <a:pt x="233" y="46"/>
                </a:cubicBezTo>
                <a:cubicBezTo>
                  <a:pt x="229" y="48"/>
                  <a:pt x="228" y="48"/>
                  <a:pt x="226" y="49"/>
                </a:cubicBezTo>
                <a:close/>
                <a:moveTo>
                  <a:pt x="235" y="57"/>
                </a:moveTo>
                <a:cubicBezTo>
                  <a:pt x="233" y="58"/>
                  <a:pt x="231" y="59"/>
                  <a:pt x="230" y="59"/>
                </a:cubicBezTo>
                <a:cubicBezTo>
                  <a:pt x="228" y="60"/>
                  <a:pt x="231" y="59"/>
                  <a:pt x="232" y="59"/>
                </a:cubicBezTo>
                <a:cubicBezTo>
                  <a:pt x="232" y="59"/>
                  <a:pt x="231" y="59"/>
                  <a:pt x="233" y="58"/>
                </a:cubicBezTo>
                <a:cubicBezTo>
                  <a:pt x="233" y="58"/>
                  <a:pt x="233" y="59"/>
                  <a:pt x="232" y="59"/>
                </a:cubicBezTo>
                <a:cubicBezTo>
                  <a:pt x="234" y="58"/>
                  <a:pt x="236" y="58"/>
                  <a:pt x="236" y="57"/>
                </a:cubicBezTo>
                <a:cubicBezTo>
                  <a:pt x="235" y="57"/>
                  <a:pt x="235" y="57"/>
                  <a:pt x="235" y="57"/>
                </a:cubicBezTo>
                <a:close/>
                <a:moveTo>
                  <a:pt x="235" y="64"/>
                </a:moveTo>
                <a:cubicBezTo>
                  <a:pt x="237" y="63"/>
                  <a:pt x="235" y="65"/>
                  <a:pt x="235" y="65"/>
                </a:cubicBezTo>
                <a:cubicBezTo>
                  <a:pt x="238" y="64"/>
                  <a:pt x="238" y="64"/>
                  <a:pt x="238" y="63"/>
                </a:cubicBezTo>
                <a:cubicBezTo>
                  <a:pt x="237" y="64"/>
                  <a:pt x="235" y="64"/>
                  <a:pt x="235" y="64"/>
                </a:cubicBezTo>
                <a:close/>
                <a:moveTo>
                  <a:pt x="230" y="61"/>
                </a:moveTo>
                <a:cubicBezTo>
                  <a:pt x="230" y="61"/>
                  <a:pt x="228" y="63"/>
                  <a:pt x="231" y="62"/>
                </a:cubicBezTo>
                <a:cubicBezTo>
                  <a:pt x="230" y="62"/>
                  <a:pt x="232" y="60"/>
                  <a:pt x="232" y="60"/>
                </a:cubicBezTo>
                <a:cubicBezTo>
                  <a:pt x="231" y="60"/>
                  <a:pt x="230" y="61"/>
                  <a:pt x="230" y="61"/>
                </a:cubicBezTo>
                <a:close/>
                <a:moveTo>
                  <a:pt x="227" y="61"/>
                </a:moveTo>
                <a:cubicBezTo>
                  <a:pt x="227" y="62"/>
                  <a:pt x="227" y="62"/>
                  <a:pt x="227" y="62"/>
                </a:cubicBezTo>
                <a:cubicBezTo>
                  <a:pt x="228" y="61"/>
                  <a:pt x="229" y="60"/>
                  <a:pt x="230" y="60"/>
                </a:cubicBezTo>
                <a:cubicBezTo>
                  <a:pt x="230" y="60"/>
                  <a:pt x="229" y="60"/>
                  <a:pt x="227" y="61"/>
                </a:cubicBezTo>
                <a:close/>
                <a:moveTo>
                  <a:pt x="225" y="71"/>
                </a:moveTo>
                <a:cubicBezTo>
                  <a:pt x="228" y="69"/>
                  <a:pt x="229" y="68"/>
                  <a:pt x="232" y="66"/>
                </a:cubicBezTo>
                <a:cubicBezTo>
                  <a:pt x="230" y="67"/>
                  <a:pt x="232" y="66"/>
                  <a:pt x="232" y="65"/>
                </a:cubicBezTo>
                <a:cubicBezTo>
                  <a:pt x="230" y="67"/>
                  <a:pt x="226" y="67"/>
                  <a:pt x="226" y="68"/>
                </a:cubicBezTo>
                <a:cubicBezTo>
                  <a:pt x="227" y="69"/>
                  <a:pt x="228" y="67"/>
                  <a:pt x="230" y="67"/>
                </a:cubicBezTo>
                <a:cubicBezTo>
                  <a:pt x="230" y="67"/>
                  <a:pt x="231" y="67"/>
                  <a:pt x="231" y="67"/>
                </a:cubicBezTo>
                <a:cubicBezTo>
                  <a:pt x="228" y="69"/>
                  <a:pt x="225" y="70"/>
                  <a:pt x="225" y="71"/>
                </a:cubicBezTo>
                <a:close/>
                <a:moveTo>
                  <a:pt x="228" y="73"/>
                </a:moveTo>
                <a:cubicBezTo>
                  <a:pt x="228" y="73"/>
                  <a:pt x="228" y="72"/>
                  <a:pt x="226" y="73"/>
                </a:cubicBezTo>
                <a:cubicBezTo>
                  <a:pt x="227" y="74"/>
                  <a:pt x="227" y="74"/>
                  <a:pt x="227" y="74"/>
                </a:cubicBezTo>
                <a:cubicBezTo>
                  <a:pt x="228" y="73"/>
                  <a:pt x="231" y="72"/>
                  <a:pt x="230" y="72"/>
                </a:cubicBezTo>
                <a:lnTo>
                  <a:pt x="228" y="73"/>
                </a:lnTo>
                <a:close/>
                <a:moveTo>
                  <a:pt x="221" y="77"/>
                </a:moveTo>
                <a:cubicBezTo>
                  <a:pt x="221" y="77"/>
                  <a:pt x="224" y="76"/>
                  <a:pt x="225" y="76"/>
                </a:cubicBezTo>
                <a:cubicBezTo>
                  <a:pt x="224" y="77"/>
                  <a:pt x="222" y="78"/>
                  <a:pt x="221" y="79"/>
                </a:cubicBezTo>
                <a:cubicBezTo>
                  <a:pt x="223" y="78"/>
                  <a:pt x="225" y="77"/>
                  <a:pt x="227" y="76"/>
                </a:cubicBezTo>
                <a:cubicBezTo>
                  <a:pt x="228" y="75"/>
                  <a:pt x="227" y="75"/>
                  <a:pt x="226" y="74"/>
                </a:cubicBezTo>
                <a:cubicBezTo>
                  <a:pt x="224" y="75"/>
                  <a:pt x="223" y="76"/>
                  <a:pt x="222" y="77"/>
                </a:cubicBezTo>
                <a:cubicBezTo>
                  <a:pt x="222" y="76"/>
                  <a:pt x="221" y="76"/>
                  <a:pt x="221" y="77"/>
                </a:cubicBezTo>
                <a:close/>
                <a:moveTo>
                  <a:pt x="224" y="73"/>
                </a:moveTo>
                <a:cubicBezTo>
                  <a:pt x="220" y="76"/>
                  <a:pt x="220" y="76"/>
                  <a:pt x="220" y="76"/>
                </a:cubicBezTo>
                <a:cubicBezTo>
                  <a:pt x="222" y="76"/>
                  <a:pt x="221" y="76"/>
                  <a:pt x="224" y="75"/>
                </a:cubicBezTo>
                <a:cubicBezTo>
                  <a:pt x="223" y="74"/>
                  <a:pt x="226" y="73"/>
                  <a:pt x="224" y="73"/>
                </a:cubicBezTo>
                <a:close/>
                <a:moveTo>
                  <a:pt x="206" y="64"/>
                </a:moveTo>
                <a:cubicBezTo>
                  <a:pt x="207" y="65"/>
                  <a:pt x="208" y="64"/>
                  <a:pt x="207" y="65"/>
                </a:cubicBezTo>
                <a:cubicBezTo>
                  <a:pt x="212" y="62"/>
                  <a:pt x="208" y="64"/>
                  <a:pt x="209" y="63"/>
                </a:cubicBezTo>
                <a:cubicBezTo>
                  <a:pt x="210" y="62"/>
                  <a:pt x="210" y="63"/>
                  <a:pt x="212" y="62"/>
                </a:cubicBezTo>
                <a:cubicBezTo>
                  <a:pt x="212" y="61"/>
                  <a:pt x="209" y="62"/>
                  <a:pt x="206" y="64"/>
                </a:cubicBezTo>
                <a:close/>
                <a:moveTo>
                  <a:pt x="197" y="73"/>
                </a:moveTo>
                <a:cubicBezTo>
                  <a:pt x="198" y="73"/>
                  <a:pt x="198" y="72"/>
                  <a:pt x="198" y="73"/>
                </a:cubicBezTo>
                <a:cubicBezTo>
                  <a:pt x="199" y="72"/>
                  <a:pt x="200" y="71"/>
                  <a:pt x="200" y="71"/>
                </a:cubicBezTo>
                <a:cubicBezTo>
                  <a:pt x="198" y="72"/>
                  <a:pt x="201" y="70"/>
                  <a:pt x="200" y="70"/>
                </a:cubicBezTo>
                <a:cubicBezTo>
                  <a:pt x="197" y="72"/>
                  <a:pt x="200" y="72"/>
                  <a:pt x="197" y="73"/>
                </a:cubicBezTo>
                <a:close/>
                <a:moveTo>
                  <a:pt x="196" y="70"/>
                </a:moveTo>
                <a:cubicBezTo>
                  <a:pt x="196" y="71"/>
                  <a:pt x="198" y="69"/>
                  <a:pt x="197" y="71"/>
                </a:cubicBezTo>
                <a:cubicBezTo>
                  <a:pt x="200" y="69"/>
                  <a:pt x="198" y="68"/>
                  <a:pt x="196" y="70"/>
                </a:cubicBezTo>
                <a:close/>
                <a:moveTo>
                  <a:pt x="191" y="75"/>
                </a:moveTo>
                <a:cubicBezTo>
                  <a:pt x="192" y="74"/>
                  <a:pt x="194" y="72"/>
                  <a:pt x="192" y="73"/>
                </a:cubicBezTo>
                <a:cubicBezTo>
                  <a:pt x="192" y="74"/>
                  <a:pt x="189" y="75"/>
                  <a:pt x="191" y="75"/>
                </a:cubicBezTo>
                <a:close/>
                <a:moveTo>
                  <a:pt x="187" y="76"/>
                </a:moveTo>
                <a:cubicBezTo>
                  <a:pt x="186" y="77"/>
                  <a:pt x="184" y="78"/>
                  <a:pt x="185" y="79"/>
                </a:cubicBezTo>
                <a:cubicBezTo>
                  <a:pt x="185" y="78"/>
                  <a:pt x="187" y="77"/>
                  <a:pt x="187" y="78"/>
                </a:cubicBezTo>
                <a:cubicBezTo>
                  <a:pt x="186" y="78"/>
                  <a:pt x="187" y="78"/>
                  <a:pt x="188" y="77"/>
                </a:cubicBezTo>
                <a:cubicBezTo>
                  <a:pt x="189" y="76"/>
                  <a:pt x="189" y="76"/>
                  <a:pt x="187" y="76"/>
                </a:cubicBezTo>
                <a:close/>
                <a:moveTo>
                  <a:pt x="186" y="75"/>
                </a:moveTo>
                <a:cubicBezTo>
                  <a:pt x="185" y="76"/>
                  <a:pt x="184" y="77"/>
                  <a:pt x="184" y="77"/>
                </a:cubicBezTo>
                <a:cubicBezTo>
                  <a:pt x="183" y="78"/>
                  <a:pt x="188" y="76"/>
                  <a:pt x="188" y="75"/>
                </a:cubicBezTo>
                <a:cubicBezTo>
                  <a:pt x="186" y="76"/>
                  <a:pt x="187" y="75"/>
                  <a:pt x="186" y="75"/>
                </a:cubicBezTo>
                <a:close/>
                <a:moveTo>
                  <a:pt x="186" y="95"/>
                </a:moveTo>
                <a:cubicBezTo>
                  <a:pt x="187" y="94"/>
                  <a:pt x="186" y="95"/>
                  <a:pt x="186" y="95"/>
                </a:cubicBezTo>
                <a:cubicBezTo>
                  <a:pt x="191" y="92"/>
                  <a:pt x="191" y="92"/>
                  <a:pt x="191" y="92"/>
                </a:cubicBezTo>
                <a:cubicBezTo>
                  <a:pt x="192" y="92"/>
                  <a:pt x="191" y="93"/>
                  <a:pt x="193" y="92"/>
                </a:cubicBezTo>
                <a:cubicBezTo>
                  <a:pt x="192" y="92"/>
                  <a:pt x="195" y="91"/>
                  <a:pt x="195" y="90"/>
                </a:cubicBezTo>
                <a:cubicBezTo>
                  <a:pt x="194" y="91"/>
                  <a:pt x="193" y="90"/>
                  <a:pt x="192" y="91"/>
                </a:cubicBezTo>
                <a:cubicBezTo>
                  <a:pt x="190" y="93"/>
                  <a:pt x="187" y="94"/>
                  <a:pt x="186" y="95"/>
                </a:cubicBezTo>
                <a:close/>
                <a:moveTo>
                  <a:pt x="178" y="81"/>
                </a:moveTo>
                <a:cubicBezTo>
                  <a:pt x="176" y="83"/>
                  <a:pt x="179" y="82"/>
                  <a:pt x="180" y="81"/>
                </a:cubicBezTo>
                <a:cubicBezTo>
                  <a:pt x="181" y="80"/>
                  <a:pt x="183" y="79"/>
                  <a:pt x="183" y="79"/>
                </a:cubicBezTo>
                <a:cubicBezTo>
                  <a:pt x="180" y="81"/>
                  <a:pt x="183" y="78"/>
                  <a:pt x="178" y="81"/>
                </a:cubicBezTo>
                <a:close/>
                <a:moveTo>
                  <a:pt x="182" y="80"/>
                </a:moveTo>
                <a:cubicBezTo>
                  <a:pt x="182" y="81"/>
                  <a:pt x="178" y="83"/>
                  <a:pt x="179" y="83"/>
                </a:cubicBezTo>
                <a:cubicBezTo>
                  <a:pt x="181" y="82"/>
                  <a:pt x="182" y="82"/>
                  <a:pt x="183" y="81"/>
                </a:cubicBezTo>
                <a:cubicBezTo>
                  <a:pt x="180" y="82"/>
                  <a:pt x="186" y="79"/>
                  <a:pt x="182" y="80"/>
                </a:cubicBezTo>
                <a:close/>
                <a:moveTo>
                  <a:pt x="182" y="82"/>
                </a:moveTo>
                <a:cubicBezTo>
                  <a:pt x="180" y="84"/>
                  <a:pt x="178" y="86"/>
                  <a:pt x="180" y="86"/>
                </a:cubicBezTo>
                <a:cubicBezTo>
                  <a:pt x="180" y="85"/>
                  <a:pt x="183" y="83"/>
                  <a:pt x="181" y="85"/>
                </a:cubicBezTo>
                <a:cubicBezTo>
                  <a:pt x="186" y="82"/>
                  <a:pt x="180" y="85"/>
                  <a:pt x="183" y="82"/>
                </a:cubicBezTo>
                <a:cubicBezTo>
                  <a:pt x="182" y="82"/>
                  <a:pt x="182" y="83"/>
                  <a:pt x="182" y="82"/>
                </a:cubicBezTo>
                <a:close/>
                <a:moveTo>
                  <a:pt x="165" y="91"/>
                </a:moveTo>
                <a:cubicBezTo>
                  <a:pt x="163" y="92"/>
                  <a:pt x="163" y="92"/>
                  <a:pt x="163" y="93"/>
                </a:cubicBezTo>
                <a:cubicBezTo>
                  <a:pt x="163" y="92"/>
                  <a:pt x="159" y="95"/>
                  <a:pt x="158" y="95"/>
                </a:cubicBezTo>
                <a:cubicBezTo>
                  <a:pt x="159" y="96"/>
                  <a:pt x="163" y="93"/>
                  <a:pt x="166" y="91"/>
                </a:cubicBezTo>
                <a:cubicBezTo>
                  <a:pt x="165" y="91"/>
                  <a:pt x="167" y="90"/>
                  <a:pt x="165" y="91"/>
                </a:cubicBezTo>
                <a:close/>
                <a:moveTo>
                  <a:pt x="167" y="91"/>
                </a:moveTo>
                <a:cubicBezTo>
                  <a:pt x="169" y="90"/>
                  <a:pt x="169" y="90"/>
                  <a:pt x="171" y="90"/>
                </a:cubicBezTo>
                <a:cubicBezTo>
                  <a:pt x="171" y="88"/>
                  <a:pt x="176" y="85"/>
                  <a:pt x="178" y="83"/>
                </a:cubicBezTo>
                <a:cubicBezTo>
                  <a:pt x="176" y="84"/>
                  <a:pt x="176" y="82"/>
                  <a:pt x="174" y="84"/>
                </a:cubicBezTo>
                <a:cubicBezTo>
                  <a:pt x="175" y="85"/>
                  <a:pt x="170" y="87"/>
                  <a:pt x="170" y="88"/>
                </a:cubicBezTo>
                <a:cubicBezTo>
                  <a:pt x="169" y="88"/>
                  <a:pt x="169" y="88"/>
                  <a:pt x="169" y="87"/>
                </a:cubicBezTo>
                <a:cubicBezTo>
                  <a:pt x="166" y="90"/>
                  <a:pt x="167" y="90"/>
                  <a:pt x="167" y="91"/>
                </a:cubicBezTo>
                <a:close/>
                <a:moveTo>
                  <a:pt x="173" y="93"/>
                </a:moveTo>
                <a:cubicBezTo>
                  <a:pt x="174" y="92"/>
                  <a:pt x="173" y="94"/>
                  <a:pt x="176" y="92"/>
                </a:cubicBezTo>
                <a:cubicBezTo>
                  <a:pt x="176" y="91"/>
                  <a:pt x="175" y="92"/>
                  <a:pt x="176" y="91"/>
                </a:cubicBezTo>
                <a:cubicBezTo>
                  <a:pt x="174" y="92"/>
                  <a:pt x="173" y="92"/>
                  <a:pt x="173" y="93"/>
                </a:cubicBezTo>
                <a:close/>
                <a:moveTo>
                  <a:pt x="174" y="104"/>
                </a:moveTo>
                <a:cubicBezTo>
                  <a:pt x="174" y="105"/>
                  <a:pt x="181" y="100"/>
                  <a:pt x="180" y="100"/>
                </a:cubicBezTo>
                <a:cubicBezTo>
                  <a:pt x="177" y="102"/>
                  <a:pt x="177" y="103"/>
                  <a:pt x="174" y="104"/>
                </a:cubicBezTo>
                <a:close/>
                <a:moveTo>
                  <a:pt x="164" y="99"/>
                </a:moveTo>
                <a:cubicBezTo>
                  <a:pt x="166" y="98"/>
                  <a:pt x="169" y="96"/>
                  <a:pt x="170" y="95"/>
                </a:cubicBezTo>
                <a:cubicBezTo>
                  <a:pt x="167" y="97"/>
                  <a:pt x="165" y="97"/>
                  <a:pt x="164" y="99"/>
                </a:cubicBezTo>
                <a:close/>
                <a:moveTo>
                  <a:pt x="159" y="99"/>
                </a:moveTo>
                <a:cubicBezTo>
                  <a:pt x="159" y="100"/>
                  <a:pt x="158" y="100"/>
                  <a:pt x="158" y="100"/>
                </a:cubicBezTo>
                <a:cubicBezTo>
                  <a:pt x="160" y="99"/>
                  <a:pt x="160" y="98"/>
                  <a:pt x="161" y="97"/>
                </a:cubicBezTo>
                <a:cubicBezTo>
                  <a:pt x="161" y="97"/>
                  <a:pt x="161" y="98"/>
                  <a:pt x="162" y="97"/>
                </a:cubicBezTo>
                <a:cubicBezTo>
                  <a:pt x="163" y="96"/>
                  <a:pt x="162" y="97"/>
                  <a:pt x="162" y="97"/>
                </a:cubicBezTo>
                <a:cubicBezTo>
                  <a:pt x="158" y="99"/>
                  <a:pt x="158" y="99"/>
                  <a:pt x="158" y="99"/>
                </a:cubicBezTo>
                <a:cubicBezTo>
                  <a:pt x="158" y="100"/>
                  <a:pt x="157" y="102"/>
                  <a:pt x="159" y="99"/>
                </a:cubicBezTo>
                <a:close/>
                <a:moveTo>
                  <a:pt x="153" y="99"/>
                </a:moveTo>
                <a:cubicBezTo>
                  <a:pt x="153" y="99"/>
                  <a:pt x="152" y="100"/>
                  <a:pt x="153" y="101"/>
                </a:cubicBezTo>
                <a:cubicBezTo>
                  <a:pt x="151" y="101"/>
                  <a:pt x="149" y="103"/>
                  <a:pt x="150" y="103"/>
                </a:cubicBezTo>
                <a:cubicBezTo>
                  <a:pt x="154" y="100"/>
                  <a:pt x="153" y="100"/>
                  <a:pt x="156" y="98"/>
                </a:cubicBezTo>
                <a:cubicBezTo>
                  <a:pt x="155" y="98"/>
                  <a:pt x="155" y="98"/>
                  <a:pt x="154" y="98"/>
                </a:cubicBezTo>
                <a:cubicBezTo>
                  <a:pt x="154" y="100"/>
                  <a:pt x="154" y="98"/>
                  <a:pt x="153" y="99"/>
                </a:cubicBezTo>
                <a:close/>
                <a:moveTo>
                  <a:pt x="160" y="120"/>
                </a:moveTo>
                <a:cubicBezTo>
                  <a:pt x="160" y="120"/>
                  <a:pt x="160" y="121"/>
                  <a:pt x="161" y="120"/>
                </a:cubicBezTo>
                <a:cubicBezTo>
                  <a:pt x="162" y="119"/>
                  <a:pt x="165" y="116"/>
                  <a:pt x="163" y="117"/>
                </a:cubicBezTo>
                <a:cubicBezTo>
                  <a:pt x="163" y="117"/>
                  <a:pt x="162" y="119"/>
                  <a:pt x="160" y="120"/>
                </a:cubicBezTo>
                <a:close/>
                <a:moveTo>
                  <a:pt x="150" y="106"/>
                </a:moveTo>
                <a:cubicBezTo>
                  <a:pt x="148" y="108"/>
                  <a:pt x="154" y="103"/>
                  <a:pt x="151" y="106"/>
                </a:cubicBezTo>
                <a:cubicBezTo>
                  <a:pt x="154" y="104"/>
                  <a:pt x="154" y="104"/>
                  <a:pt x="154" y="104"/>
                </a:cubicBezTo>
                <a:cubicBezTo>
                  <a:pt x="154" y="103"/>
                  <a:pt x="153" y="104"/>
                  <a:pt x="154" y="103"/>
                </a:cubicBezTo>
                <a:cubicBezTo>
                  <a:pt x="151" y="105"/>
                  <a:pt x="151" y="105"/>
                  <a:pt x="150" y="106"/>
                </a:cubicBezTo>
                <a:close/>
                <a:moveTo>
                  <a:pt x="146" y="105"/>
                </a:moveTo>
                <a:cubicBezTo>
                  <a:pt x="142" y="108"/>
                  <a:pt x="147" y="106"/>
                  <a:pt x="145" y="108"/>
                </a:cubicBezTo>
                <a:cubicBezTo>
                  <a:pt x="147" y="106"/>
                  <a:pt x="146" y="106"/>
                  <a:pt x="149" y="104"/>
                </a:cubicBezTo>
                <a:cubicBezTo>
                  <a:pt x="148" y="104"/>
                  <a:pt x="149" y="103"/>
                  <a:pt x="149" y="103"/>
                </a:cubicBezTo>
                <a:cubicBezTo>
                  <a:pt x="145" y="105"/>
                  <a:pt x="149" y="103"/>
                  <a:pt x="146" y="106"/>
                </a:cubicBezTo>
                <a:cubicBezTo>
                  <a:pt x="146" y="105"/>
                  <a:pt x="147" y="104"/>
                  <a:pt x="146" y="105"/>
                </a:cubicBezTo>
                <a:close/>
                <a:moveTo>
                  <a:pt x="153" y="120"/>
                </a:moveTo>
                <a:cubicBezTo>
                  <a:pt x="156" y="118"/>
                  <a:pt x="154" y="119"/>
                  <a:pt x="157" y="116"/>
                </a:cubicBezTo>
                <a:cubicBezTo>
                  <a:pt x="156" y="117"/>
                  <a:pt x="154" y="118"/>
                  <a:pt x="152" y="119"/>
                </a:cubicBezTo>
                <a:cubicBezTo>
                  <a:pt x="154" y="119"/>
                  <a:pt x="151" y="121"/>
                  <a:pt x="149" y="122"/>
                </a:cubicBezTo>
                <a:cubicBezTo>
                  <a:pt x="148" y="124"/>
                  <a:pt x="152" y="120"/>
                  <a:pt x="151" y="122"/>
                </a:cubicBezTo>
                <a:cubicBezTo>
                  <a:pt x="153" y="120"/>
                  <a:pt x="153" y="119"/>
                  <a:pt x="154" y="119"/>
                </a:cubicBezTo>
                <a:cubicBezTo>
                  <a:pt x="154" y="119"/>
                  <a:pt x="153" y="120"/>
                  <a:pt x="153" y="120"/>
                </a:cubicBezTo>
                <a:close/>
                <a:moveTo>
                  <a:pt x="136" y="117"/>
                </a:moveTo>
                <a:cubicBezTo>
                  <a:pt x="139" y="115"/>
                  <a:pt x="135" y="118"/>
                  <a:pt x="135" y="118"/>
                </a:cubicBezTo>
                <a:cubicBezTo>
                  <a:pt x="138" y="116"/>
                  <a:pt x="140" y="115"/>
                  <a:pt x="142" y="113"/>
                </a:cubicBezTo>
                <a:cubicBezTo>
                  <a:pt x="142" y="112"/>
                  <a:pt x="147" y="109"/>
                  <a:pt x="148" y="107"/>
                </a:cubicBezTo>
                <a:cubicBezTo>
                  <a:pt x="147" y="108"/>
                  <a:pt x="146" y="108"/>
                  <a:pt x="146" y="108"/>
                </a:cubicBezTo>
                <a:cubicBezTo>
                  <a:pt x="144" y="109"/>
                  <a:pt x="144" y="110"/>
                  <a:pt x="142" y="111"/>
                </a:cubicBezTo>
                <a:cubicBezTo>
                  <a:pt x="141" y="113"/>
                  <a:pt x="142" y="113"/>
                  <a:pt x="141" y="113"/>
                </a:cubicBezTo>
                <a:cubicBezTo>
                  <a:pt x="140" y="113"/>
                  <a:pt x="136" y="116"/>
                  <a:pt x="136" y="117"/>
                </a:cubicBezTo>
                <a:close/>
                <a:moveTo>
                  <a:pt x="153" y="123"/>
                </a:moveTo>
                <a:cubicBezTo>
                  <a:pt x="154" y="123"/>
                  <a:pt x="157" y="120"/>
                  <a:pt x="156" y="120"/>
                </a:cubicBezTo>
                <a:cubicBezTo>
                  <a:pt x="155" y="121"/>
                  <a:pt x="152" y="123"/>
                  <a:pt x="153" y="123"/>
                </a:cubicBezTo>
                <a:close/>
                <a:moveTo>
                  <a:pt x="137" y="109"/>
                </a:moveTo>
                <a:cubicBezTo>
                  <a:pt x="139" y="108"/>
                  <a:pt x="141" y="106"/>
                  <a:pt x="141" y="106"/>
                </a:cubicBezTo>
                <a:cubicBezTo>
                  <a:pt x="139" y="107"/>
                  <a:pt x="137" y="109"/>
                  <a:pt x="137" y="109"/>
                </a:cubicBezTo>
                <a:close/>
                <a:moveTo>
                  <a:pt x="136" y="114"/>
                </a:moveTo>
                <a:cubicBezTo>
                  <a:pt x="138" y="114"/>
                  <a:pt x="137" y="113"/>
                  <a:pt x="137" y="115"/>
                </a:cubicBezTo>
                <a:cubicBezTo>
                  <a:pt x="138" y="114"/>
                  <a:pt x="138" y="113"/>
                  <a:pt x="141" y="111"/>
                </a:cubicBezTo>
                <a:cubicBezTo>
                  <a:pt x="142" y="110"/>
                  <a:pt x="141" y="111"/>
                  <a:pt x="140" y="111"/>
                </a:cubicBezTo>
                <a:cubicBezTo>
                  <a:pt x="141" y="110"/>
                  <a:pt x="142" y="110"/>
                  <a:pt x="143" y="109"/>
                </a:cubicBezTo>
                <a:cubicBezTo>
                  <a:pt x="143" y="109"/>
                  <a:pt x="144" y="108"/>
                  <a:pt x="143" y="108"/>
                </a:cubicBezTo>
                <a:cubicBezTo>
                  <a:pt x="141" y="111"/>
                  <a:pt x="139" y="111"/>
                  <a:pt x="136" y="114"/>
                </a:cubicBezTo>
                <a:close/>
                <a:moveTo>
                  <a:pt x="142" y="117"/>
                </a:moveTo>
                <a:cubicBezTo>
                  <a:pt x="140" y="118"/>
                  <a:pt x="142" y="116"/>
                  <a:pt x="144" y="115"/>
                </a:cubicBezTo>
                <a:cubicBezTo>
                  <a:pt x="144" y="114"/>
                  <a:pt x="142" y="115"/>
                  <a:pt x="141" y="116"/>
                </a:cubicBezTo>
                <a:cubicBezTo>
                  <a:pt x="141" y="116"/>
                  <a:pt x="141" y="117"/>
                  <a:pt x="140" y="117"/>
                </a:cubicBezTo>
                <a:cubicBezTo>
                  <a:pt x="137" y="118"/>
                  <a:pt x="139" y="119"/>
                  <a:pt x="136" y="120"/>
                </a:cubicBezTo>
                <a:cubicBezTo>
                  <a:pt x="136" y="121"/>
                  <a:pt x="133" y="123"/>
                  <a:pt x="132" y="124"/>
                </a:cubicBezTo>
                <a:cubicBezTo>
                  <a:pt x="133" y="124"/>
                  <a:pt x="131" y="125"/>
                  <a:pt x="131" y="126"/>
                </a:cubicBezTo>
                <a:cubicBezTo>
                  <a:pt x="133" y="124"/>
                  <a:pt x="135" y="122"/>
                  <a:pt x="134" y="124"/>
                </a:cubicBezTo>
                <a:cubicBezTo>
                  <a:pt x="135" y="124"/>
                  <a:pt x="139" y="121"/>
                  <a:pt x="138" y="121"/>
                </a:cubicBezTo>
                <a:cubicBezTo>
                  <a:pt x="137" y="121"/>
                  <a:pt x="135" y="124"/>
                  <a:pt x="135" y="123"/>
                </a:cubicBezTo>
                <a:cubicBezTo>
                  <a:pt x="136" y="122"/>
                  <a:pt x="135" y="122"/>
                  <a:pt x="137" y="121"/>
                </a:cubicBezTo>
                <a:cubicBezTo>
                  <a:pt x="139" y="119"/>
                  <a:pt x="142" y="117"/>
                  <a:pt x="142" y="117"/>
                </a:cubicBezTo>
                <a:close/>
                <a:moveTo>
                  <a:pt x="143" y="118"/>
                </a:moveTo>
                <a:cubicBezTo>
                  <a:pt x="141" y="119"/>
                  <a:pt x="141" y="119"/>
                  <a:pt x="141" y="119"/>
                </a:cubicBezTo>
                <a:cubicBezTo>
                  <a:pt x="140" y="120"/>
                  <a:pt x="140" y="120"/>
                  <a:pt x="141" y="121"/>
                </a:cubicBezTo>
                <a:cubicBezTo>
                  <a:pt x="143" y="119"/>
                  <a:pt x="142" y="119"/>
                  <a:pt x="143" y="118"/>
                </a:cubicBezTo>
                <a:cubicBezTo>
                  <a:pt x="143" y="119"/>
                  <a:pt x="144" y="118"/>
                  <a:pt x="145" y="117"/>
                </a:cubicBezTo>
                <a:cubicBezTo>
                  <a:pt x="143" y="118"/>
                  <a:pt x="144" y="117"/>
                  <a:pt x="143" y="118"/>
                </a:cubicBezTo>
                <a:close/>
                <a:moveTo>
                  <a:pt x="146" y="128"/>
                </a:moveTo>
                <a:cubicBezTo>
                  <a:pt x="147" y="128"/>
                  <a:pt x="145" y="129"/>
                  <a:pt x="145" y="130"/>
                </a:cubicBezTo>
                <a:cubicBezTo>
                  <a:pt x="146" y="129"/>
                  <a:pt x="146" y="129"/>
                  <a:pt x="148" y="128"/>
                </a:cubicBezTo>
                <a:cubicBezTo>
                  <a:pt x="147" y="128"/>
                  <a:pt x="147" y="127"/>
                  <a:pt x="148" y="127"/>
                </a:cubicBezTo>
                <a:cubicBezTo>
                  <a:pt x="147" y="127"/>
                  <a:pt x="146" y="128"/>
                  <a:pt x="146" y="128"/>
                </a:cubicBezTo>
                <a:close/>
                <a:moveTo>
                  <a:pt x="133" y="117"/>
                </a:moveTo>
                <a:cubicBezTo>
                  <a:pt x="133" y="118"/>
                  <a:pt x="134" y="117"/>
                  <a:pt x="135" y="117"/>
                </a:cubicBezTo>
                <a:cubicBezTo>
                  <a:pt x="136" y="116"/>
                  <a:pt x="137" y="115"/>
                  <a:pt x="137" y="115"/>
                </a:cubicBezTo>
                <a:cubicBezTo>
                  <a:pt x="136" y="116"/>
                  <a:pt x="135" y="115"/>
                  <a:pt x="133" y="117"/>
                </a:cubicBezTo>
                <a:close/>
                <a:moveTo>
                  <a:pt x="144" y="129"/>
                </a:moveTo>
                <a:cubicBezTo>
                  <a:pt x="143" y="129"/>
                  <a:pt x="141" y="129"/>
                  <a:pt x="139" y="132"/>
                </a:cubicBezTo>
                <a:cubicBezTo>
                  <a:pt x="139" y="133"/>
                  <a:pt x="145" y="129"/>
                  <a:pt x="146" y="127"/>
                </a:cubicBezTo>
                <a:cubicBezTo>
                  <a:pt x="145" y="128"/>
                  <a:pt x="144" y="128"/>
                  <a:pt x="144" y="129"/>
                </a:cubicBezTo>
                <a:close/>
                <a:moveTo>
                  <a:pt x="133" y="117"/>
                </a:moveTo>
                <a:cubicBezTo>
                  <a:pt x="132" y="118"/>
                  <a:pt x="132" y="117"/>
                  <a:pt x="131" y="118"/>
                </a:cubicBezTo>
                <a:cubicBezTo>
                  <a:pt x="131" y="119"/>
                  <a:pt x="133" y="117"/>
                  <a:pt x="135" y="116"/>
                </a:cubicBezTo>
                <a:cubicBezTo>
                  <a:pt x="134" y="116"/>
                  <a:pt x="136" y="114"/>
                  <a:pt x="134" y="115"/>
                </a:cubicBezTo>
                <a:cubicBezTo>
                  <a:pt x="134" y="116"/>
                  <a:pt x="134" y="116"/>
                  <a:pt x="133" y="117"/>
                </a:cubicBezTo>
                <a:close/>
                <a:moveTo>
                  <a:pt x="138" y="122"/>
                </a:moveTo>
                <a:cubicBezTo>
                  <a:pt x="137" y="123"/>
                  <a:pt x="137" y="123"/>
                  <a:pt x="139" y="122"/>
                </a:cubicBezTo>
                <a:cubicBezTo>
                  <a:pt x="140" y="121"/>
                  <a:pt x="140" y="120"/>
                  <a:pt x="138" y="122"/>
                </a:cubicBezTo>
                <a:close/>
                <a:moveTo>
                  <a:pt x="139" y="137"/>
                </a:moveTo>
                <a:cubicBezTo>
                  <a:pt x="141" y="135"/>
                  <a:pt x="141" y="137"/>
                  <a:pt x="139" y="138"/>
                </a:cubicBezTo>
                <a:cubicBezTo>
                  <a:pt x="140" y="137"/>
                  <a:pt x="141" y="137"/>
                  <a:pt x="142" y="136"/>
                </a:cubicBezTo>
                <a:cubicBezTo>
                  <a:pt x="142" y="135"/>
                  <a:pt x="142" y="135"/>
                  <a:pt x="142" y="135"/>
                </a:cubicBezTo>
                <a:cubicBezTo>
                  <a:pt x="142" y="135"/>
                  <a:pt x="143" y="134"/>
                  <a:pt x="144" y="134"/>
                </a:cubicBezTo>
                <a:cubicBezTo>
                  <a:pt x="142" y="136"/>
                  <a:pt x="138" y="139"/>
                  <a:pt x="138" y="140"/>
                </a:cubicBezTo>
                <a:cubicBezTo>
                  <a:pt x="138" y="140"/>
                  <a:pt x="137" y="141"/>
                  <a:pt x="136" y="141"/>
                </a:cubicBezTo>
                <a:cubicBezTo>
                  <a:pt x="138" y="140"/>
                  <a:pt x="138" y="139"/>
                  <a:pt x="139" y="138"/>
                </a:cubicBezTo>
                <a:cubicBezTo>
                  <a:pt x="139" y="137"/>
                  <a:pt x="136" y="138"/>
                  <a:pt x="133" y="141"/>
                </a:cubicBezTo>
                <a:cubicBezTo>
                  <a:pt x="134" y="141"/>
                  <a:pt x="136" y="139"/>
                  <a:pt x="137" y="139"/>
                </a:cubicBezTo>
                <a:cubicBezTo>
                  <a:pt x="137" y="139"/>
                  <a:pt x="138" y="139"/>
                  <a:pt x="138" y="139"/>
                </a:cubicBezTo>
                <a:cubicBezTo>
                  <a:pt x="135" y="142"/>
                  <a:pt x="132" y="145"/>
                  <a:pt x="132" y="146"/>
                </a:cubicBezTo>
                <a:cubicBezTo>
                  <a:pt x="133" y="145"/>
                  <a:pt x="135" y="144"/>
                  <a:pt x="135" y="143"/>
                </a:cubicBezTo>
                <a:cubicBezTo>
                  <a:pt x="134" y="144"/>
                  <a:pt x="134" y="144"/>
                  <a:pt x="134" y="144"/>
                </a:cubicBezTo>
                <a:cubicBezTo>
                  <a:pt x="135" y="144"/>
                  <a:pt x="136" y="142"/>
                  <a:pt x="136" y="142"/>
                </a:cubicBezTo>
                <a:cubicBezTo>
                  <a:pt x="137" y="142"/>
                  <a:pt x="134" y="145"/>
                  <a:pt x="137" y="143"/>
                </a:cubicBezTo>
                <a:cubicBezTo>
                  <a:pt x="136" y="142"/>
                  <a:pt x="139" y="141"/>
                  <a:pt x="140" y="141"/>
                </a:cubicBezTo>
                <a:cubicBezTo>
                  <a:pt x="139" y="140"/>
                  <a:pt x="141" y="139"/>
                  <a:pt x="141" y="139"/>
                </a:cubicBezTo>
                <a:cubicBezTo>
                  <a:pt x="140" y="139"/>
                  <a:pt x="140" y="139"/>
                  <a:pt x="141" y="138"/>
                </a:cubicBezTo>
                <a:cubicBezTo>
                  <a:pt x="144" y="136"/>
                  <a:pt x="146" y="134"/>
                  <a:pt x="148" y="133"/>
                </a:cubicBezTo>
                <a:cubicBezTo>
                  <a:pt x="147" y="133"/>
                  <a:pt x="143" y="135"/>
                  <a:pt x="146" y="132"/>
                </a:cubicBezTo>
                <a:cubicBezTo>
                  <a:pt x="143" y="133"/>
                  <a:pt x="141" y="134"/>
                  <a:pt x="139" y="137"/>
                </a:cubicBezTo>
                <a:close/>
                <a:moveTo>
                  <a:pt x="142" y="131"/>
                </a:moveTo>
                <a:cubicBezTo>
                  <a:pt x="142" y="131"/>
                  <a:pt x="143" y="132"/>
                  <a:pt x="144" y="130"/>
                </a:cubicBezTo>
                <a:cubicBezTo>
                  <a:pt x="144" y="130"/>
                  <a:pt x="144" y="130"/>
                  <a:pt x="144" y="129"/>
                </a:cubicBezTo>
                <a:cubicBezTo>
                  <a:pt x="144" y="130"/>
                  <a:pt x="143" y="130"/>
                  <a:pt x="142" y="131"/>
                </a:cubicBezTo>
                <a:close/>
                <a:moveTo>
                  <a:pt x="142" y="143"/>
                </a:moveTo>
                <a:cubicBezTo>
                  <a:pt x="142" y="143"/>
                  <a:pt x="145" y="140"/>
                  <a:pt x="145" y="142"/>
                </a:cubicBezTo>
                <a:cubicBezTo>
                  <a:pt x="147" y="140"/>
                  <a:pt x="149" y="139"/>
                  <a:pt x="150" y="138"/>
                </a:cubicBezTo>
                <a:cubicBezTo>
                  <a:pt x="148" y="139"/>
                  <a:pt x="147" y="140"/>
                  <a:pt x="146" y="140"/>
                </a:cubicBezTo>
                <a:cubicBezTo>
                  <a:pt x="147" y="139"/>
                  <a:pt x="147" y="139"/>
                  <a:pt x="148" y="138"/>
                </a:cubicBezTo>
                <a:cubicBezTo>
                  <a:pt x="147" y="139"/>
                  <a:pt x="150" y="137"/>
                  <a:pt x="150" y="137"/>
                </a:cubicBezTo>
                <a:cubicBezTo>
                  <a:pt x="148" y="138"/>
                  <a:pt x="142" y="142"/>
                  <a:pt x="142" y="143"/>
                </a:cubicBezTo>
                <a:close/>
                <a:moveTo>
                  <a:pt x="125" y="125"/>
                </a:moveTo>
                <a:cubicBezTo>
                  <a:pt x="126" y="125"/>
                  <a:pt x="128" y="123"/>
                  <a:pt x="128" y="124"/>
                </a:cubicBezTo>
                <a:cubicBezTo>
                  <a:pt x="126" y="126"/>
                  <a:pt x="124" y="127"/>
                  <a:pt x="124" y="128"/>
                </a:cubicBezTo>
                <a:cubicBezTo>
                  <a:pt x="129" y="124"/>
                  <a:pt x="129" y="124"/>
                  <a:pt x="129" y="124"/>
                </a:cubicBezTo>
                <a:cubicBezTo>
                  <a:pt x="128" y="123"/>
                  <a:pt x="132" y="121"/>
                  <a:pt x="131" y="120"/>
                </a:cubicBezTo>
                <a:cubicBezTo>
                  <a:pt x="129" y="122"/>
                  <a:pt x="127" y="123"/>
                  <a:pt x="125" y="125"/>
                </a:cubicBezTo>
                <a:close/>
                <a:moveTo>
                  <a:pt x="131" y="122"/>
                </a:moveTo>
                <a:cubicBezTo>
                  <a:pt x="132" y="122"/>
                  <a:pt x="131" y="122"/>
                  <a:pt x="131" y="123"/>
                </a:cubicBezTo>
                <a:cubicBezTo>
                  <a:pt x="132" y="122"/>
                  <a:pt x="132" y="121"/>
                  <a:pt x="133" y="120"/>
                </a:cubicBezTo>
                <a:cubicBezTo>
                  <a:pt x="134" y="120"/>
                  <a:pt x="134" y="120"/>
                  <a:pt x="134" y="120"/>
                </a:cubicBezTo>
                <a:cubicBezTo>
                  <a:pt x="133" y="120"/>
                  <a:pt x="135" y="117"/>
                  <a:pt x="131" y="119"/>
                </a:cubicBezTo>
                <a:cubicBezTo>
                  <a:pt x="131" y="120"/>
                  <a:pt x="134" y="119"/>
                  <a:pt x="131" y="122"/>
                </a:cubicBezTo>
                <a:close/>
                <a:moveTo>
                  <a:pt x="139" y="130"/>
                </a:moveTo>
                <a:cubicBezTo>
                  <a:pt x="138" y="132"/>
                  <a:pt x="142" y="129"/>
                  <a:pt x="142" y="129"/>
                </a:cubicBezTo>
                <a:lnTo>
                  <a:pt x="139" y="130"/>
                </a:lnTo>
                <a:close/>
                <a:moveTo>
                  <a:pt x="133" y="129"/>
                </a:moveTo>
                <a:cubicBezTo>
                  <a:pt x="135" y="127"/>
                  <a:pt x="136" y="126"/>
                  <a:pt x="135" y="126"/>
                </a:cubicBezTo>
                <a:cubicBezTo>
                  <a:pt x="133" y="128"/>
                  <a:pt x="132" y="129"/>
                  <a:pt x="133" y="129"/>
                </a:cubicBezTo>
                <a:close/>
                <a:moveTo>
                  <a:pt x="129" y="121"/>
                </a:moveTo>
                <a:cubicBezTo>
                  <a:pt x="128" y="120"/>
                  <a:pt x="126" y="121"/>
                  <a:pt x="124" y="124"/>
                </a:cubicBezTo>
                <a:cubicBezTo>
                  <a:pt x="125" y="123"/>
                  <a:pt x="125" y="123"/>
                  <a:pt x="124" y="124"/>
                </a:cubicBezTo>
                <a:cubicBezTo>
                  <a:pt x="123" y="124"/>
                  <a:pt x="121" y="127"/>
                  <a:pt x="120" y="128"/>
                </a:cubicBezTo>
                <a:cubicBezTo>
                  <a:pt x="121" y="128"/>
                  <a:pt x="121" y="128"/>
                  <a:pt x="120" y="130"/>
                </a:cubicBezTo>
                <a:cubicBezTo>
                  <a:pt x="121" y="129"/>
                  <a:pt x="121" y="129"/>
                  <a:pt x="121" y="129"/>
                </a:cubicBezTo>
                <a:cubicBezTo>
                  <a:pt x="125" y="126"/>
                  <a:pt x="124" y="125"/>
                  <a:pt x="128" y="123"/>
                </a:cubicBezTo>
                <a:cubicBezTo>
                  <a:pt x="127" y="122"/>
                  <a:pt x="126" y="123"/>
                  <a:pt x="129" y="121"/>
                </a:cubicBezTo>
                <a:close/>
                <a:moveTo>
                  <a:pt x="129" y="131"/>
                </a:moveTo>
                <a:cubicBezTo>
                  <a:pt x="130" y="130"/>
                  <a:pt x="133" y="127"/>
                  <a:pt x="134" y="126"/>
                </a:cubicBezTo>
                <a:cubicBezTo>
                  <a:pt x="131" y="128"/>
                  <a:pt x="130" y="130"/>
                  <a:pt x="129" y="131"/>
                </a:cubicBezTo>
                <a:close/>
                <a:moveTo>
                  <a:pt x="133" y="136"/>
                </a:moveTo>
                <a:cubicBezTo>
                  <a:pt x="135" y="136"/>
                  <a:pt x="137" y="136"/>
                  <a:pt x="139" y="133"/>
                </a:cubicBezTo>
                <a:cubicBezTo>
                  <a:pt x="136" y="135"/>
                  <a:pt x="136" y="134"/>
                  <a:pt x="133" y="136"/>
                </a:cubicBezTo>
                <a:close/>
                <a:moveTo>
                  <a:pt x="124" y="131"/>
                </a:moveTo>
                <a:cubicBezTo>
                  <a:pt x="125" y="131"/>
                  <a:pt x="125" y="131"/>
                  <a:pt x="124" y="132"/>
                </a:cubicBezTo>
                <a:cubicBezTo>
                  <a:pt x="126" y="131"/>
                  <a:pt x="131" y="127"/>
                  <a:pt x="128" y="128"/>
                </a:cubicBezTo>
                <a:cubicBezTo>
                  <a:pt x="128" y="129"/>
                  <a:pt x="126" y="130"/>
                  <a:pt x="124" y="131"/>
                </a:cubicBezTo>
                <a:close/>
                <a:moveTo>
                  <a:pt x="121" y="127"/>
                </a:moveTo>
                <a:cubicBezTo>
                  <a:pt x="121" y="126"/>
                  <a:pt x="121" y="125"/>
                  <a:pt x="123" y="124"/>
                </a:cubicBezTo>
                <a:cubicBezTo>
                  <a:pt x="120" y="126"/>
                  <a:pt x="117" y="127"/>
                  <a:pt x="117" y="128"/>
                </a:cubicBezTo>
                <a:cubicBezTo>
                  <a:pt x="118" y="128"/>
                  <a:pt x="120" y="126"/>
                  <a:pt x="121" y="126"/>
                </a:cubicBezTo>
                <a:cubicBezTo>
                  <a:pt x="120" y="126"/>
                  <a:pt x="119" y="128"/>
                  <a:pt x="121" y="127"/>
                </a:cubicBezTo>
                <a:close/>
                <a:moveTo>
                  <a:pt x="120" y="131"/>
                </a:moveTo>
                <a:cubicBezTo>
                  <a:pt x="121" y="131"/>
                  <a:pt x="122" y="131"/>
                  <a:pt x="124" y="129"/>
                </a:cubicBezTo>
                <a:cubicBezTo>
                  <a:pt x="124" y="128"/>
                  <a:pt x="121" y="130"/>
                  <a:pt x="120" y="131"/>
                </a:cubicBezTo>
                <a:close/>
                <a:moveTo>
                  <a:pt x="119" y="140"/>
                </a:moveTo>
                <a:cubicBezTo>
                  <a:pt x="121" y="139"/>
                  <a:pt x="122" y="137"/>
                  <a:pt x="124" y="135"/>
                </a:cubicBezTo>
                <a:cubicBezTo>
                  <a:pt x="124" y="134"/>
                  <a:pt x="124" y="134"/>
                  <a:pt x="124" y="134"/>
                </a:cubicBezTo>
                <a:cubicBezTo>
                  <a:pt x="121" y="137"/>
                  <a:pt x="119" y="139"/>
                  <a:pt x="119" y="140"/>
                </a:cubicBezTo>
                <a:close/>
                <a:moveTo>
                  <a:pt x="117" y="131"/>
                </a:moveTo>
                <a:cubicBezTo>
                  <a:pt x="119" y="130"/>
                  <a:pt x="117" y="130"/>
                  <a:pt x="118" y="129"/>
                </a:cubicBezTo>
                <a:cubicBezTo>
                  <a:pt x="116" y="131"/>
                  <a:pt x="116" y="131"/>
                  <a:pt x="117" y="131"/>
                </a:cubicBezTo>
                <a:close/>
                <a:moveTo>
                  <a:pt x="112" y="133"/>
                </a:moveTo>
                <a:cubicBezTo>
                  <a:pt x="112" y="134"/>
                  <a:pt x="114" y="132"/>
                  <a:pt x="113" y="133"/>
                </a:cubicBezTo>
                <a:cubicBezTo>
                  <a:pt x="117" y="130"/>
                  <a:pt x="114" y="131"/>
                  <a:pt x="112" y="133"/>
                </a:cubicBezTo>
                <a:close/>
                <a:moveTo>
                  <a:pt x="117" y="138"/>
                </a:moveTo>
                <a:cubicBezTo>
                  <a:pt x="116" y="140"/>
                  <a:pt x="113" y="143"/>
                  <a:pt x="114" y="143"/>
                </a:cubicBezTo>
                <a:cubicBezTo>
                  <a:pt x="117" y="140"/>
                  <a:pt x="116" y="140"/>
                  <a:pt x="119" y="137"/>
                </a:cubicBezTo>
                <a:cubicBezTo>
                  <a:pt x="118" y="138"/>
                  <a:pt x="118" y="137"/>
                  <a:pt x="117" y="138"/>
                </a:cubicBezTo>
                <a:close/>
                <a:moveTo>
                  <a:pt x="114" y="157"/>
                </a:moveTo>
                <a:cubicBezTo>
                  <a:pt x="112" y="158"/>
                  <a:pt x="113" y="158"/>
                  <a:pt x="111" y="158"/>
                </a:cubicBezTo>
                <a:cubicBezTo>
                  <a:pt x="113" y="158"/>
                  <a:pt x="109" y="161"/>
                  <a:pt x="109" y="161"/>
                </a:cubicBezTo>
                <a:cubicBezTo>
                  <a:pt x="111" y="159"/>
                  <a:pt x="109" y="160"/>
                  <a:pt x="108" y="161"/>
                </a:cubicBezTo>
                <a:cubicBezTo>
                  <a:pt x="108" y="162"/>
                  <a:pt x="107" y="163"/>
                  <a:pt x="107" y="164"/>
                </a:cubicBezTo>
                <a:cubicBezTo>
                  <a:pt x="105" y="166"/>
                  <a:pt x="105" y="164"/>
                  <a:pt x="102" y="167"/>
                </a:cubicBezTo>
                <a:cubicBezTo>
                  <a:pt x="102" y="169"/>
                  <a:pt x="103" y="167"/>
                  <a:pt x="104" y="167"/>
                </a:cubicBezTo>
                <a:cubicBezTo>
                  <a:pt x="103" y="168"/>
                  <a:pt x="102" y="168"/>
                  <a:pt x="101" y="169"/>
                </a:cubicBezTo>
                <a:cubicBezTo>
                  <a:pt x="103" y="169"/>
                  <a:pt x="106" y="166"/>
                  <a:pt x="107" y="164"/>
                </a:cubicBezTo>
                <a:cubicBezTo>
                  <a:pt x="106" y="167"/>
                  <a:pt x="101" y="172"/>
                  <a:pt x="99" y="173"/>
                </a:cubicBezTo>
                <a:cubicBezTo>
                  <a:pt x="99" y="173"/>
                  <a:pt x="99" y="175"/>
                  <a:pt x="98" y="175"/>
                </a:cubicBezTo>
                <a:cubicBezTo>
                  <a:pt x="98" y="175"/>
                  <a:pt x="99" y="175"/>
                  <a:pt x="98" y="175"/>
                </a:cubicBezTo>
                <a:cubicBezTo>
                  <a:pt x="99" y="175"/>
                  <a:pt x="98" y="175"/>
                  <a:pt x="99" y="175"/>
                </a:cubicBezTo>
                <a:cubicBezTo>
                  <a:pt x="99" y="175"/>
                  <a:pt x="100" y="174"/>
                  <a:pt x="100" y="174"/>
                </a:cubicBezTo>
                <a:cubicBezTo>
                  <a:pt x="100" y="174"/>
                  <a:pt x="100" y="174"/>
                  <a:pt x="100" y="174"/>
                </a:cubicBezTo>
                <a:cubicBezTo>
                  <a:pt x="101" y="172"/>
                  <a:pt x="101" y="172"/>
                  <a:pt x="101" y="172"/>
                </a:cubicBezTo>
                <a:cubicBezTo>
                  <a:pt x="102" y="172"/>
                  <a:pt x="103" y="171"/>
                  <a:pt x="104" y="170"/>
                </a:cubicBezTo>
                <a:cubicBezTo>
                  <a:pt x="103" y="170"/>
                  <a:pt x="106" y="168"/>
                  <a:pt x="106" y="167"/>
                </a:cubicBezTo>
                <a:cubicBezTo>
                  <a:pt x="108" y="166"/>
                  <a:pt x="114" y="158"/>
                  <a:pt x="117" y="157"/>
                </a:cubicBezTo>
                <a:cubicBezTo>
                  <a:pt x="117" y="157"/>
                  <a:pt x="116" y="157"/>
                  <a:pt x="117" y="156"/>
                </a:cubicBezTo>
                <a:cubicBezTo>
                  <a:pt x="119" y="155"/>
                  <a:pt x="120" y="153"/>
                  <a:pt x="123" y="151"/>
                </a:cubicBezTo>
                <a:cubicBezTo>
                  <a:pt x="122" y="150"/>
                  <a:pt x="125" y="150"/>
                  <a:pt x="126" y="148"/>
                </a:cubicBezTo>
                <a:cubicBezTo>
                  <a:pt x="126" y="148"/>
                  <a:pt x="127" y="147"/>
                  <a:pt x="126" y="147"/>
                </a:cubicBezTo>
                <a:cubicBezTo>
                  <a:pt x="123" y="150"/>
                  <a:pt x="122" y="148"/>
                  <a:pt x="120" y="151"/>
                </a:cubicBezTo>
                <a:cubicBezTo>
                  <a:pt x="121" y="150"/>
                  <a:pt x="120" y="153"/>
                  <a:pt x="119" y="153"/>
                </a:cubicBezTo>
                <a:cubicBezTo>
                  <a:pt x="119" y="152"/>
                  <a:pt x="117" y="155"/>
                  <a:pt x="116" y="155"/>
                </a:cubicBezTo>
                <a:cubicBezTo>
                  <a:pt x="117" y="154"/>
                  <a:pt x="118" y="153"/>
                  <a:pt x="118" y="152"/>
                </a:cubicBezTo>
                <a:cubicBezTo>
                  <a:pt x="117" y="154"/>
                  <a:pt x="116" y="154"/>
                  <a:pt x="116" y="154"/>
                </a:cubicBezTo>
                <a:cubicBezTo>
                  <a:pt x="116" y="154"/>
                  <a:pt x="117" y="153"/>
                  <a:pt x="117" y="153"/>
                </a:cubicBezTo>
                <a:cubicBezTo>
                  <a:pt x="115" y="155"/>
                  <a:pt x="115" y="155"/>
                  <a:pt x="114" y="157"/>
                </a:cubicBezTo>
                <a:close/>
                <a:moveTo>
                  <a:pt x="119" y="151"/>
                </a:moveTo>
                <a:cubicBezTo>
                  <a:pt x="120" y="150"/>
                  <a:pt x="121" y="149"/>
                  <a:pt x="121" y="148"/>
                </a:cubicBezTo>
                <a:cubicBezTo>
                  <a:pt x="120" y="149"/>
                  <a:pt x="119" y="149"/>
                  <a:pt x="118" y="151"/>
                </a:cubicBezTo>
                <a:cubicBezTo>
                  <a:pt x="118" y="152"/>
                  <a:pt x="119" y="150"/>
                  <a:pt x="120" y="150"/>
                </a:cubicBezTo>
                <a:cubicBezTo>
                  <a:pt x="119" y="151"/>
                  <a:pt x="118" y="152"/>
                  <a:pt x="119" y="151"/>
                </a:cubicBezTo>
                <a:close/>
                <a:moveTo>
                  <a:pt x="124" y="159"/>
                </a:moveTo>
                <a:cubicBezTo>
                  <a:pt x="125" y="159"/>
                  <a:pt x="128" y="159"/>
                  <a:pt x="128" y="157"/>
                </a:cubicBezTo>
                <a:cubicBezTo>
                  <a:pt x="125" y="160"/>
                  <a:pt x="127" y="156"/>
                  <a:pt x="124" y="159"/>
                </a:cubicBezTo>
                <a:close/>
                <a:moveTo>
                  <a:pt x="112" y="142"/>
                </a:moveTo>
                <a:cubicBezTo>
                  <a:pt x="110" y="143"/>
                  <a:pt x="109" y="144"/>
                  <a:pt x="109" y="145"/>
                </a:cubicBezTo>
                <a:cubicBezTo>
                  <a:pt x="110" y="145"/>
                  <a:pt x="111" y="143"/>
                  <a:pt x="112" y="142"/>
                </a:cubicBezTo>
                <a:cubicBezTo>
                  <a:pt x="112" y="143"/>
                  <a:pt x="112" y="143"/>
                  <a:pt x="113" y="142"/>
                </a:cubicBezTo>
                <a:cubicBezTo>
                  <a:pt x="113" y="142"/>
                  <a:pt x="112" y="142"/>
                  <a:pt x="112" y="142"/>
                </a:cubicBezTo>
                <a:close/>
                <a:moveTo>
                  <a:pt x="114" y="170"/>
                </a:moveTo>
                <a:cubicBezTo>
                  <a:pt x="115" y="170"/>
                  <a:pt x="118" y="166"/>
                  <a:pt x="117" y="166"/>
                </a:cubicBezTo>
                <a:cubicBezTo>
                  <a:pt x="115" y="168"/>
                  <a:pt x="116" y="167"/>
                  <a:pt x="114" y="170"/>
                </a:cubicBezTo>
                <a:close/>
                <a:moveTo>
                  <a:pt x="88" y="182"/>
                </a:moveTo>
                <a:cubicBezTo>
                  <a:pt x="88" y="182"/>
                  <a:pt x="89" y="182"/>
                  <a:pt x="89" y="181"/>
                </a:cubicBezTo>
                <a:cubicBezTo>
                  <a:pt x="88" y="181"/>
                  <a:pt x="88" y="182"/>
                  <a:pt x="88" y="182"/>
                </a:cubicBezTo>
                <a:close/>
                <a:moveTo>
                  <a:pt x="108" y="144"/>
                </a:moveTo>
                <a:cubicBezTo>
                  <a:pt x="106" y="144"/>
                  <a:pt x="109" y="142"/>
                  <a:pt x="108" y="142"/>
                </a:cubicBezTo>
                <a:cubicBezTo>
                  <a:pt x="107" y="142"/>
                  <a:pt x="103" y="145"/>
                  <a:pt x="103" y="145"/>
                </a:cubicBezTo>
                <a:cubicBezTo>
                  <a:pt x="105" y="144"/>
                  <a:pt x="106" y="145"/>
                  <a:pt x="107" y="144"/>
                </a:cubicBezTo>
                <a:cubicBezTo>
                  <a:pt x="109" y="143"/>
                  <a:pt x="109" y="143"/>
                  <a:pt x="110" y="141"/>
                </a:cubicBezTo>
                <a:cubicBezTo>
                  <a:pt x="110" y="141"/>
                  <a:pt x="110" y="141"/>
                  <a:pt x="110" y="141"/>
                </a:cubicBezTo>
                <a:cubicBezTo>
                  <a:pt x="107" y="143"/>
                  <a:pt x="110" y="142"/>
                  <a:pt x="108" y="144"/>
                </a:cubicBezTo>
                <a:close/>
                <a:moveTo>
                  <a:pt x="802" y="247"/>
                </a:moveTo>
                <a:cubicBezTo>
                  <a:pt x="799" y="242"/>
                  <a:pt x="799" y="242"/>
                  <a:pt x="799" y="242"/>
                </a:cubicBezTo>
                <a:cubicBezTo>
                  <a:pt x="798" y="242"/>
                  <a:pt x="801" y="247"/>
                  <a:pt x="801" y="246"/>
                </a:cubicBezTo>
                <a:cubicBezTo>
                  <a:pt x="801" y="247"/>
                  <a:pt x="801" y="247"/>
                  <a:pt x="801" y="247"/>
                </a:cubicBezTo>
                <a:cubicBezTo>
                  <a:pt x="800" y="244"/>
                  <a:pt x="802" y="246"/>
                  <a:pt x="802" y="247"/>
                </a:cubicBezTo>
                <a:close/>
                <a:moveTo>
                  <a:pt x="596" y="44"/>
                </a:moveTo>
                <a:cubicBezTo>
                  <a:pt x="592" y="42"/>
                  <a:pt x="592" y="42"/>
                  <a:pt x="592" y="42"/>
                </a:cubicBezTo>
                <a:cubicBezTo>
                  <a:pt x="592" y="43"/>
                  <a:pt x="593" y="43"/>
                  <a:pt x="594" y="44"/>
                </a:cubicBezTo>
                <a:cubicBezTo>
                  <a:pt x="591" y="43"/>
                  <a:pt x="597" y="45"/>
                  <a:pt x="596" y="44"/>
                </a:cubicBezTo>
                <a:close/>
                <a:moveTo>
                  <a:pt x="493" y="9"/>
                </a:moveTo>
                <a:cubicBezTo>
                  <a:pt x="495" y="10"/>
                  <a:pt x="500" y="11"/>
                  <a:pt x="502" y="11"/>
                </a:cubicBezTo>
                <a:cubicBezTo>
                  <a:pt x="500" y="10"/>
                  <a:pt x="492" y="9"/>
                  <a:pt x="493" y="9"/>
                </a:cubicBezTo>
                <a:close/>
                <a:moveTo>
                  <a:pt x="467" y="5"/>
                </a:moveTo>
                <a:cubicBezTo>
                  <a:pt x="469" y="5"/>
                  <a:pt x="477" y="7"/>
                  <a:pt x="475" y="6"/>
                </a:cubicBezTo>
                <a:cubicBezTo>
                  <a:pt x="473" y="6"/>
                  <a:pt x="466" y="4"/>
                  <a:pt x="466" y="5"/>
                </a:cubicBezTo>
                <a:cubicBezTo>
                  <a:pt x="467" y="6"/>
                  <a:pt x="469" y="7"/>
                  <a:pt x="470" y="6"/>
                </a:cubicBezTo>
                <a:cubicBezTo>
                  <a:pt x="469" y="6"/>
                  <a:pt x="468" y="6"/>
                  <a:pt x="467" y="5"/>
                </a:cubicBezTo>
                <a:close/>
                <a:moveTo>
                  <a:pt x="411" y="0"/>
                </a:moveTo>
                <a:cubicBezTo>
                  <a:pt x="410" y="0"/>
                  <a:pt x="406" y="0"/>
                  <a:pt x="404" y="1"/>
                </a:cubicBezTo>
                <a:cubicBezTo>
                  <a:pt x="407" y="1"/>
                  <a:pt x="411" y="1"/>
                  <a:pt x="414" y="1"/>
                </a:cubicBezTo>
                <a:cubicBezTo>
                  <a:pt x="413" y="1"/>
                  <a:pt x="411" y="1"/>
                  <a:pt x="412" y="1"/>
                </a:cubicBezTo>
                <a:cubicBezTo>
                  <a:pt x="413" y="1"/>
                  <a:pt x="417" y="0"/>
                  <a:pt x="415" y="0"/>
                </a:cubicBezTo>
                <a:cubicBezTo>
                  <a:pt x="415" y="1"/>
                  <a:pt x="413" y="0"/>
                  <a:pt x="411" y="0"/>
                </a:cubicBezTo>
                <a:close/>
                <a:moveTo>
                  <a:pt x="394" y="50"/>
                </a:moveTo>
                <a:cubicBezTo>
                  <a:pt x="394" y="49"/>
                  <a:pt x="401" y="50"/>
                  <a:pt x="399" y="50"/>
                </a:cubicBezTo>
                <a:cubicBezTo>
                  <a:pt x="399" y="49"/>
                  <a:pt x="391" y="49"/>
                  <a:pt x="394" y="50"/>
                </a:cubicBezTo>
                <a:close/>
                <a:moveTo>
                  <a:pt x="388" y="50"/>
                </a:moveTo>
                <a:cubicBezTo>
                  <a:pt x="389" y="50"/>
                  <a:pt x="391" y="51"/>
                  <a:pt x="393" y="50"/>
                </a:cubicBezTo>
                <a:cubicBezTo>
                  <a:pt x="384" y="50"/>
                  <a:pt x="379" y="50"/>
                  <a:pt x="376" y="50"/>
                </a:cubicBezTo>
                <a:cubicBezTo>
                  <a:pt x="379" y="50"/>
                  <a:pt x="373" y="51"/>
                  <a:pt x="376" y="51"/>
                </a:cubicBezTo>
                <a:cubicBezTo>
                  <a:pt x="378" y="50"/>
                  <a:pt x="383" y="51"/>
                  <a:pt x="382" y="50"/>
                </a:cubicBezTo>
                <a:cubicBezTo>
                  <a:pt x="383" y="50"/>
                  <a:pt x="386" y="50"/>
                  <a:pt x="388" y="50"/>
                </a:cubicBezTo>
                <a:close/>
                <a:moveTo>
                  <a:pt x="350" y="7"/>
                </a:moveTo>
                <a:cubicBezTo>
                  <a:pt x="351" y="6"/>
                  <a:pt x="358" y="6"/>
                  <a:pt x="359" y="6"/>
                </a:cubicBezTo>
                <a:cubicBezTo>
                  <a:pt x="355" y="6"/>
                  <a:pt x="351" y="7"/>
                  <a:pt x="349" y="7"/>
                </a:cubicBezTo>
                <a:cubicBezTo>
                  <a:pt x="350" y="7"/>
                  <a:pt x="350" y="7"/>
                  <a:pt x="350" y="7"/>
                </a:cubicBezTo>
                <a:cubicBezTo>
                  <a:pt x="350" y="7"/>
                  <a:pt x="349" y="7"/>
                  <a:pt x="350" y="7"/>
                </a:cubicBezTo>
                <a:close/>
                <a:moveTo>
                  <a:pt x="350" y="8"/>
                </a:moveTo>
                <a:cubicBezTo>
                  <a:pt x="350" y="8"/>
                  <a:pt x="350" y="8"/>
                  <a:pt x="351" y="7"/>
                </a:cubicBezTo>
                <a:cubicBezTo>
                  <a:pt x="348" y="8"/>
                  <a:pt x="348" y="7"/>
                  <a:pt x="347" y="7"/>
                </a:cubicBezTo>
                <a:cubicBezTo>
                  <a:pt x="346" y="8"/>
                  <a:pt x="345" y="8"/>
                  <a:pt x="343" y="8"/>
                </a:cubicBezTo>
                <a:cubicBezTo>
                  <a:pt x="342" y="8"/>
                  <a:pt x="336" y="8"/>
                  <a:pt x="335" y="9"/>
                </a:cubicBezTo>
                <a:cubicBezTo>
                  <a:pt x="336" y="9"/>
                  <a:pt x="337" y="9"/>
                  <a:pt x="337" y="9"/>
                </a:cubicBezTo>
                <a:cubicBezTo>
                  <a:pt x="334" y="10"/>
                  <a:pt x="330" y="9"/>
                  <a:pt x="327" y="11"/>
                </a:cubicBezTo>
                <a:cubicBezTo>
                  <a:pt x="331" y="11"/>
                  <a:pt x="333" y="10"/>
                  <a:pt x="336" y="10"/>
                </a:cubicBezTo>
                <a:cubicBezTo>
                  <a:pt x="336" y="9"/>
                  <a:pt x="337" y="9"/>
                  <a:pt x="339" y="9"/>
                </a:cubicBezTo>
                <a:cubicBezTo>
                  <a:pt x="339" y="9"/>
                  <a:pt x="336" y="9"/>
                  <a:pt x="337" y="10"/>
                </a:cubicBezTo>
                <a:cubicBezTo>
                  <a:pt x="342" y="9"/>
                  <a:pt x="350" y="9"/>
                  <a:pt x="351" y="8"/>
                </a:cubicBezTo>
                <a:cubicBezTo>
                  <a:pt x="350" y="8"/>
                  <a:pt x="350" y="8"/>
                  <a:pt x="350" y="8"/>
                </a:cubicBezTo>
                <a:close/>
                <a:moveTo>
                  <a:pt x="314" y="14"/>
                </a:moveTo>
                <a:cubicBezTo>
                  <a:pt x="315" y="14"/>
                  <a:pt x="322" y="13"/>
                  <a:pt x="320" y="13"/>
                </a:cubicBezTo>
                <a:cubicBezTo>
                  <a:pt x="317" y="14"/>
                  <a:pt x="316" y="13"/>
                  <a:pt x="314" y="14"/>
                </a:cubicBezTo>
                <a:close/>
                <a:moveTo>
                  <a:pt x="241" y="77"/>
                </a:moveTo>
                <a:cubicBezTo>
                  <a:pt x="240" y="77"/>
                  <a:pt x="241" y="75"/>
                  <a:pt x="240" y="76"/>
                </a:cubicBezTo>
                <a:cubicBezTo>
                  <a:pt x="240" y="76"/>
                  <a:pt x="238" y="77"/>
                  <a:pt x="238" y="77"/>
                </a:cubicBezTo>
                <a:cubicBezTo>
                  <a:pt x="238" y="77"/>
                  <a:pt x="238" y="77"/>
                  <a:pt x="237" y="77"/>
                </a:cubicBezTo>
                <a:cubicBezTo>
                  <a:pt x="237" y="78"/>
                  <a:pt x="238" y="77"/>
                  <a:pt x="238" y="77"/>
                </a:cubicBezTo>
                <a:cubicBezTo>
                  <a:pt x="236" y="79"/>
                  <a:pt x="236" y="78"/>
                  <a:pt x="235" y="79"/>
                </a:cubicBezTo>
                <a:cubicBezTo>
                  <a:pt x="236" y="79"/>
                  <a:pt x="240" y="77"/>
                  <a:pt x="241" y="77"/>
                </a:cubicBezTo>
                <a:close/>
                <a:moveTo>
                  <a:pt x="232" y="80"/>
                </a:moveTo>
                <a:cubicBezTo>
                  <a:pt x="232" y="81"/>
                  <a:pt x="233" y="81"/>
                  <a:pt x="228" y="83"/>
                </a:cubicBezTo>
                <a:cubicBezTo>
                  <a:pt x="231" y="83"/>
                  <a:pt x="236" y="79"/>
                  <a:pt x="241" y="77"/>
                </a:cubicBezTo>
                <a:cubicBezTo>
                  <a:pt x="238" y="78"/>
                  <a:pt x="235" y="79"/>
                  <a:pt x="232" y="80"/>
                </a:cubicBezTo>
                <a:close/>
                <a:moveTo>
                  <a:pt x="222" y="84"/>
                </a:moveTo>
                <a:cubicBezTo>
                  <a:pt x="220" y="86"/>
                  <a:pt x="220" y="87"/>
                  <a:pt x="223" y="86"/>
                </a:cubicBezTo>
                <a:cubicBezTo>
                  <a:pt x="221" y="87"/>
                  <a:pt x="219" y="89"/>
                  <a:pt x="217" y="89"/>
                </a:cubicBezTo>
                <a:cubicBezTo>
                  <a:pt x="217" y="88"/>
                  <a:pt x="219" y="88"/>
                  <a:pt x="219" y="87"/>
                </a:cubicBezTo>
                <a:cubicBezTo>
                  <a:pt x="217" y="88"/>
                  <a:pt x="213" y="90"/>
                  <a:pt x="213" y="91"/>
                </a:cubicBezTo>
                <a:cubicBezTo>
                  <a:pt x="218" y="88"/>
                  <a:pt x="214" y="91"/>
                  <a:pt x="215" y="91"/>
                </a:cubicBezTo>
                <a:cubicBezTo>
                  <a:pt x="219" y="89"/>
                  <a:pt x="219" y="89"/>
                  <a:pt x="219" y="89"/>
                </a:cubicBezTo>
                <a:cubicBezTo>
                  <a:pt x="219" y="88"/>
                  <a:pt x="224" y="86"/>
                  <a:pt x="226" y="84"/>
                </a:cubicBezTo>
                <a:cubicBezTo>
                  <a:pt x="222" y="86"/>
                  <a:pt x="223" y="85"/>
                  <a:pt x="222" y="84"/>
                </a:cubicBezTo>
                <a:close/>
                <a:moveTo>
                  <a:pt x="214" y="101"/>
                </a:moveTo>
                <a:cubicBezTo>
                  <a:pt x="214" y="103"/>
                  <a:pt x="210" y="104"/>
                  <a:pt x="207" y="106"/>
                </a:cubicBezTo>
                <a:cubicBezTo>
                  <a:pt x="211" y="104"/>
                  <a:pt x="216" y="101"/>
                  <a:pt x="220" y="99"/>
                </a:cubicBezTo>
                <a:cubicBezTo>
                  <a:pt x="219" y="99"/>
                  <a:pt x="215" y="102"/>
                  <a:pt x="215" y="101"/>
                </a:cubicBezTo>
                <a:cubicBezTo>
                  <a:pt x="219" y="99"/>
                  <a:pt x="223" y="98"/>
                  <a:pt x="226" y="95"/>
                </a:cubicBezTo>
                <a:cubicBezTo>
                  <a:pt x="223" y="97"/>
                  <a:pt x="219" y="98"/>
                  <a:pt x="214" y="101"/>
                </a:cubicBezTo>
                <a:close/>
                <a:moveTo>
                  <a:pt x="211" y="86"/>
                </a:moveTo>
                <a:cubicBezTo>
                  <a:pt x="213" y="83"/>
                  <a:pt x="216" y="83"/>
                  <a:pt x="217" y="81"/>
                </a:cubicBezTo>
                <a:cubicBezTo>
                  <a:pt x="214" y="83"/>
                  <a:pt x="214" y="82"/>
                  <a:pt x="210" y="84"/>
                </a:cubicBezTo>
                <a:cubicBezTo>
                  <a:pt x="210" y="85"/>
                  <a:pt x="208" y="86"/>
                  <a:pt x="211" y="86"/>
                </a:cubicBezTo>
                <a:close/>
                <a:moveTo>
                  <a:pt x="210" y="82"/>
                </a:moveTo>
                <a:cubicBezTo>
                  <a:pt x="211" y="82"/>
                  <a:pt x="207" y="83"/>
                  <a:pt x="208" y="84"/>
                </a:cubicBezTo>
                <a:cubicBezTo>
                  <a:pt x="211" y="83"/>
                  <a:pt x="211" y="82"/>
                  <a:pt x="213" y="80"/>
                </a:cubicBezTo>
                <a:cubicBezTo>
                  <a:pt x="214" y="80"/>
                  <a:pt x="214" y="81"/>
                  <a:pt x="215" y="80"/>
                </a:cubicBezTo>
                <a:cubicBezTo>
                  <a:pt x="216" y="79"/>
                  <a:pt x="212" y="81"/>
                  <a:pt x="210" y="82"/>
                </a:cubicBezTo>
                <a:close/>
                <a:moveTo>
                  <a:pt x="203" y="100"/>
                </a:moveTo>
                <a:cubicBezTo>
                  <a:pt x="201" y="100"/>
                  <a:pt x="199" y="102"/>
                  <a:pt x="199" y="102"/>
                </a:cubicBezTo>
                <a:cubicBezTo>
                  <a:pt x="201" y="100"/>
                  <a:pt x="205" y="97"/>
                  <a:pt x="207" y="96"/>
                </a:cubicBezTo>
                <a:cubicBezTo>
                  <a:pt x="207" y="96"/>
                  <a:pt x="213" y="92"/>
                  <a:pt x="212" y="92"/>
                </a:cubicBezTo>
                <a:cubicBezTo>
                  <a:pt x="211" y="93"/>
                  <a:pt x="207" y="95"/>
                  <a:pt x="207" y="96"/>
                </a:cubicBezTo>
                <a:cubicBezTo>
                  <a:pt x="204" y="97"/>
                  <a:pt x="201" y="100"/>
                  <a:pt x="197" y="101"/>
                </a:cubicBezTo>
                <a:cubicBezTo>
                  <a:pt x="197" y="102"/>
                  <a:pt x="198" y="101"/>
                  <a:pt x="196" y="103"/>
                </a:cubicBezTo>
                <a:cubicBezTo>
                  <a:pt x="192" y="104"/>
                  <a:pt x="183" y="110"/>
                  <a:pt x="180" y="114"/>
                </a:cubicBezTo>
                <a:cubicBezTo>
                  <a:pt x="175" y="115"/>
                  <a:pt x="167" y="123"/>
                  <a:pt x="160" y="128"/>
                </a:cubicBezTo>
                <a:cubicBezTo>
                  <a:pt x="161" y="128"/>
                  <a:pt x="163" y="127"/>
                  <a:pt x="161" y="129"/>
                </a:cubicBezTo>
                <a:cubicBezTo>
                  <a:pt x="164" y="127"/>
                  <a:pt x="163" y="126"/>
                  <a:pt x="165" y="125"/>
                </a:cubicBezTo>
                <a:cubicBezTo>
                  <a:pt x="166" y="125"/>
                  <a:pt x="167" y="124"/>
                  <a:pt x="165" y="127"/>
                </a:cubicBezTo>
                <a:cubicBezTo>
                  <a:pt x="167" y="125"/>
                  <a:pt x="166" y="126"/>
                  <a:pt x="168" y="125"/>
                </a:cubicBezTo>
                <a:cubicBezTo>
                  <a:pt x="168" y="124"/>
                  <a:pt x="169" y="122"/>
                  <a:pt x="167" y="123"/>
                </a:cubicBezTo>
                <a:cubicBezTo>
                  <a:pt x="172" y="119"/>
                  <a:pt x="174" y="119"/>
                  <a:pt x="177" y="116"/>
                </a:cubicBezTo>
                <a:cubicBezTo>
                  <a:pt x="176" y="117"/>
                  <a:pt x="178" y="116"/>
                  <a:pt x="179" y="115"/>
                </a:cubicBezTo>
                <a:cubicBezTo>
                  <a:pt x="179" y="115"/>
                  <a:pt x="178" y="115"/>
                  <a:pt x="179" y="114"/>
                </a:cubicBezTo>
                <a:cubicBezTo>
                  <a:pt x="183" y="113"/>
                  <a:pt x="189" y="107"/>
                  <a:pt x="193" y="105"/>
                </a:cubicBezTo>
                <a:cubicBezTo>
                  <a:pt x="193" y="105"/>
                  <a:pt x="192" y="105"/>
                  <a:pt x="194" y="104"/>
                </a:cubicBezTo>
                <a:cubicBezTo>
                  <a:pt x="193" y="106"/>
                  <a:pt x="196" y="103"/>
                  <a:pt x="198" y="102"/>
                </a:cubicBezTo>
                <a:cubicBezTo>
                  <a:pt x="198" y="103"/>
                  <a:pt x="189" y="108"/>
                  <a:pt x="194" y="106"/>
                </a:cubicBezTo>
                <a:cubicBezTo>
                  <a:pt x="192" y="107"/>
                  <a:pt x="190" y="108"/>
                  <a:pt x="190" y="108"/>
                </a:cubicBezTo>
                <a:cubicBezTo>
                  <a:pt x="194" y="106"/>
                  <a:pt x="190" y="109"/>
                  <a:pt x="189" y="110"/>
                </a:cubicBezTo>
                <a:cubicBezTo>
                  <a:pt x="194" y="107"/>
                  <a:pt x="196" y="106"/>
                  <a:pt x="200" y="103"/>
                </a:cubicBezTo>
                <a:cubicBezTo>
                  <a:pt x="201" y="103"/>
                  <a:pt x="200" y="103"/>
                  <a:pt x="201" y="102"/>
                </a:cubicBezTo>
                <a:cubicBezTo>
                  <a:pt x="202" y="102"/>
                  <a:pt x="205" y="100"/>
                  <a:pt x="205" y="99"/>
                </a:cubicBezTo>
                <a:cubicBezTo>
                  <a:pt x="207" y="98"/>
                  <a:pt x="210" y="96"/>
                  <a:pt x="210" y="97"/>
                </a:cubicBezTo>
                <a:cubicBezTo>
                  <a:pt x="212" y="96"/>
                  <a:pt x="213" y="96"/>
                  <a:pt x="213" y="95"/>
                </a:cubicBezTo>
                <a:cubicBezTo>
                  <a:pt x="211" y="96"/>
                  <a:pt x="215" y="94"/>
                  <a:pt x="214" y="94"/>
                </a:cubicBezTo>
                <a:cubicBezTo>
                  <a:pt x="213" y="95"/>
                  <a:pt x="213" y="94"/>
                  <a:pt x="211" y="95"/>
                </a:cubicBezTo>
                <a:cubicBezTo>
                  <a:pt x="211" y="96"/>
                  <a:pt x="207" y="98"/>
                  <a:pt x="205" y="99"/>
                </a:cubicBezTo>
                <a:cubicBezTo>
                  <a:pt x="205" y="99"/>
                  <a:pt x="202" y="101"/>
                  <a:pt x="202" y="101"/>
                </a:cubicBezTo>
                <a:cubicBezTo>
                  <a:pt x="200" y="101"/>
                  <a:pt x="205" y="99"/>
                  <a:pt x="203" y="100"/>
                </a:cubicBezTo>
                <a:close/>
                <a:moveTo>
                  <a:pt x="201" y="82"/>
                </a:moveTo>
                <a:cubicBezTo>
                  <a:pt x="203" y="81"/>
                  <a:pt x="203" y="82"/>
                  <a:pt x="205" y="81"/>
                </a:cubicBezTo>
                <a:cubicBezTo>
                  <a:pt x="205" y="80"/>
                  <a:pt x="206" y="80"/>
                  <a:pt x="205" y="79"/>
                </a:cubicBezTo>
                <a:cubicBezTo>
                  <a:pt x="203" y="80"/>
                  <a:pt x="202" y="81"/>
                  <a:pt x="201" y="82"/>
                </a:cubicBezTo>
                <a:close/>
                <a:moveTo>
                  <a:pt x="192" y="82"/>
                </a:moveTo>
                <a:cubicBezTo>
                  <a:pt x="192" y="81"/>
                  <a:pt x="194" y="80"/>
                  <a:pt x="194" y="80"/>
                </a:cubicBezTo>
                <a:cubicBezTo>
                  <a:pt x="192" y="80"/>
                  <a:pt x="187" y="84"/>
                  <a:pt x="190" y="83"/>
                </a:cubicBezTo>
                <a:cubicBezTo>
                  <a:pt x="192" y="81"/>
                  <a:pt x="191" y="83"/>
                  <a:pt x="191" y="83"/>
                </a:cubicBezTo>
                <a:cubicBezTo>
                  <a:pt x="192" y="83"/>
                  <a:pt x="194" y="82"/>
                  <a:pt x="195" y="81"/>
                </a:cubicBezTo>
                <a:cubicBezTo>
                  <a:pt x="195" y="81"/>
                  <a:pt x="195" y="82"/>
                  <a:pt x="195" y="82"/>
                </a:cubicBezTo>
                <a:cubicBezTo>
                  <a:pt x="197" y="81"/>
                  <a:pt x="197" y="81"/>
                  <a:pt x="197" y="81"/>
                </a:cubicBezTo>
                <a:cubicBezTo>
                  <a:pt x="197" y="80"/>
                  <a:pt x="197" y="80"/>
                  <a:pt x="197" y="80"/>
                </a:cubicBezTo>
                <a:cubicBezTo>
                  <a:pt x="194" y="82"/>
                  <a:pt x="193" y="81"/>
                  <a:pt x="192" y="82"/>
                </a:cubicBezTo>
                <a:close/>
                <a:moveTo>
                  <a:pt x="196" y="84"/>
                </a:moveTo>
                <a:cubicBezTo>
                  <a:pt x="193" y="86"/>
                  <a:pt x="192" y="85"/>
                  <a:pt x="192" y="85"/>
                </a:cubicBezTo>
                <a:cubicBezTo>
                  <a:pt x="192" y="86"/>
                  <a:pt x="191" y="86"/>
                  <a:pt x="191" y="87"/>
                </a:cubicBezTo>
                <a:cubicBezTo>
                  <a:pt x="193" y="86"/>
                  <a:pt x="192" y="87"/>
                  <a:pt x="194" y="87"/>
                </a:cubicBezTo>
                <a:cubicBezTo>
                  <a:pt x="196" y="86"/>
                  <a:pt x="195" y="86"/>
                  <a:pt x="197" y="85"/>
                </a:cubicBezTo>
                <a:cubicBezTo>
                  <a:pt x="198" y="84"/>
                  <a:pt x="195" y="86"/>
                  <a:pt x="195" y="85"/>
                </a:cubicBezTo>
                <a:cubicBezTo>
                  <a:pt x="195" y="85"/>
                  <a:pt x="198" y="82"/>
                  <a:pt x="196" y="83"/>
                </a:cubicBezTo>
                <a:cubicBezTo>
                  <a:pt x="196" y="83"/>
                  <a:pt x="196" y="83"/>
                  <a:pt x="196" y="84"/>
                </a:cubicBezTo>
                <a:close/>
                <a:moveTo>
                  <a:pt x="187" y="104"/>
                </a:moveTo>
                <a:cubicBezTo>
                  <a:pt x="188" y="103"/>
                  <a:pt x="188" y="105"/>
                  <a:pt x="192" y="103"/>
                </a:cubicBezTo>
                <a:cubicBezTo>
                  <a:pt x="192" y="102"/>
                  <a:pt x="190" y="103"/>
                  <a:pt x="190" y="103"/>
                </a:cubicBezTo>
                <a:cubicBezTo>
                  <a:pt x="192" y="102"/>
                  <a:pt x="193" y="101"/>
                  <a:pt x="194" y="99"/>
                </a:cubicBezTo>
                <a:cubicBezTo>
                  <a:pt x="195" y="100"/>
                  <a:pt x="195" y="100"/>
                  <a:pt x="195" y="100"/>
                </a:cubicBezTo>
                <a:cubicBezTo>
                  <a:pt x="197" y="98"/>
                  <a:pt x="198" y="98"/>
                  <a:pt x="201" y="96"/>
                </a:cubicBezTo>
                <a:cubicBezTo>
                  <a:pt x="200" y="96"/>
                  <a:pt x="201" y="94"/>
                  <a:pt x="200" y="95"/>
                </a:cubicBezTo>
                <a:cubicBezTo>
                  <a:pt x="196" y="97"/>
                  <a:pt x="191" y="101"/>
                  <a:pt x="189" y="102"/>
                </a:cubicBezTo>
                <a:cubicBezTo>
                  <a:pt x="188" y="103"/>
                  <a:pt x="191" y="102"/>
                  <a:pt x="188" y="103"/>
                </a:cubicBezTo>
                <a:cubicBezTo>
                  <a:pt x="188" y="103"/>
                  <a:pt x="187" y="104"/>
                  <a:pt x="187" y="104"/>
                </a:cubicBezTo>
                <a:close/>
                <a:moveTo>
                  <a:pt x="198" y="107"/>
                </a:moveTo>
                <a:cubicBezTo>
                  <a:pt x="200" y="106"/>
                  <a:pt x="201" y="105"/>
                  <a:pt x="202" y="105"/>
                </a:cubicBezTo>
                <a:cubicBezTo>
                  <a:pt x="201" y="105"/>
                  <a:pt x="199" y="106"/>
                  <a:pt x="198" y="106"/>
                </a:cubicBezTo>
                <a:cubicBezTo>
                  <a:pt x="200" y="105"/>
                  <a:pt x="200" y="104"/>
                  <a:pt x="202" y="103"/>
                </a:cubicBezTo>
                <a:cubicBezTo>
                  <a:pt x="201" y="104"/>
                  <a:pt x="203" y="102"/>
                  <a:pt x="205" y="102"/>
                </a:cubicBezTo>
                <a:cubicBezTo>
                  <a:pt x="204" y="101"/>
                  <a:pt x="200" y="104"/>
                  <a:pt x="197" y="105"/>
                </a:cubicBezTo>
                <a:cubicBezTo>
                  <a:pt x="199" y="105"/>
                  <a:pt x="196" y="108"/>
                  <a:pt x="198" y="107"/>
                </a:cubicBezTo>
                <a:close/>
                <a:moveTo>
                  <a:pt x="186" y="99"/>
                </a:moveTo>
                <a:cubicBezTo>
                  <a:pt x="183" y="101"/>
                  <a:pt x="173" y="108"/>
                  <a:pt x="182" y="103"/>
                </a:cubicBezTo>
                <a:cubicBezTo>
                  <a:pt x="183" y="101"/>
                  <a:pt x="187" y="99"/>
                  <a:pt x="183" y="102"/>
                </a:cubicBezTo>
                <a:cubicBezTo>
                  <a:pt x="186" y="100"/>
                  <a:pt x="187" y="99"/>
                  <a:pt x="188" y="98"/>
                </a:cubicBezTo>
                <a:cubicBezTo>
                  <a:pt x="187" y="99"/>
                  <a:pt x="187" y="98"/>
                  <a:pt x="186" y="99"/>
                </a:cubicBezTo>
                <a:close/>
                <a:moveTo>
                  <a:pt x="169" y="89"/>
                </a:moveTo>
                <a:cubicBezTo>
                  <a:pt x="171" y="89"/>
                  <a:pt x="178" y="83"/>
                  <a:pt x="174" y="85"/>
                </a:cubicBezTo>
                <a:cubicBezTo>
                  <a:pt x="174" y="86"/>
                  <a:pt x="171" y="88"/>
                  <a:pt x="169" y="89"/>
                </a:cubicBezTo>
                <a:close/>
                <a:moveTo>
                  <a:pt x="182" y="123"/>
                </a:moveTo>
                <a:cubicBezTo>
                  <a:pt x="187" y="120"/>
                  <a:pt x="189" y="118"/>
                  <a:pt x="195" y="114"/>
                </a:cubicBezTo>
                <a:cubicBezTo>
                  <a:pt x="194" y="115"/>
                  <a:pt x="195" y="113"/>
                  <a:pt x="194" y="114"/>
                </a:cubicBezTo>
                <a:cubicBezTo>
                  <a:pt x="194" y="114"/>
                  <a:pt x="191" y="117"/>
                  <a:pt x="189" y="118"/>
                </a:cubicBezTo>
                <a:cubicBezTo>
                  <a:pt x="190" y="117"/>
                  <a:pt x="190" y="117"/>
                  <a:pt x="190" y="116"/>
                </a:cubicBezTo>
                <a:cubicBezTo>
                  <a:pt x="188" y="118"/>
                  <a:pt x="186" y="120"/>
                  <a:pt x="183" y="121"/>
                </a:cubicBezTo>
                <a:cubicBezTo>
                  <a:pt x="184" y="121"/>
                  <a:pt x="184" y="120"/>
                  <a:pt x="183" y="121"/>
                </a:cubicBezTo>
                <a:cubicBezTo>
                  <a:pt x="183" y="121"/>
                  <a:pt x="182" y="123"/>
                  <a:pt x="182" y="123"/>
                </a:cubicBezTo>
                <a:close/>
                <a:moveTo>
                  <a:pt x="178" y="110"/>
                </a:moveTo>
                <a:cubicBezTo>
                  <a:pt x="180" y="109"/>
                  <a:pt x="180" y="109"/>
                  <a:pt x="180" y="109"/>
                </a:cubicBezTo>
                <a:cubicBezTo>
                  <a:pt x="178" y="111"/>
                  <a:pt x="182" y="109"/>
                  <a:pt x="182" y="108"/>
                </a:cubicBezTo>
                <a:cubicBezTo>
                  <a:pt x="181" y="108"/>
                  <a:pt x="179" y="109"/>
                  <a:pt x="178" y="110"/>
                </a:cubicBezTo>
                <a:close/>
                <a:moveTo>
                  <a:pt x="178" y="117"/>
                </a:moveTo>
                <a:cubicBezTo>
                  <a:pt x="177" y="118"/>
                  <a:pt x="176" y="118"/>
                  <a:pt x="175" y="120"/>
                </a:cubicBezTo>
                <a:cubicBezTo>
                  <a:pt x="176" y="119"/>
                  <a:pt x="176" y="119"/>
                  <a:pt x="177" y="119"/>
                </a:cubicBezTo>
                <a:cubicBezTo>
                  <a:pt x="178" y="118"/>
                  <a:pt x="182" y="116"/>
                  <a:pt x="181" y="116"/>
                </a:cubicBezTo>
                <a:cubicBezTo>
                  <a:pt x="177" y="119"/>
                  <a:pt x="181" y="114"/>
                  <a:pt x="178" y="117"/>
                </a:cubicBezTo>
                <a:close/>
                <a:moveTo>
                  <a:pt x="164" y="122"/>
                </a:moveTo>
                <a:cubicBezTo>
                  <a:pt x="169" y="117"/>
                  <a:pt x="172" y="117"/>
                  <a:pt x="177" y="112"/>
                </a:cubicBezTo>
                <a:cubicBezTo>
                  <a:pt x="174" y="114"/>
                  <a:pt x="176" y="112"/>
                  <a:pt x="174" y="113"/>
                </a:cubicBezTo>
                <a:cubicBezTo>
                  <a:pt x="171" y="116"/>
                  <a:pt x="165" y="119"/>
                  <a:pt x="164" y="122"/>
                </a:cubicBezTo>
                <a:close/>
                <a:moveTo>
                  <a:pt x="159" y="111"/>
                </a:moveTo>
                <a:cubicBezTo>
                  <a:pt x="160" y="110"/>
                  <a:pt x="164" y="108"/>
                  <a:pt x="164" y="107"/>
                </a:cubicBezTo>
                <a:cubicBezTo>
                  <a:pt x="162" y="109"/>
                  <a:pt x="158" y="112"/>
                  <a:pt x="159" y="111"/>
                </a:cubicBezTo>
                <a:close/>
                <a:moveTo>
                  <a:pt x="170" y="123"/>
                </a:moveTo>
                <a:cubicBezTo>
                  <a:pt x="172" y="122"/>
                  <a:pt x="175" y="118"/>
                  <a:pt x="172" y="121"/>
                </a:cubicBezTo>
                <a:cubicBezTo>
                  <a:pt x="172" y="121"/>
                  <a:pt x="173" y="120"/>
                  <a:pt x="173" y="121"/>
                </a:cubicBezTo>
                <a:cubicBezTo>
                  <a:pt x="172" y="121"/>
                  <a:pt x="168" y="124"/>
                  <a:pt x="170" y="123"/>
                </a:cubicBezTo>
                <a:close/>
                <a:moveTo>
                  <a:pt x="125" y="113"/>
                </a:moveTo>
                <a:cubicBezTo>
                  <a:pt x="123" y="114"/>
                  <a:pt x="123" y="114"/>
                  <a:pt x="123" y="114"/>
                </a:cubicBezTo>
                <a:cubicBezTo>
                  <a:pt x="123" y="115"/>
                  <a:pt x="122" y="116"/>
                  <a:pt x="123" y="115"/>
                </a:cubicBezTo>
                <a:cubicBezTo>
                  <a:pt x="125" y="114"/>
                  <a:pt x="125" y="114"/>
                  <a:pt x="125" y="113"/>
                </a:cubicBezTo>
                <a:cubicBezTo>
                  <a:pt x="125" y="113"/>
                  <a:pt x="126" y="113"/>
                  <a:pt x="126" y="112"/>
                </a:cubicBezTo>
                <a:cubicBezTo>
                  <a:pt x="125" y="113"/>
                  <a:pt x="125" y="113"/>
                  <a:pt x="125" y="113"/>
                </a:cubicBezTo>
                <a:close/>
                <a:moveTo>
                  <a:pt x="107" y="138"/>
                </a:moveTo>
                <a:cubicBezTo>
                  <a:pt x="106" y="138"/>
                  <a:pt x="106" y="138"/>
                  <a:pt x="105" y="139"/>
                </a:cubicBezTo>
                <a:cubicBezTo>
                  <a:pt x="105" y="138"/>
                  <a:pt x="107" y="136"/>
                  <a:pt x="107" y="136"/>
                </a:cubicBezTo>
                <a:cubicBezTo>
                  <a:pt x="105" y="138"/>
                  <a:pt x="104" y="139"/>
                  <a:pt x="102" y="141"/>
                </a:cubicBezTo>
                <a:cubicBezTo>
                  <a:pt x="104" y="141"/>
                  <a:pt x="106" y="140"/>
                  <a:pt x="108" y="139"/>
                </a:cubicBezTo>
                <a:cubicBezTo>
                  <a:pt x="104" y="141"/>
                  <a:pt x="110" y="134"/>
                  <a:pt x="107" y="137"/>
                </a:cubicBezTo>
                <a:cubicBezTo>
                  <a:pt x="107" y="137"/>
                  <a:pt x="107" y="137"/>
                  <a:pt x="107" y="138"/>
                </a:cubicBezTo>
                <a:close/>
                <a:moveTo>
                  <a:pt x="128" y="160"/>
                </a:moveTo>
                <a:cubicBezTo>
                  <a:pt x="127" y="161"/>
                  <a:pt x="126" y="161"/>
                  <a:pt x="126" y="161"/>
                </a:cubicBezTo>
                <a:cubicBezTo>
                  <a:pt x="125" y="163"/>
                  <a:pt x="128" y="160"/>
                  <a:pt x="128" y="162"/>
                </a:cubicBezTo>
                <a:cubicBezTo>
                  <a:pt x="127" y="163"/>
                  <a:pt x="126" y="164"/>
                  <a:pt x="125" y="164"/>
                </a:cubicBezTo>
                <a:cubicBezTo>
                  <a:pt x="125" y="165"/>
                  <a:pt x="128" y="162"/>
                  <a:pt x="129" y="162"/>
                </a:cubicBezTo>
                <a:cubicBezTo>
                  <a:pt x="128" y="162"/>
                  <a:pt x="127" y="163"/>
                  <a:pt x="127" y="163"/>
                </a:cubicBezTo>
                <a:cubicBezTo>
                  <a:pt x="131" y="161"/>
                  <a:pt x="128" y="162"/>
                  <a:pt x="131" y="159"/>
                </a:cubicBezTo>
                <a:cubicBezTo>
                  <a:pt x="130" y="159"/>
                  <a:pt x="127" y="162"/>
                  <a:pt x="128" y="160"/>
                </a:cubicBezTo>
                <a:close/>
                <a:moveTo>
                  <a:pt x="95" y="148"/>
                </a:moveTo>
                <a:cubicBezTo>
                  <a:pt x="95" y="148"/>
                  <a:pt x="96" y="148"/>
                  <a:pt x="96" y="148"/>
                </a:cubicBezTo>
                <a:cubicBezTo>
                  <a:pt x="94" y="149"/>
                  <a:pt x="94" y="150"/>
                  <a:pt x="94" y="150"/>
                </a:cubicBezTo>
                <a:cubicBezTo>
                  <a:pt x="98" y="147"/>
                  <a:pt x="99" y="145"/>
                  <a:pt x="101" y="143"/>
                </a:cubicBezTo>
                <a:cubicBezTo>
                  <a:pt x="102" y="143"/>
                  <a:pt x="102" y="142"/>
                  <a:pt x="102" y="141"/>
                </a:cubicBezTo>
                <a:cubicBezTo>
                  <a:pt x="100" y="143"/>
                  <a:pt x="97" y="147"/>
                  <a:pt x="95" y="148"/>
                </a:cubicBezTo>
                <a:close/>
                <a:moveTo>
                  <a:pt x="110" y="169"/>
                </a:moveTo>
                <a:cubicBezTo>
                  <a:pt x="110" y="169"/>
                  <a:pt x="111" y="169"/>
                  <a:pt x="111" y="169"/>
                </a:cubicBezTo>
                <a:cubicBezTo>
                  <a:pt x="110" y="170"/>
                  <a:pt x="109" y="171"/>
                  <a:pt x="109" y="171"/>
                </a:cubicBezTo>
                <a:cubicBezTo>
                  <a:pt x="112" y="168"/>
                  <a:pt x="113" y="166"/>
                  <a:pt x="114" y="165"/>
                </a:cubicBezTo>
                <a:cubicBezTo>
                  <a:pt x="114" y="165"/>
                  <a:pt x="114" y="165"/>
                  <a:pt x="114" y="165"/>
                </a:cubicBezTo>
                <a:cubicBezTo>
                  <a:pt x="112" y="167"/>
                  <a:pt x="111" y="169"/>
                  <a:pt x="110" y="169"/>
                </a:cubicBezTo>
                <a:close/>
                <a:moveTo>
                  <a:pt x="91" y="154"/>
                </a:moveTo>
                <a:cubicBezTo>
                  <a:pt x="92" y="155"/>
                  <a:pt x="92" y="155"/>
                  <a:pt x="92" y="155"/>
                </a:cubicBezTo>
                <a:cubicBezTo>
                  <a:pt x="94" y="153"/>
                  <a:pt x="93" y="153"/>
                  <a:pt x="94" y="152"/>
                </a:cubicBezTo>
                <a:cubicBezTo>
                  <a:pt x="94" y="152"/>
                  <a:pt x="94" y="152"/>
                  <a:pt x="95" y="152"/>
                </a:cubicBezTo>
                <a:cubicBezTo>
                  <a:pt x="95" y="152"/>
                  <a:pt x="95" y="151"/>
                  <a:pt x="95" y="151"/>
                </a:cubicBezTo>
                <a:cubicBezTo>
                  <a:pt x="94" y="151"/>
                  <a:pt x="94" y="151"/>
                  <a:pt x="94" y="152"/>
                </a:cubicBezTo>
                <a:cubicBezTo>
                  <a:pt x="93" y="153"/>
                  <a:pt x="93" y="153"/>
                  <a:pt x="91" y="154"/>
                </a:cubicBezTo>
                <a:close/>
                <a:moveTo>
                  <a:pt x="92" y="162"/>
                </a:moveTo>
                <a:cubicBezTo>
                  <a:pt x="94" y="162"/>
                  <a:pt x="97" y="157"/>
                  <a:pt x="99" y="155"/>
                </a:cubicBezTo>
                <a:cubicBezTo>
                  <a:pt x="96" y="158"/>
                  <a:pt x="95" y="159"/>
                  <a:pt x="92" y="162"/>
                </a:cubicBezTo>
                <a:close/>
                <a:moveTo>
                  <a:pt x="88" y="161"/>
                </a:moveTo>
                <a:cubicBezTo>
                  <a:pt x="87" y="161"/>
                  <a:pt x="87" y="161"/>
                  <a:pt x="87" y="161"/>
                </a:cubicBezTo>
                <a:cubicBezTo>
                  <a:pt x="87" y="161"/>
                  <a:pt x="87" y="161"/>
                  <a:pt x="87" y="161"/>
                </a:cubicBezTo>
                <a:cubicBezTo>
                  <a:pt x="87" y="162"/>
                  <a:pt x="87" y="162"/>
                  <a:pt x="87" y="162"/>
                </a:cubicBezTo>
                <a:cubicBezTo>
                  <a:pt x="87" y="162"/>
                  <a:pt x="87" y="162"/>
                  <a:pt x="87" y="162"/>
                </a:cubicBezTo>
                <a:cubicBezTo>
                  <a:pt x="87" y="162"/>
                  <a:pt x="87" y="163"/>
                  <a:pt x="87" y="163"/>
                </a:cubicBezTo>
                <a:cubicBezTo>
                  <a:pt x="87" y="163"/>
                  <a:pt x="87" y="162"/>
                  <a:pt x="87" y="162"/>
                </a:cubicBezTo>
                <a:cubicBezTo>
                  <a:pt x="87" y="162"/>
                  <a:pt x="87" y="162"/>
                  <a:pt x="88" y="161"/>
                </a:cubicBezTo>
                <a:cubicBezTo>
                  <a:pt x="89" y="160"/>
                  <a:pt x="89" y="160"/>
                  <a:pt x="89" y="160"/>
                </a:cubicBezTo>
                <a:cubicBezTo>
                  <a:pt x="88" y="162"/>
                  <a:pt x="90" y="159"/>
                  <a:pt x="91" y="158"/>
                </a:cubicBezTo>
                <a:cubicBezTo>
                  <a:pt x="91" y="157"/>
                  <a:pt x="93" y="157"/>
                  <a:pt x="94" y="156"/>
                </a:cubicBezTo>
                <a:cubicBezTo>
                  <a:pt x="92" y="156"/>
                  <a:pt x="90" y="158"/>
                  <a:pt x="88" y="161"/>
                </a:cubicBezTo>
                <a:close/>
                <a:moveTo>
                  <a:pt x="106" y="176"/>
                </a:moveTo>
                <a:cubicBezTo>
                  <a:pt x="106" y="177"/>
                  <a:pt x="105" y="177"/>
                  <a:pt x="105" y="178"/>
                </a:cubicBezTo>
                <a:cubicBezTo>
                  <a:pt x="104" y="178"/>
                  <a:pt x="104" y="178"/>
                  <a:pt x="104" y="178"/>
                </a:cubicBezTo>
                <a:cubicBezTo>
                  <a:pt x="104" y="179"/>
                  <a:pt x="103" y="179"/>
                  <a:pt x="103" y="180"/>
                </a:cubicBezTo>
                <a:cubicBezTo>
                  <a:pt x="104" y="179"/>
                  <a:pt x="104" y="180"/>
                  <a:pt x="104" y="179"/>
                </a:cubicBezTo>
                <a:cubicBezTo>
                  <a:pt x="105" y="179"/>
                  <a:pt x="105" y="180"/>
                  <a:pt x="106" y="179"/>
                </a:cubicBezTo>
                <a:cubicBezTo>
                  <a:pt x="105" y="179"/>
                  <a:pt x="105" y="179"/>
                  <a:pt x="105" y="179"/>
                </a:cubicBezTo>
                <a:cubicBezTo>
                  <a:pt x="105" y="178"/>
                  <a:pt x="105" y="179"/>
                  <a:pt x="106" y="178"/>
                </a:cubicBezTo>
                <a:cubicBezTo>
                  <a:pt x="105" y="179"/>
                  <a:pt x="108" y="175"/>
                  <a:pt x="108" y="175"/>
                </a:cubicBezTo>
                <a:cubicBezTo>
                  <a:pt x="108" y="175"/>
                  <a:pt x="108" y="175"/>
                  <a:pt x="109" y="175"/>
                </a:cubicBezTo>
                <a:cubicBezTo>
                  <a:pt x="108" y="175"/>
                  <a:pt x="107" y="175"/>
                  <a:pt x="106" y="176"/>
                </a:cubicBezTo>
                <a:close/>
                <a:moveTo>
                  <a:pt x="109" y="180"/>
                </a:moveTo>
                <a:cubicBezTo>
                  <a:pt x="108" y="180"/>
                  <a:pt x="108" y="180"/>
                  <a:pt x="108" y="180"/>
                </a:cubicBezTo>
                <a:cubicBezTo>
                  <a:pt x="108" y="181"/>
                  <a:pt x="108" y="181"/>
                  <a:pt x="108" y="181"/>
                </a:cubicBezTo>
                <a:cubicBezTo>
                  <a:pt x="107" y="181"/>
                  <a:pt x="107" y="181"/>
                  <a:pt x="107" y="181"/>
                </a:cubicBezTo>
                <a:cubicBezTo>
                  <a:pt x="107" y="181"/>
                  <a:pt x="107" y="181"/>
                  <a:pt x="107" y="181"/>
                </a:cubicBezTo>
                <a:cubicBezTo>
                  <a:pt x="106" y="182"/>
                  <a:pt x="106" y="183"/>
                  <a:pt x="105" y="184"/>
                </a:cubicBezTo>
                <a:cubicBezTo>
                  <a:pt x="106" y="184"/>
                  <a:pt x="107" y="183"/>
                  <a:pt x="107" y="182"/>
                </a:cubicBezTo>
                <a:cubicBezTo>
                  <a:pt x="108" y="182"/>
                  <a:pt x="108" y="182"/>
                  <a:pt x="108" y="182"/>
                </a:cubicBezTo>
                <a:cubicBezTo>
                  <a:pt x="108" y="182"/>
                  <a:pt x="108" y="182"/>
                  <a:pt x="110" y="180"/>
                </a:cubicBezTo>
                <a:cubicBezTo>
                  <a:pt x="110" y="180"/>
                  <a:pt x="109" y="180"/>
                  <a:pt x="109" y="180"/>
                </a:cubicBezTo>
                <a:close/>
                <a:moveTo>
                  <a:pt x="88" y="171"/>
                </a:moveTo>
                <a:cubicBezTo>
                  <a:pt x="89" y="170"/>
                  <a:pt x="88" y="170"/>
                  <a:pt x="88" y="170"/>
                </a:cubicBezTo>
                <a:cubicBezTo>
                  <a:pt x="89" y="171"/>
                  <a:pt x="90" y="169"/>
                  <a:pt x="90" y="169"/>
                </a:cubicBezTo>
                <a:cubicBezTo>
                  <a:pt x="90" y="169"/>
                  <a:pt x="90" y="168"/>
                  <a:pt x="89" y="169"/>
                </a:cubicBezTo>
                <a:cubicBezTo>
                  <a:pt x="89" y="169"/>
                  <a:pt x="88" y="170"/>
                  <a:pt x="88" y="171"/>
                </a:cubicBezTo>
                <a:close/>
                <a:moveTo>
                  <a:pt x="98" y="180"/>
                </a:moveTo>
                <a:cubicBezTo>
                  <a:pt x="99" y="179"/>
                  <a:pt x="99" y="180"/>
                  <a:pt x="100" y="180"/>
                </a:cubicBezTo>
                <a:cubicBezTo>
                  <a:pt x="99" y="179"/>
                  <a:pt x="98" y="179"/>
                  <a:pt x="98" y="180"/>
                </a:cubicBezTo>
                <a:close/>
                <a:moveTo>
                  <a:pt x="102" y="183"/>
                </a:moveTo>
                <a:cubicBezTo>
                  <a:pt x="102" y="182"/>
                  <a:pt x="101" y="182"/>
                  <a:pt x="102" y="182"/>
                </a:cubicBezTo>
                <a:cubicBezTo>
                  <a:pt x="102" y="182"/>
                  <a:pt x="102" y="183"/>
                  <a:pt x="102" y="182"/>
                </a:cubicBezTo>
                <a:cubicBezTo>
                  <a:pt x="102" y="182"/>
                  <a:pt x="101" y="182"/>
                  <a:pt x="101" y="182"/>
                </a:cubicBezTo>
                <a:cubicBezTo>
                  <a:pt x="102" y="182"/>
                  <a:pt x="101" y="183"/>
                  <a:pt x="102" y="183"/>
                </a:cubicBezTo>
                <a:close/>
                <a:moveTo>
                  <a:pt x="102" y="191"/>
                </a:moveTo>
                <a:cubicBezTo>
                  <a:pt x="102" y="191"/>
                  <a:pt x="104" y="189"/>
                  <a:pt x="104" y="188"/>
                </a:cubicBezTo>
                <a:cubicBezTo>
                  <a:pt x="103" y="187"/>
                  <a:pt x="103" y="186"/>
                  <a:pt x="102" y="187"/>
                </a:cubicBezTo>
                <a:cubicBezTo>
                  <a:pt x="104" y="188"/>
                  <a:pt x="101" y="190"/>
                  <a:pt x="102" y="191"/>
                </a:cubicBezTo>
                <a:close/>
                <a:moveTo>
                  <a:pt x="100" y="187"/>
                </a:moveTo>
                <a:cubicBezTo>
                  <a:pt x="100" y="187"/>
                  <a:pt x="99" y="187"/>
                  <a:pt x="100" y="187"/>
                </a:cubicBezTo>
                <a:cubicBezTo>
                  <a:pt x="100" y="187"/>
                  <a:pt x="101" y="187"/>
                  <a:pt x="101" y="187"/>
                </a:cubicBezTo>
                <a:cubicBezTo>
                  <a:pt x="100" y="187"/>
                  <a:pt x="100" y="187"/>
                  <a:pt x="100" y="187"/>
                </a:cubicBezTo>
                <a:close/>
                <a:moveTo>
                  <a:pt x="99" y="192"/>
                </a:moveTo>
                <a:cubicBezTo>
                  <a:pt x="97" y="193"/>
                  <a:pt x="94" y="197"/>
                  <a:pt x="94" y="198"/>
                </a:cubicBezTo>
                <a:cubicBezTo>
                  <a:pt x="95" y="197"/>
                  <a:pt x="96" y="196"/>
                  <a:pt x="97" y="194"/>
                </a:cubicBezTo>
                <a:cubicBezTo>
                  <a:pt x="97" y="195"/>
                  <a:pt x="97" y="195"/>
                  <a:pt x="97" y="194"/>
                </a:cubicBezTo>
                <a:cubicBezTo>
                  <a:pt x="98" y="192"/>
                  <a:pt x="101" y="192"/>
                  <a:pt x="102" y="189"/>
                </a:cubicBezTo>
                <a:cubicBezTo>
                  <a:pt x="101" y="189"/>
                  <a:pt x="101" y="190"/>
                  <a:pt x="101" y="190"/>
                </a:cubicBezTo>
                <a:cubicBezTo>
                  <a:pt x="100" y="189"/>
                  <a:pt x="102" y="189"/>
                  <a:pt x="102" y="188"/>
                </a:cubicBezTo>
                <a:cubicBezTo>
                  <a:pt x="100" y="189"/>
                  <a:pt x="100" y="191"/>
                  <a:pt x="98" y="191"/>
                </a:cubicBezTo>
                <a:cubicBezTo>
                  <a:pt x="99" y="191"/>
                  <a:pt x="99" y="192"/>
                  <a:pt x="99" y="192"/>
                </a:cubicBezTo>
                <a:close/>
                <a:moveTo>
                  <a:pt x="95" y="191"/>
                </a:moveTo>
                <a:cubicBezTo>
                  <a:pt x="96" y="191"/>
                  <a:pt x="95" y="192"/>
                  <a:pt x="96" y="192"/>
                </a:cubicBezTo>
                <a:cubicBezTo>
                  <a:pt x="96" y="191"/>
                  <a:pt x="98" y="191"/>
                  <a:pt x="97" y="190"/>
                </a:cubicBezTo>
                <a:cubicBezTo>
                  <a:pt x="98" y="190"/>
                  <a:pt x="98" y="189"/>
                  <a:pt x="98" y="189"/>
                </a:cubicBezTo>
                <a:cubicBezTo>
                  <a:pt x="98" y="189"/>
                  <a:pt x="97" y="189"/>
                  <a:pt x="98" y="189"/>
                </a:cubicBezTo>
                <a:cubicBezTo>
                  <a:pt x="98" y="189"/>
                  <a:pt x="99" y="189"/>
                  <a:pt x="100" y="188"/>
                </a:cubicBezTo>
                <a:cubicBezTo>
                  <a:pt x="99" y="187"/>
                  <a:pt x="99" y="187"/>
                  <a:pt x="99" y="187"/>
                </a:cubicBezTo>
                <a:cubicBezTo>
                  <a:pt x="98" y="187"/>
                  <a:pt x="99" y="188"/>
                  <a:pt x="98" y="188"/>
                </a:cubicBezTo>
                <a:cubicBezTo>
                  <a:pt x="98" y="187"/>
                  <a:pt x="96" y="189"/>
                  <a:pt x="97" y="190"/>
                </a:cubicBezTo>
                <a:cubicBezTo>
                  <a:pt x="96" y="190"/>
                  <a:pt x="96" y="190"/>
                  <a:pt x="96" y="190"/>
                </a:cubicBezTo>
                <a:cubicBezTo>
                  <a:pt x="96" y="190"/>
                  <a:pt x="97" y="190"/>
                  <a:pt x="96" y="191"/>
                </a:cubicBezTo>
                <a:cubicBezTo>
                  <a:pt x="96" y="190"/>
                  <a:pt x="96" y="190"/>
                  <a:pt x="96" y="190"/>
                </a:cubicBezTo>
                <a:cubicBezTo>
                  <a:pt x="96" y="191"/>
                  <a:pt x="96" y="191"/>
                  <a:pt x="95" y="191"/>
                </a:cubicBezTo>
                <a:close/>
                <a:moveTo>
                  <a:pt x="85" y="191"/>
                </a:moveTo>
                <a:cubicBezTo>
                  <a:pt x="85" y="194"/>
                  <a:pt x="82" y="195"/>
                  <a:pt x="81" y="197"/>
                </a:cubicBezTo>
                <a:cubicBezTo>
                  <a:pt x="82" y="198"/>
                  <a:pt x="82" y="197"/>
                  <a:pt x="82" y="197"/>
                </a:cubicBezTo>
                <a:cubicBezTo>
                  <a:pt x="84" y="195"/>
                  <a:pt x="85" y="193"/>
                  <a:pt x="87" y="192"/>
                </a:cubicBezTo>
                <a:cubicBezTo>
                  <a:pt x="87" y="192"/>
                  <a:pt x="87" y="193"/>
                  <a:pt x="88" y="193"/>
                </a:cubicBezTo>
                <a:cubicBezTo>
                  <a:pt x="88" y="193"/>
                  <a:pt x="89" y="191"/>
                  <a:pt x="90" y="191"/>
                </a:cubicBezTo>
                <a:cubicBezTo>
                  <a:pt x="89" y="190"/>
                  <a:pt x="89" y="190"/>
                  <a:pt x="89" y="190"/>
                </a:cubicBezTo>
                <a:cubicBezTo>
                  <a:pt x="89" y="191"/>
                  <a:pt x="88" y="193"/>
                  <a:pt x="87" y="192"/>
                </a:cubicBezTo>
                <a:cubicBezTo>
                  <a:pt x="87" y="191"/>
                  <a:pt x="88" y="190"/>
                  <a:pt x="89" y="189"/>
                </a:cubicBezTo>
                <a:cubicBezTo>
                  <a:pt x="88" y="189"/>
                  <a:pt x="88" y="188"/>
                  <a:pt x="87" y="189"/>
                </a:cubicBezTo>
                <a:cubicBezTo>
                  <a:pt x="88" y="189"/>
                  <a:pt x="87" y="190"/>
                  <a:pt x="88" y="190"/>
                </a:cubicBezTo>
                <a:cubicBezTo>
                  <a:pt x="87" y="190"/>
                  <a:pt x="88" y="190"/>
                  <a:pt x="87" y="190"/>
                </a:cubicBezTo>
                <a:cubicBezTo>
                  <a:pt x="86" y="190"/>
                  <a:pt x="86" y="192"/>
                  <a:pt x="85" y="191"/>
                </a:cubicBezTo>
                <a:cubicBezTo>
                  <a:pt x="86" y="191"/>
                  <a:pt x="86" y="191"/>
                  <a:pt x="86" y="191"/>
                </a:cubicBezTo>
                <a:cubicBezTo>
                  <a:pt x="85" y="191"/>
                  <a:pt x="86" y="191"/>
                  <a:pt x="85" y="191"/>
                </a:cubicBezTo>
                <a:close/>
                <a:moveTo>
                  <a:pt x="94" y="201"/>
                </a:moveTo>
                <a:cubicBezTo>
                  <a:pt x="95" y="200"/>
                  <a:pt x="94" y="199"/>
                  <a:pt x="95" y="200"/>
                </a:cubicBezTo>
                <a:cubicBezTo>
                  <a:pt x="95" y="199"/>
                  <a:pt x="95" y="199"/>
                  <a:pt x="96" y="199"/>
                </a:cubicBezTo>
                <a:cubicBezTo>
                  <a:pt x="94" y="198"/>
                  <a:pt x="94" y="200"/>
                  <a:pt x="94" y="201"/>
                </a:cubicBezTo>
                <a:close/>
                <a:moveTo>
                  <a:pt x="93" y="198"/>
                </a:moveTo>
                <a:cubicBezTo>
                  <a:pt x="93" y="199"/>
                  <a:pt x="93" y="199"/>
                  <a:pt x="92" y="199"/>
                </a:cubicBezTo>
                <a:cubicBezTo>
                  <a:pt x="93" y="200"/>
                  <a:pt x="91" y="200"/>
                  <a:pt x="92" y="200"/>
                </a:cubicBezTo>
                <a:cubicBezTo>
                  <a:pt x="92" y="199"/>
                  <a:pt x="94" y="199"/>
                  <a:pt x="93" y="198"/>
                </a:cubicBezTo>
                <a:close/>
                <a:moveTo>
                  <a:pt x="91" y="201"/>
                </a:moveTo>
                <a:cubicBezTo>
                  <a:pt x="91" y="202"/>
                  <a:pt x="91" y="201"/>
                  <a:pt x="90" y="201"/>
                </a:cubicBezTo>
                <a:cubicBezTo>
                  <a:pt x="90" y="202"/>
                  <a:pt x="91" y="202"/>
                  <a:pt x="91" y="202"/>
                </a:cubicBezTo>
                <a:cubicBezTo>
                  <a:pt x="91" y="202"/>
                  <a:pt x="91" y="202"/>
                  <a:pt x="91" y="203"/>
                </a:cubicBezTo>
                <a:cubicBezTo>
                  <a:pt x="91" y="202"/>
                  <a:pt x="92" y="202"/>
                  <a:pt x="91" y="202"/>
                </a:cubicBezTo>
                <a:cubicBezTo>
                  <a:pt x="92" y="201"/>
                  <a:pt x="92" y="202"/>
                  <a:pt x="92" y="201"/>
                </a:cubicBezTo>
                <a:cubicBezTo>
                  <a:pt x="92" y="201"/>
                  <a:pt x="92" y="201"/>
                  <a:pt x="92" y="201"/>
                </a:cubicBezTo>
                <a:cubicBezTo>
                  <a:pt x="92" y="200"/>
                  <a:pt x="92" y="201"/>
                  <a:pt x="93" y="201"/>
                </a:cubicBezTo>
                <a:cubicBezTo>
                  <a:pt x="93" y="200"/>
                  <a:pt x="93" y="200"/>
                  <a:pt x="93" y="200"/>
                </a:cubicBezTo>
                <a:cubicBezTo>
                  <a:pt x="92" y="199"/>
                  <a:pt x="92" y="201"/>
                  <a:pt x="91" y="201"/>
                </a:cubicBezTo>
                <a:close/>
                <a:moveTo>
                  <a:pt x="87" y="202"/>
                </a:moveTo>
                <a:cubicBezTo>
                  <a:pt x="87" y="203"/>
                  <a:pt x="86" y="204"/>
                  <a:pt x="86" y="205"/>
                </a:cubicBezTo>
                <a:cubicBezTo>
                  <a:pt x="88" y="203"/>
                  <a:pt x="89" y="204"/>
                  <a:pt x="90" y="205"/>
                </a:cubicBezTo>
                <a:cubicBezTo>
                  <a:pt x="89" y="204"/>
                  <a:pt x="90" y="204"/>
                  <a:pt x="90" y="204"/>
                </a:cubicBezTo>
                <a:cubicBezTo>
                  <a:pt x="90" y="204"/>
                  <a:pt x="89" y="204"/>
                  <a:pt x="89" y="203"/>
                </a:cubicBezTo>
                <a:cubicBezTo>
                  <a:pt x="89" y="204"/>
                  <a:pt x="89" y="203"/>
                  <a:pt x="88" y="203"/>
                </a:cubicBezTo>
                <a:cubicBezTo>
                  <a:pt x="88" y="203"/>
                  <a:pt x="88" y="203"/>
                  <a:pt x="88" y="203"/>
                </a:cubicBezTo>
                <a:cubicBezTo>
                  <a:pt x="88" y="203"/>
                  <a:pt x="88" y="203"/>
                  <a:pt x="88" y="203"/>
                </a:cubicBezTo>
                <a:cubicBezTo>
                  <a:pt x="88" y="203"/>
                  <a:pt x="88" y="202"/>
                  <a:pt x="89" y="202"/>
                </a:cubicBezTo>
                <a:cubicBezTo>
                  <a:pt x="87" y="202"/>
                  <a:pt x="88" y="201"/>
                  <a:pt x="87" y="202"/>
                </a:cubicBezTo>
                <a:close/>
                <a:moveTo>
                  <a:pt x="64" y="186"/>
                </a:moveTo>
                <a:cubicBezTo>
                  <a:pt x="65" y="186"/>
                  <a:pt x="65" y="186"/>
                  <a:pt x="65" y="186"/>
                </a:cubicBezTo>
                <a:cubicBezTo>
                  <a:pt x="65" y="186"/>
                  <a:pt x="65" y="186"/>
                  <a:pt x="65" y="186"/>
                </a:cubicBezTo>
                <a:cubicBezTo>
                  <a:pt x="65" y="186"/>
                  <a:pt x="65" y="186"/>
                  <a:pt x="65" y="186"/>
                </a:cubicBezTo>
                <a:cubicBezTo>
                  <a:pt x="65" y="186"/>
                  <a:pt x="65" y="186"/>
                  <a:pt x="65" y="186"/>
                </a:cubicBezTo>
                <a:cubicBezTo>
                  <a:pt x="65" y="186"/>
                  <a:pt x="64" y="186"/>
                  <a:pt x="64" y="186"/>
                </a:cubicBezTo>
                <a:close/>
                <a:moveTo>
                  <a:pt x="86" y="208"/>
                </a:moveTo>
                <a:cubicBezTo>
                  <a:pt x="86" y="208"/>
                  <a:pt x="86" y="207"/>
                  <a:pt x="86" y="207"/>
                </a:cubicBezTo>
                <a:cubicBezTo>
                  <a:pt x="85" y="207"/>
                  <a:pt x="87" y="207"/>
                  <a:pt x="87" y="206"/>
                </a:cubicBezTo>
                <a:cubicBezTo>
                  <a:pt x="86" y="206"/>
                  <a:pt x="85" y="208"/>
                  <a:pt x="86" y="208"/>
                </a:cubicBezTo>
                <a:close/>
                <a:moveTo>
                  <a:pt x="84" y="206"/>
                </a:moveTo>
                <a:cubicBezTo>
                  <a:pt x="84" y="206"/>
                  <a:pt x="84" y="207"/>
                  <a:pt x="85" y="206"/>
                </a:cubicBezTo>
                <a:cubicBezTo>
                  <a:pt x="84" y="206"/>
                  <a:pt x="84" y="205"/>
                  <a:pt x="84" y="206"/>
                </a:cubicBezTo>
                <a:cubicBezTo>
                  <a:pt x="84" y="206"/>
                  <a:pt x="83" y="205"/>
                  <a:pt x="84" y="206"/>
                </a:cubicBezTo>
                <a:close/>
                <a:moveTo>
                  <a:pt x="79" y="215"/>
                </a:moveTo>
                <a:cubicBezTo>
                  <a:pt x="79" y="215"/>
                  <a:pt x="79" y="215"/>
                  <a:pt x="80" y="215"/>
                </a:cubicBezTo>
                <a:cubicBezTo>
                  <a:pt x="80" y="214"/>
                  <a:pt x="82" y="213"/>
                  <a:pt x="81" y="212"/>
                </a:cubicBezTo>
                <a:cubicBezTo>
                  <a:pt x="81" y="212"/>
                  <a:pt x="81" y="212"/>
                  <a:pt x="81" y="212"/>
                </a:cubicBezTo>
                <a:cubicBezTo>
                  <a:pt x="81" y="212"/>
                  <a:pt x="80" y="212"/>
                  <a:pt x="80" y="212"/>
                </a:cubicBezTo>
                <a:cubicBezTo>
                  <a:pt x="81" y="212"/>
                  <a:pt x="81" y="212"/>
                  <a:pt x="81" y="213"/>
                </a:cubicBezTo>
                <a:cubicBezTo>
                  <a:pt x="80" y="212"/>
                  <a:pt x="80" y="213"/>
                  <a:pt x="80" y="212"/>
                </a:cubicBezTo>
                <a:cubicBezTo>
                  <a:pt x="79" y="212"/>
                  <a:pt x="79" y="212"/>
                  <a:pt x="79" y="213"/>
                </a:cubicBezTo>
                <a:cubicBezTo>
                  <a:pt x="79" y="214"/>
                  <a:pt x="77" y="216"/>
                  <a:pt x="76" y="217"/>
                </a:cubicBezTo>
                <a:cubicBezTo>
                  <a:pt x="77" y="217"/>
                  <a:pt x="77" y="216"/>
                  <a:pt x="77" y="217"/>
                </a:cubicBezTo>
                <a:cubicBezTo>
                  <a:pt x="77" y="217"/>
                  <a:pt x="77" y="217"/>
                  <a:pt x="77" y="217"/>
                </a:cubicBezTo>
                <a:cubicBezTo>
                  <a:pt x="77" y="217"/>
                  <a:pt x="78" y="216"/>
                  <a:pt x="79" y="216"/>
                </a:cubicBezTo>
                <a:cubicBezTo>
                  <a:pt x="78" y="216"/>
                  <a:pt x="78" y="215"/>
                  <a:pt x="78" y="215"/>
                </a:cubicBezTo>
                <a:cubicBezTo>
                  <a:pt x="79" y="215"/>
                  <a:pt x="78" y="215"/>
                  <a:pt x="79" y="215"/>
                </a:cubicBezTo>
                <a:cubicBezTo>
                  <a:pt x="79" y="215"/>
                  <a:pt x="79" y="215"/>
                  <a:pt x="79" y="215"/>
                </a:cubicBezTo>
                <a:close/>
                <a:moveTo>
                  <a:pt x="74" y="207"/>
                </a:moveTo>
                <a:cubicBezTo>
                  <a:pt x="73" y="207"/>
                  <a:pt x="73" y="208"/>
                  <a:pt x="72" y="207"/>
                </a:cubicBezTo>
                <a:cubicBezTo>
                  <a:pt x="71" y="209"/>
                  <a:pt x="70" y="210"/>
                  <a:pt x="69" y="210"/>
                </a:cubicBezTo>
                <a:cubicBezTo>
                  <a:pt x="68" y="211"/>
                  <a:pt x="69" y="210"/>
                  <a:pt x="69" y="211"/>
                </a:cubicBezTo>
                <a:cubicBezTo>
                  <a:pt x="68" y="211"/>
                  <a:pt x="69" y="212"/>
                  <a:pt x="68" y="212"/>
                </a:cubicBezTo>
                <a:cubicBezTo>
                  <a:pt x="69" y="212"/>
                  <a:pt x="69" y="211"/>
                  <a:pt x="68" y="211"/>
                </a:cubicBezTo>
                <a:cubicBezTo>
                  <a:pt x="68" y="212"/>
                  <a:pt x="67" y="212"/>
                  <a:pt x="68" y="213"/>
                </a:cubicBezTo>
                <a:cubicBezTo>
                  <a:pt x="68" y="213"/>
                  <a:pt x="68" y="213"/>
                  <a:pt x="68" y="213"/>
                </a:cubicBezTo>
                <a:cubicBezTo>
                  <a:pt x="69" y="212"/>
                  <a:pt x="69" y="213"/>
                  <a:pt x="69" y="214"/>
                </a:cubicBezTo>
                <a:cubicBezTo>
                  <a:pt x="70" y="213"/>
                  <a:pt x="70" y="211"/>
                  <a:pt x="71" y="211"/>
                </a:cubicBezTo>
                <a:cubicBezTo>
                  <a:pt x="70" y="211"/>
                  <a:pt x="70" y="212"/>
                  <a:pt x="70" y="212"/>
                </a:cubicBezTo>
                <a:cubicBezTo>
                  <a:pt x="71" y="212"/>
                  <a:pt x="71" y="212"/>
                  <a:pt x="71" y="212"/>
                </a:cubicBezTo>
                <a:cubicBezTo>
                  <a:pt x="71" y="213"/>
                  <a:pt x="70" y="213"/>
                  <a:pt x="71" y="214"/>
                </a:cubicBezTo>
                <a:cubicBezTo>
                  <a:pt x="69" y="213"/>
                  <a:pt x="70" y="215"/>
                  <a:pt x="69" y="216"/>
                </a:cubicBezTo>
                <a:cubicBezTo>
                  <a:pt x="68" y="217"/>
                  <a:pt x="66" y="218"/>
                  <a:pt x="67" y="219"/>
                </a:cubicBezTo>
                <a:cubicBezTo>
                  <a:pt x="65" y="219"/>
                  <a:pt x="64" y="222"/>
                  <a:pt x="62" y="223"/>
                </a:cubicBezTo>
                <a:cubicBezTo>
                  <a:pt x="63" y="223"/>
                  <a:pt x="62" y="223"/>
                  <a:pt x="63" y="223"/>
                </a:cubicBezTo>
                <a:cubicBezTo>
                  <a:pt x="63" y="223"/>
                  <a:pt x="62" y="225"/>
                  <a:pt x="63" y="225"/>
                </a:cubicBezTo>
                <a:cubicBezTo>
                  <a:pt x="63" y="224"/>
                  <a:pt x="63" y="223"/>
                  <a:pt x="64" y="223"/>
                </a:cubicBezTo>
                <a:cubicBezTo>
                  <a:pt x="64" y="221"/>
                  <a:pt x="67" y="221"/>
                  <a:pt x="67" y="219"/>
                </a:cubicBezTo>
                <a:cubicBezTo>
                  <a:pt x="68" y="218"/>
                  <a:pt x="68" y="218"/>
                  <a:pt x="69" y="217"/>
                </a:cubicBezTo>
                <a:cubicBezTo>
                  <a:pt x="69" y="217"/>
                  <a:pt x="68" y="217"/>
                  <a:pt x="69" y="216"/>
                </a:cubicBezTo>
                <a:cubicBezTo>
                  <a:pt x="70" y="217"/>
                  <a:pt x="69" y="216"/>
                  <a:pt x="69" y="216"/>
                </a:cubicBezTo>
                <a:cubicBezTo>
                  <a:pt x="70" y="216"/>
                  <a:pt x="73" y="213"/>
                  <a:pt x="72" y="212"/>
                </a:cubicBezTo>
                <a:cubicBezTo>
                  <a:pt x="73" y="212"/>
                  <a:pt x="73" y="212"/>
                  <a:pt x="73" y="212"/>
                </a:cubicBezTo>
                <a:cubicBezTo>
                  <a:pt x="73" y="211"/>
                  <a:pt x="73" y="210"/>
                  <a:pt x="72" y="210"/>
                </a:cubicBezTo>
                <a:cubicBezTo>
                  <a:pt x="73" y="210"/>
                  <a:pt x="73" y="210"/>
                  <a:pt x="73" y="211"/>
                </a:cubicBezTo>
                <a:cubicBezTo>
                  <a:pt x="72" y="210"/>
                  <a:pt x="72" y="211"/>
                  <a:pt x="72" y="211"/>
                </a:cubicBezTo>
                <a:cubicBezTo>
                  <a:pt x="72" y="210"/>
                  <a:pt x="72" y="209"/>
                  <a:pt x="72" y="209"/>
                </a:cubicBezTo>
                <a:cubicBezTo>
                  <a:pt x="72" y="210"/>
                  <a:pt x="71" y="210"/>
                  <a:pt x="71" y="210"/>
                </a:cubicBezTo>
                <a:cubicBezTo>
                  <a:pt x="72" y="210"/>
                  <a:pt x="71" y="209"/>
                  <a:pt x="72" y="209"/>
                </a:cubicBezTo>
                <a:cubicBezTo>
                  <a:pt x="73" y="209"/>
                  <a:pt x="72" y="207"/>
                  <a:pt x="74" y="208"/>
                </a:cubicBezTo>
                <a:cubicBezTo>
                  <a:pt x="74" y="208"/>
                  <a:pt x="74" y="207"/>
                  <a:pt x="74" y="207"/>
                </a:cubicBezTo>
                <a:close/>
                <a:moveTo>
                  <a:pt x="64" y="211"/>
                </a:moveTo>
                <a:cubicBezTo>
                  <a:pt x="66" y="211"/>
                  <a:pt x="67" y="206"/>
                  <a:pt x="68" y="207"/>
                </a:cubicBezTo>
                <a:cubicBezTo>
                  <a:pt x="68" y="206"/>
                  <a:pt x="70" y="205"/>
                  <a:pt x="69" y="204"/>
                </a:cubicBezTo>
                <a:cubicBezTo>
                  <a:pt x="68" y="206"/>
                  <a:pt x="66" y="208"/>
                  <a:pt x="64" y="211"/>
                </a:cubicBezTo>
                <a:close/>
                <a:moveTo>
                  <a:pt x="73" y="215"/>
                </a:moveTo>
                <a:cubicBezTo>
                  <a:pt x="73" y="215"/>
                  <a:pt x="74" y="214"/>
                  <a:pt x="73" y="214"/>
                </a:cubicBezTo>
                <a:cubicBezTo>
                  <a:pt x="73" y="215"/>
                  <a:pt x="72" y="214"/>
                  <a:pt x="72" y="215"/>
                </a:cubicBezTo>
                <a:cubicBezTo>
                  <a:pt x="72" y="215"/>
                  <a:pt x="71" y="215"/>
                  <a:pt x="71" y="217"/>
                </a:cubicBezTo>
                <a:cubicBezTo>
                  <a:pt x="71" y="217"/>
                  <a:pt x="71" y="217"/>
                  <a:pt x="71" y="217"/>
                </a:cubicBezTo>
                <a:cubicBezTo>
                  <a:pt x="72" y="217"/>
                  <a:pt x="73" y="215"/>
                  <a:pt x="74" y="216"/>
                </a:cubicBezTo>
                <a:cubicBezTo>
                  <a:pt x="74" y="216"/>
                  <a:pt x="74" y="215"/>
                  <a:pt x="75" y="215"/>
                </a:cubicBezTo>
                <a:cubicBezTo>
                  <a:pt x="74" y="214"/>
                  <a:pt x="74" y="214"/>
                  <a:pt x="74" y="213"/>
                </a:cubicBezTo>
                <a:cubicBezTo>
                  <a:pt x="75" y="213"/>
                  <a:pt x="75" y="212"/>
                  <a:pt x="76" y="212"/>
                </a:cubicBezTo>
                <a:cubicBezTo>
                  <a:pt x="75" y="212"/>
                  <a:pt x="76" y="211"/>
                  <a:pt x="76" y="211"/>
                </a:cubicBezTo>
                <a:cubicBezTo>
                  <a:pt x="75" y="211"/>
                  <a:pt x="74" y="213"/>
                  <a:pt x="73" y="214"/>
                </a:cubicBezTo>
                <a:cubicBezTo>
                  <a:pt x="74" y="214"/>
                  <a:pt x="74" y="215"/>
                  <a:pt x="73" y="215"/>
                </a:cubicBezTo>
                <a:close/>
                <a:moveTo>
                  <a:pt x="74" y="210"/>
                </a:moveTo>
                <a:cubicBezTo>
                  <a:pt x="74" y="210"/>
                  <a:pt x="74" y="210"/>
                  <a:pt x="74" y="210"/>
                </a:cubicBezTo>
                <a:cubicBezTo>
                  <a:pt x="75" y="211"/>
                  <a:pt x="75" y="211"/>
                  <a:pt x="75" y="211"/>
                </a:cubicBezTo>
                <a:cubicBezTo>
                  <a:pt x="75" y="210"/>
                  <a:pt x="75" y="210"/>
                  <a:pt x="75" y="210"/>
                </a:cubicBezTo>
                <a:cubicBezTo>
                  <a:pt x="75" y="210"/>
                  <a:pt x="75" y="210"/>
                  <a:pt x="75" y="210"/>
                </a:cubicBezTo>
                <a:cubicBezTo>
                  <a:pt x="75" y="210"/>
                  <a:pt x="74" y="210"/>
                  <a:pt x="74" y="210"/>
                </a:cubicBezTo>
                <a:close/>
                <a:moveTo>
                  <a:pt x="48" y="194"/>
                </a:moveTo>
                <a:cubicBezTo>
                  <a:pt x="47" y="194"/>
                  <a:pt x="49" y="193"/>
                  <a:pt x="48" y="193"/>
                </a:cubicBezTo>
                <a:cubicBezTo>
                  <a:pt x="47" y="193"/>
                  <a:pt x="47" y="195"/>
                  <a:pt x="48" y="194"/>
                </a:cubicBezTo>
                <a:close/>
                <a:moveTo>
                  <a:pt x="75" y="220"/>
                </a:moveTo>
                <a:cubicBezTo>
                  <a:pt x="76" y="219"/>
                  <a:pt x="77" y="219"/>
                  <a:pt x="77" y="217"/>
                </a:cubicBezTo>
                <a:cubicBezTo>
                  <a:pt x="76" y="218"/>
                  <a:pt x="75" y="219"/>
                  <a:pt x="75" y="220"/>
                </a:cubicBezTo>
                <a:close/>
                <a:moveTo>
                  <a:pt x="39" y="198"/>
                </a:moveTo>
                <a:cubicBezTo>
                  <a:pt x="39" y="199"/>
                  <a:pt x="39" y="198"/>
                  <a:pt x="39" y="199"/>
                </a:cubicBezTo>
                <a:cubicBezTo>
                  <a:pt x="40" y="199"/>
                  <a:pt x="40" y="198"/>
                  <a:pt x="40" y="198"/>
                </a:cubicBezTo>
                <a:cubicBezTo>
                  <a:pt x="40" y="198"/>
                  <a:pt x="39" y="198"/>
                  <a:pt x="39" y="198"/>
                </a:cubicBezTo>
                <a:close/>
                <a:moveTo>
                  <a:pt x="67" y="230"/>
                </a:moveTo>
                <a:cubicBezTo>
                  <a:pt x="68" y="230"/>
                  <a:pt x="68" y="229"/>
                  <a:pt x="67" y="229"/>
                </a:cubicBezTo>
                <a:cubicBezTo>
                  <a:pt x="67" y="229"/>
                  <a:pt x="66" y="229"/>
                  <a:pt x="67" y="230"/>
                </a:cubicBezTo>
                <a:cubicBezTo>
                  <a:pt x="67" y="230"/>
                  <a:pt x="67" y="230"/>
                  <a:pt x="67" y="230"/>
                </a:cubicBezTo>
                <a:cubicBezTo>
                  <a:pt x="68" y="230"/>
                  <a:pt x="71" y="228"/>
                  <a:pt x="70" y="227"/>
                </a:cubicBezTo>
                <a:cubicBezTo>
                  <a:pt x="70" y="228"/>
                  <a:pt x="69" y="228"/>
                  <a:pt x="68" y="228"/>
                </a:cubicBezTo>
                <a:cubicBezTo>
                  <a:pt x="68" y="228"/>
                  <a:pt x="67" y="228"/>
                  <a:pt x="68" y="227"/>
                </a:cubicBezTo>
                <a:cubicBezTo>
                  <a:pt x="67" y="228"/>
                  <a:pt x="67" y="229"/>
                  <a:pt x="68" y="229"/>
                </a:cubicBezTo>
                <a:cubicBezTo>
                  <a:pt x="68" y="229"/>
                  <a:pt x="68" y="229"/>
                  <a:pt x="68" y="230"/>
                </a:cubicBezTo>
                <a:cubicBezTo>
                  <a:pt x="68" y="229"/>
                  <a:pt x="67" y="230"/>
                  <a:pt x="67" y="230"/>
                </a:cubicBezTo>
                <a:close/>
                <a:moveTo>
                  <a:pt x="57" y="232"/>
                </a:moveTo>
                <a:cubicBezTo>
                  <a:pt x="56" y="231"/>
                  <a:pt x="57" y="233"/>
                  <a:pt x="56" y="233"/>
                </a:cubicBezTo>
                <a:cubicBezTo>
                  <a:pt x="56" y="233"/>
                  <a:pt x="57" y="233"/>
                  <a:pt x="57" y="232"/>
                </a:cubicBezTo>
                <a:cubicBezTo>
                  <a:pt x="57" y="231"/>
                  <a:pt x="60" y="229"/>
                  <a:pt x="61" y="228"/>
                </a:cubicBezTo>
                <a:cubicBezTo>
                  <a:pt x="60" y="228"/>
                  <a:pt x="60" y="227"/>
                  <a:pt x="60" y="227"/>
                </a:cubicBezTo>
                <a:cubicBezTo>
                  <a:pt x="61" y="227"/>
                  <a:pt x="62" y="226"/>
                  <a:pt x="62" y="226"/>
                </a:cubicBezTo>
                <a:cubicBezTo>
                  <a:pt x="61" y="226"/>
                  <a:pt x="61" y="226"/>
                  <a:pt x="60" y="226"/>
                </a:cubicBezTo>
                <a:cubicBezTo>
                  <a:pt x="61" y="226"/>
                  <a:pt x="61" y="227"/>
                  <a:pt x="61" y="227"/>
                </a:cubicBezTo>
                <a:cubicBezTo>
                  <a:pt x="59" y="228"/>
                  <a:pt x="58" y="230"/>
                  <a:pt x="57" y="232"/>
                </a:cubicBezTo>
                <a:close/>
                <a:moveTo>
                  <a:pt x="66" y="232"/>
                </a:moveTo>
                <a:cubicBezTo>
                  <a:pt x="67" y="232"/>
                  <a:pt x="65" y="232"/>
                  <a:pt x="65" y="231"/>
                </a:cubicBezTo>
                <a:cubicBezTo>
                  <a:pt x="66" y="232"/>
                  <a:pt x="64" y="232"/>
                  <a:pt x="64" y="233"/>
                </a:cubicBezTo>
                <a:cubicBezTo>
                  <a:pt x="65" y="233"/>
                  <a:pt x="65" y="233"/>
                  <a:pt x="66" y="233"/>
                </a:cubicBezTo>
                <a:cubicBezTo>
                  <a:pt x="65" y="232"/>
                  <a:pt x="65" y="233"/>
                  <a:pt x="65" y="233"/>
                </a:cubicBezTo>
                <a:cubicBezTo>
                  <a:pt x="65" y="232"/>
                  <a:pt x="65" y="232"/>
                  <a:pt x="66" y="232"/>
                </a:cubicBezTo>
                <a:cubicBezTo>
                  <a:pt x="66" y="232"/>
                  <a:pt x="66" y="232"/>
                  <a:pt x="66" y="233"/>
                </a:cubicBezTo>
                <a:cubicBezTo>
                  <a:pt x="67" y="232"/>
                  <a:pt x="68" y="232"/>
                  <a:pt x="67" y="231"/>
                </a:cubicBezTo>
                <a:cubicBezTo>
                  <a:pt x="67" y="231"/>
                  <a:pt x="67" y="232"/>
                  <a:pt x="66" y="232"/>
                </a:cubicBezTo>
                <a:close/>
                <a:moveTo>
                  <a:pt x="50" y="233"/>
                </a:moveTo>
                <a:cubicBezTo>
                  <a:pt x="50" y="232"/>
                  <a:pt x="50" y="232"/>
                  <a:pt x="50" y="232"/>
                </a:cubicBezTo>
                <a:cubicBezTo>
                  <a:pt x="49" y="233"/>
                  <a:pt x="49" y="233"/>
                  <a:pt x="49" y="233"/>
                </a:cubicBezTo>
                <a:cubicBezTo>
                  <a:pt x="49" y="233"/>
                  <a:pt x="49" y="233"/>
                  <a:pt x="49" y="233"/>
                </a:cubicBezTo>
                <a:cubicBezTo>
                  <a:pt x="48" y="233"/>
                  <a:pt x="48" y="234"/>
                  <a:pt x="47" y="235"/>
                </a:cubicBezTo>
                <a:cubicBezTo>
                  <a:pt x="48" y="233"/>
                  <a:pt x="49" y="231"/>
                  <a:pt x="50" y="229"/>
                </a:cubicBezTo>
                <a:cubicBezTo>
                  <a:pt x="52" y="228"/>
                  <a:pt x="53" y="226"/>
                  <a:pt x="55" y="224"/>
                </a:cubicBezTo>
                <a:cubicBezTo>
                  <a:pt x="55" y="225"/>
                  <a:pt x="54" y="226"/>
                  <a:pt x="53" y="227"/>
                </a:cubicBezTo>
                <a:cubicBezTo>
                  <a:pt x="52" y="228"/>
                  <a:pt x="53" y="228"/>
                  <a:pt x="52" y="229"/>
                </a:cubicBezTo>
                <a:cubicBezTo>
                  <a:pt x="52" y="229"/>
                  <a:pt x="52" y="230"/>
                  <a:pt x="52" y="229"/>
                </a:cubicBezTo>
                <a:cubicBezTo>
                  <a:pt x="52" y="231"/>
                  <a:pt x="50" y="232"/>
                  <a:pt x="50" y="233"/>
                </a:cubicBezTo>
                <a:close/>
                <a:moveTo>
                  <a:pt x="51" y="231"/>
                </a:moveTo>
                <a:cubicBezTo>
                  <a:pt x="51" y="231"/>
                  <a:pt x="50" y="231"/>
                  <a:pt x="50" y="231"/>
                </a:cubicBezTo>
                <a:cubicBezTo>
                  <a:pt x="50" y="232"/>
                  <a:pt x="50" y="232"/>
                  <a:pt x="51" y="231"/>
                </a:cubicBezTo>
                <a:close/>
                <a:moveTo>
                  <a:pt x="47" y="227"/>
                </a:moveTo>
                <a:cubicBezTo>
                  <a:pt x="47" y="226"/>
                  <a:pt x="48" y="225"/>
                  <a:pt x="48" y="225"/>
                </a:cubicBezTo>
                <a:cubicBezTo>
                  <a:pt x="47" y="225"/>
                  <a:pt x="47" y="225"/>
                  <a:pt x="47" y="225"/>
                </a:cubicBezTo>
                <a:cubicBezTo>
                  <a:pt x="48" y="226"/>
                  <a:pt x="46" y="226"/>
                  <a:pt x="47" y="227"/>
                </a:cubicBezTo>
                <a:close/>
                <a:moveTo>
                  <a:pt x="64" y="239"/>
                </a:moveTo>
                <a:cubicBezTo>
                  <a:pt x="64" y="238"/>
                  <a:pt x="65" y="238"/>
                  <a:pt x="64" y="238"/>
                </a:cubicBezTo>
                <a:cubicBezTo>
                  <a:pt x="64" y="238"/>
                  <a:pt x="64" y="238"/>
                  <a:pt x="64" y="238"/>
                </a:cubicBezTo>
                <a:cubicBezTo>
                  <a:pt x="65" y="238"/>
                  <a:pt x="63" y="239"/>
                  <a:pt x="64" y="239"/>
                </a:cubicBezTo>
                <a:close/>
                <a:moveTo>
                  <a:pt x="54" y="231"/>
                </a:moveTo>
                <a:cubicBezTo>
                  <a:pt x="53" y="232"/>
                  <a:pt x="53" y="232"/>
                  <a:pt x="53" y="232"/>
                </a:cubicBezTo>
                <a:cubicBezTo>
                  <a:pt x="53" y="231"/>
                  <a:pt x="53" y="231"/>
                  <a:pt x="53" y="231"/>
                </a:cubicBezTo>
                <a:cubicBezTo>
                  <a:pt x="53" y="231"/>
                  <a:pt x="52" y="231"/>
                  <a:pt x="52" y="231"/>
                </a:cubicBezTo>
                <a:cubicBezTo>
                  <a:pt x="52" y="232"/>
                  <a:pt x="53" y="232"/>
                  <a:pt x="52" y="232"/>
                </a:cubicBezTo>
                <a:cubicBezTo>
                  <a:pt x="51" y="232"/>
                  <a:pt x="51" y="234"/>
                  <a:pt x="50" y="235"/>
                </a:cubicBezTo>
                <a:cubicBezTo>
                  <a:pt x="50" y="235"/>
                  <a:pt x="51" y="236"/>
                  <a:pt x="51" y="235"/>
                </a:cubicBezTo>
                <a:cubicBezTo>
                  <a:pt x="52" y="235"/>
                  <a:pt x="50" y="235"/>
                  <a:pt x="51" y="235"/>
                </a:cubicBezTo>
                <a:cubicBezTo>
                  <a:pt x="51" y="235"/>
                  <a:pt x="52" y="235"/>
                  <a:pt x="52" y="234"/>
                </a:cubicBezTo>
                <a:cubicBezTo>
                  <a:pt x="51" y="234"/>
                  <a:pt x="51" y="234"/>
                  <a:pt x="51" y="233"/>
                </a:cubicBezTo>
                <a:cubicBezTo>
                  <a:pt x="52" y="233"/>
                  <a:pt x="52" y="232"/>
                  <a:pt x="53" y="232"/>
                </a:cubicBezTo>
                <a:cubicBezTo>
                  <a:pt x="53" y="232"/>
                  <a:pt x="53" y="233"/>
                  <a:pt x="53" y="233"/>
                </a:cubicBezTo>
                <a:cubicBezTo>
                  <a:pt x="54" y="232"/>
                  <a:pt x="54" y="231"/>
                  <a:pt x="53" y="231"/>
                </a:cubicBezTo>
                <a:cubicBezTo>
                  <a:pt x="53" y="231"/>
                  <a:pt x="54" y="231"/>
                  <a:pt x="54" y="231"/>
                </a:cubicBezTo>
                <a:close/>
                <a:moveTo>
                  <a:pt x="53" y="236"/>
                </a:moveTo>
                <a:cubicBezTo>
                  <a:pt x="54" y="237"/>
                  <a:pt x="51" y="238"/>
                  <a:pt x="52" y="239"/>
                </a:cubicBezTo>
                <a:cubicBezTo>
                  <a:pt x="53" y="237"/>
                  <a:pt x="55" y="235"/>
                  <a:pt x="56" y="233"/>
                </a:cubicBezTo>
                <a:cubicBezTo>
                  <a:pt x="55" y="234"/>
                  <a:pt x="55" y="235"/>
                  <a:pt x="54" y="235"/>
                </a:cubicBezTo>
                <a:cubicBezTo>
                  <a:pt x="54" y="236"/>
                  <a:pt x="54" y="236"/>
                  <a:pt x="54" y="235"/>
                </a:cubicBezTo>
                <a:cubicBezTo>
                  <a:pt x="54" y="236"/>
                  <a:pt x="53" y="237"/>
                  <a:pt x="53" y="236"/>
                </a:cubicBezTo>
                <a:close/>
                <a:moveTo>
                  <a:pt x="59" y="240"/>
                </a:moveTo>
                <a:cubicBezTo>
                  <a:pt x="59" y="240"/>
                  <a:pt x="60" y="240"/>
                  <a:pt x="60" y="240"/>
                </a:cubicBezTo>
                <a:cubicBezTo>
                  <a:pt x="60" y="239"/>
                  <a:pt x="60" y="240"/>
                  <a:pt x="59" y="239"/>
                </a:cubicBezTo>
                <a:cubicBezTo>
                  <a:pt x="60" y="239"/>
                  <a:pt x="59" y="239"/>
                  <a:pt x="59" y="239"/>
                </a:cubicBezTo>
                <a:cubicBezTo>
                  <a:pt x="60" y="240"/>
                  <a:pt x="59" y="240"/>
                  <a:pt x="59" y="240"/>
                </a:cubicBezTo>
                <a:close/>
                <a:moveTo>
                  <a:pt x="46" y="234"/>
                </a:moveTo>
                <a:cubicBezTo>
                  <a:pt x="47" y="234"/>
                  <a:pt x="47" y="233"/>
                  <a:pt x="47" y="233"/>
                </a:cubicBezTo>
                <a:cubicBezTo>
                  <a:pt x="46" y="234"/>
                  <a:pt x="46" y="232"/>
                  <a:pt x="46" y="233"/>
                </a:cubicBezTo>
                <a:cubicBezTo>
                  <a:pt x="46" y="233"/>
                  <a:pt x="46" y="233"/>
                  <a:pt x="46" y="233"/>
                </a:cubicBezTo>
                <a:cubicBezTo>
                  <a:pt x="46" y="233"/>
                  <a:pt x="46" y="234"/>
                  <a:pt x="46" y="234"/>
                </a:cubicBezTo>
                <a:close/>
                <a:moveTo>
                  <a:pt x="48" y="236"/>
                </a:moveTo>
                <a:cubicBezTo>
                  <a:pt x="48" y="237"/>
                  <a:pt x="49" y="237"/>
                  <a:pt x="49" y="238"/>
                </a:cubicBezTo>
                <a:cubicBezTo>
                  <a:pt x="49" y="237"/>
                  <a:pt x="51" y="237"/>
                  <a:pt x="51" y="236"/>
                </a:cubicBezTo>
                <a:cubicBezTo>
                  <a:pt x="50" y="236"/>
                  <a:pt x="50" y="236"/>
                  <a:pt x="49" y="237"/>
                </a:cubicBezTo>
                <a:cubicBezTo>
                  <a:pt x="49" y="236"/>
                  <a:pt x="50" y="236"/>
                  <a:pt x="49" y="235"/>
                </a:cubicBezTo>
                <a:cubicBezTo>
                  <a:pt x="49" y="236"/>
                  <a:pt x="49" y="236"/>
                  <a:pt x="48" y="236"/>
                </a:cubicBezTo>
                <a:close/>
                <a:moveTo>
                  <a:pt x="24" y="224"/>
                </a:moveTo>
                <a:cubicBezTo>
                  <a:pt x="24" y="223"/>
                  <a:pt x="24" y="224"/>
                  <a:pt x="25" y="223"/>
                </a:cubicBezTo>
                <a:cubicBezTo>
                  <a:pt x="24" y="223"/>
                  <a:pt x="24" y="223"/>
                  <a:pt x="23" y="223"/>
                </a:cubicBezTo>
                <a:cubicBezTo>
                  <a:pt x="24" y="224"/>
                  <a:pt x="24" y="223"/>
                  <a:pt x="24" y="224"/>
                </a:cubicBezTo>
                <a:cubicBezTo>
                  <a:pt x="24" y="224"/>
                  <a:pt x="24" y="224"/>
                  <a:pt x="24" y="224"/>
                </a:cubicBezTo>
                <a:close/>
                <a:moveTo>
                  <a:pt x="17" y="230"/>
                </a:moveTo>
                <a:cubicBezTo>
                  <a:pt x="18" y="228"/>
                  <a:pt x="19" y="228"/>
                  <a:pt x="19" y="227"/>
                </a:cubicBezTo>
                <a:cubicBezTo>
                  <a:pt x="19" y="227"/>
                  <a:pt x="16" y="229"/>
                  <a:pt x="17" y="230"/>
                </a:cubicBezTo>
                <a:close/>
                <a:moveTo>
                  <a:pt x="45" y="246"/>
                </a:moveTo>
                <a:cubicBezTo>
                  <a:pt x="45" y="246"/>
                  <a:pt x="46" y="247"/>
                  <a:pt x="46" y="247"/>
                </a:cubicBezTo>
                <a:cubicBezTo>
                  <a:pt x="45" y="247"/>
                  <a:pt x="45" y="248"/>
                  <a:pt x="45" y="248"/>
                </a:cubicBezTo>
                <a:cubicBezTo>
                  <a:pt x="46" y="248"/>
                  <a:pt x="46" y="247"/>
                  <a:pt x="47" y="247"/>
                </a:cubicBezTo>
                <a:cubicBezTo>
                  <a:pt x="47" y="247"/>
                  <a:pt x="47" y="247"/>
                  <a:pt x="47" y="247"/>
                </a:cubicBezTo>
                <a:cubicBezTo>
                  <a:pt x="46" y="247"/>
                  <a:pt x="46" y="245"/>
                  <a:pt x="45" y="246"/>
                </a:cubicBezTo>
                <a:close/>
                <a:moveTo>
                  <a:pt x="19" y="231"/>
                </a:moveTo>
                <a:cubicBezTo>
                  <a:pt x="19" y="231"/>
                  <a:pt x="18" y="231"/>
                  <a:pt x="18" y="231"/>
                </a:cubicBezTo>
                <a:cubicBezTo>
                  <a:pt x="19" y="232"/>
                  <a:pt x="19" y="230"/>
                  <a:pt x="18" y="230"/>
                </a:cubicBezTo>
                <a:cubicBezTo>
                  <a:pt x="18" y="231"/>
                  <a:pt x="19" y="230"/>
                  <a:pt x="19" y="231"/>
                </a:cubicBezTo>
                <a:close/>
                <a:moveTo>
                  <a:pt x="18" y="232"/>
                </a:moveTo>
                <a:cubicBezTo>
                  <a:pt x="18" y="234"/>
                  <a:pt x="17" y="234"/>
                  <a:pt x="17" y="235"/>
                </a:cubicBezTo>
                <a:cubicBezTo>
                  <a:pt x="17" y="235"/>
                  <a:pt x="17" y="234"/>
                  <a:pt x="18" y="234"/>
                </a:cubicBezTo>
                <a:cubicBezTo>
                  <a:pt x="18" y="233"/>
                  <a:pt x="19" y="232"/>
                  <a:pt x="18" y="232"/>
                </a:cubicBezTo>
                <a:cubicBezTo>
                  <a:pt x="17" y="232"/>
                  <a:pt x="18" y="233"/>
                  <a:pt x="18" y="232"/>
                </a:cubicBezTo>
                <a:close/>
                <a:moveTo>
                  <a:pt x="4" y="256"/>
                </a:moveTo>
                <a:cubicBezTo>
                  <a:pt x="5" y="255"/>
                  <a:pt x="5" y="254"/>
                  <a:pt x="6" y="253"/>
                </a:cubicBezTo>
                <a:cubicBezTo>
                  <a:pt x="5" y="254"/>
                  <a:pt x="4" y="255"/>
                  <a:pt x="4" y="256"/>
                </a:cubicBezTo>
                <a:close/>
                <a:moveTo>
                  <a:pt x="5" y="258"/>
                </a:moveTo>
                <a:cubicBezTo>
                  <a:pt x="6" y="257"/>
                  <a:pt x="6" y="258"/>
                  <a:pt x="6" y="257"/>
                </a:cubicBezTo>
                <a:cubicBezTo>
                  <a:pt x="6" y="257"/>
                  <a:pt x="6" y="256"/>
                  <a:pt x="6" y="257"/>
                </a:cubicBezTo>
                <a:cubicBezTo>
                  <a:pt x="6" y="257"/>
                  <a:pt x="6" y="257"/>
                  <a:pt x="6" y="257"/>
                </a:cubicBezTo>
                <a:cubicBezTo>
                  <a:pt x="5" y="257"/>
                  <a:pt x="5" y="257"/>
                  <a:pt x="5" y="258"/>
                </a:cubicBezTo>
                <a:close/>
                <a:moveTo>
                  <a:pt x="810" y="264"/>
                </a:moveTo>
                <a:cubicBezTo>
                  <a:pt x="810" y="263"/>
                  <a:pt x="808" y="261"/>
                  <a:pt x="809" y="261"/>
                </a:cubicBezTo>
                <a:cubicBezTo>
                  <a:pt x="810" y="263"/>
                  <a:pt x="809" y="259"/>
                  <a:pt x="809" y="258"/>
                </a:cubicBezTo>
                <a:cubicBezTo>
                  <a:pt x="810" y="258"/>
                  <a:pt x="811" y="261"/>
                  <a:pt x="811" y="261"/>
                </a:cubicBezTo>
                <a:cubicBezTo>
                  <a:pt x="809" y="256"/>
                  <a:pt x="809" y="255"/>
                  <a:pt x="807" y="251"/>
                </a:cubicBezTo>
                <a:cubicBezTo>
                  <a:pt x="808" y="254"/>
                  <a:pt x="807" y="252"/>
                  <a:pt x="806" y="253"/>
                </a:cubicBezTo>
                <a:cubicBezTo>
                  <a:pt x="806" y="253"/>
                  <a:pt x="807" y="260"/>
                  <a:pt x="805" y="261"/>
                </a:cubicBezTo>
                <a:cubicBezTo>
                  <a:pt x="805" y="261"/>
                  <a:pt x="804" y="259"/>
                  <a:pt x="804" y="259"/>
                </a:cubicBezTo>
                <a:cubicBezTo>
                  <a:pt x="803" y="261"/>
                  <a:pt x="804" y="266"/>
                  <a:pt x="801" y="262"/>
                </a:cubicBezTo>
                <a:cubicBezTo>
                  <a:pt x="805" y="271"/>
                  <a:pt x="805" y="267"/>
                  <a:pt x="806" y="266"/>
                </a:cubicBezTo>
                <a:cubicBezTo>
                  <a:pt x="806" y="266"/>
                  <a:pt x="810" y="269"/>
                  <a:pt x="808" y="265"/>
                </a:cubicBezTo>
                <a:cubicBezTo>
                  <a:pt x="809" y="266"/>
                  <a:pt x="810" y="269"/>
                  <a:pt x="810" y="268"/>
                </a:cubicBezTo>
                <a:cubicBezTo>
                  <a:pt x="811" y="267"/>
                  <a:pt x="808" y="263"/>
                  <a:pt x="810" y="264"/>
                </a:cubicBezTo>
                <a:close/>
                <a:moveTo>
                  <a:pt x="440" y="4"/>
                </a:moveTo>
                <a:cubicBezTo>
                  <a:pt x="437" y="3"/>
                  <a:pt x="437" y="4"/>
                  <a:pt x="434" y="4"/>
                </a:cubicBezTo>
                <a:cubicBezTo>
                  <a:pt x="434" y="3"/>
                  <a:pt x="433" y="3"/>
                  <a:pt x="433" y="3"/>
                </a:cubicBezTo>
                <a:cubicBezTo>
                  <a:pt x="435" y="3"/>
                  <a:pt x="437" y="3"/>
                  <a:pt x="438" y="2"/>
                </a:cubicBezTo>
                <a:cubicBezTo>
                  <a:pt x="434" y="2"/>
                  <a:pt x="429" y="3"/>
                  <a:pt x="425" y="3"/>
                </a:cubicBezTo>
                <a:cubicBezTo>
                  <a:pt x="428" y="3"/>
                  <a:pt x="433" y="4"/>
                  <a:pt x="437" y="4"/>
                </a:cubicBezTo>
                <a:cubicBezTo>
                  <a:pt x="436" y="4"/>
                  <a:pt x="434" y="4"/>
                  <a:pt x="434" y="4"/>
                </a:cubicBezTo>
                <a:cubicBezTo>
                  <a:pt x="439" y="4"/>
                  <a:pt x="441" y="4"/>
                  <a:pt x="443" y="5"/>
                </a:cubicBezTo>
                <a:cubicBezTo>
                  <a:pt x="442" y="4"/>
                  <a:pt x="446" y="5"/>
                  <a:pt x="446" y="5"/>
                </a:cubicBezTo>
                <a:cubicBezTo>
                  <a:pt x="444" y="4"/>
                  <a:pt x="444" y="5"/>
                  <a:pt x="440" y="4"/>
                </a:cubicBezTo>
                <a:close/>
                <a:moveTo>
                  <a:pt x="399" y="5"/>
                </a:moveTo>
                <a:cubicBezTo>
                  <a:pt x="398" y="4"/>
                  <a:pt x="401" y="4"/>
                  <a:pt x="398" y="4"/>
                </a:cubicBezTo>
                <a:cubicBezTo>
                  <a:pt x="393" y="5"/>
                  <a:pt x="386" y="4"/>
                  <a:pt x="382" y="5"/>
                </a:cubicBezTo>
                <a:cubicBezTo>
                  <a:pt x="385" y="5"/>
                  <a:pt x="389" y="5"/>
                  <a:pt x="390" y="6"/>
                </a:cubicBezTo>
                <a:cubicBezTo>
                  <a:pt x="395" y="5"/>
                  <a:pt x="398" y="6"/>
                  <a:pt x="400" y="5"/>
                </a:cubicBezTo>
                <a:lnTo>
                  <a:pt x="399" y="5"/>
                </a:lnTo>
                <a:close/>
                <a:moveTo>
                  <a:pt x="142" y="101"/>
                </a:moveTo>
                <a:cubicBezTo>
                  <a:pt x="142" y="102"/>
                  <a:pt x="141" y="103"/>
                  <a:pt x="143" y="102"/>
                </a:cubicBezTo>
                <a:cubicBezTo>
                  <a:pt x="147" y="98"/>
                  <a:pt x="152" y="95"/>
                  <a:pt x="156" y="91"/>
                </a:cubicBezTo>
                <a:cubicBezTo>
                  <a:pt x="154" y="92"/>
                  <a:pt x="153" y="93"/>
                  <a:pt x="152" y="94"/>
                </a:cubicBezTo>
                <a:cubicBezTo>
                  <a:pt x="153" y="93"/>
                  <a:pt x="154" y="92"/>
                  <a:pt x="154" y="91"/>
                </a:cubicBezTo>
                <a:cubicBezTo>
                  <a:pt x="149" y="95"/>
                  <a:pt x="141" y="101"/>
                  <a:pt x="134" y="107"/>
                </a:cubicBezTo>
                <a:cubicBezTo>
                  <a:pt x="135" y="107"/>
                  <a:pt x="140" y="103"/>
                  <a:pt x="142" y="101"/>
                </a:cubicBezTo>
                <a:close/>
                <a:moveTo>
                  <a:pt x="84" y="158"/>
                </a:moveTo>
                <a:cubicBezTo>
                  <a:pt x="84" y="159"/>
                  <a:pt x="84" y="160"/>
                  <a:pt x="83" y="160"/>
                </a:cubicBezTo>
                <a:cubicBezTo>
                  <a:pt x="83" y="161"/>
                  <a:pt x="83" y="162"/>
                  <a:pt x="84" y="161"/>
                </a:cubicBezTo>
                <a:cubicBezTo>
                  <a:pt x="84" y="161"/>
                  <a:pt x="84" y="161"/>
                  <a:pt x="84" y="161"/>
                </a:cubicBezTo>
                <a:cubicBezTo>
                  <a:pt x="84" y="160"/>
                  <a:pt x="84" y="160"/>
                  <a:pt x="84" y="160"/>
                </a:cubicBezTo>
                <a:cubicBezTo>
                  <a:pt x="85" y="160"/>
                  <a:pt x="84" y="161"/>
                  <a:pt x="85" y="161"/>
                </a:cubicBezTo>
                <a:cubicBezTo>
                  <a:pt x="85" y="160"/>
                  <a:pt x="86" y="160"/>
                  <a:pt x="85" y="160"/>
                </a:cubicBezTo>
                <a:cubicBezTo>
                  <a:pt x="85" y="160"/>
                  <a:pt x="85" y="160"/>
                  <a:pt x="85" y="160"/>
                </a:cubicBezTo>
                <a:cubicBezTo>
                  <a:pt x="85" y="160"/>
                  <a:pt x="85" y="159"/>
                  <a:pt x="85" y="159"/>
                </a:cubicBezTo>
                <a:cubicBezTo>
                  <a:pt x="85" y="159"/>
                  <a:pt x="86" y="159"/>
                  <a:pt x="87" y="158"/>
                </a:cubicBezTo>
                <a:cubicBezTo>
                  <a:pt x="85" y="159"/>
                  <a:pt x="86" y="157"/>
                  <a:pt x="84" y="158"/>
                </a:cubicBezTo>
                <a:close/>
                <a:moveTo>
                  <a:pt x="103" y="180"/>
                </a:moveTo>
                <a:cubicBezTo>
                  <a:pt x="102" y="180"/>
                  <a:pt x="102" y="181"/>
                  <a:pt x="102" y="181"/>
                </a:cubicBezTo>
                <a:cubicBezTo>
                  <a:pt x="102" y="181"/>
                  <a:pt x="103" y="181"/>
                  <a:pt x="103" y="181"/>
                </a:cubicBezTo>
                <a:cubicBezTo>
                  <a:pt x="103" y="181"/>
                  <a:pt x="102" y="181"/>
                  <a:pt x="103" y="182"/>
                </a:cubicBezTo>
                <a:cubicBezTo>
                  <a:pt x="103" y="182"/>
                  <a:pt x="103" y="181"/>
                  <a:pt x="104" y="181"/>
                </a:cubicBezTo>
                <a:cubicBezTo>
                  <a:pt x="103" y="182"/>
                  <a:pt x="103" y="182"/>
                  <a:pt x="103" y="183"/>
                </a:cubicBezTo>
                <a:cubicBezTo>
                  <a:pt x="103" y="182"/>
                  <a:pt x="104" y="182"/>
                  <a:pt x="104" y="181"/>
                </a:cubicBezTo>
                <a:cubicBezTo>
                  <a:pt x="103" y="182"/>
                  <a:pt x="104" y="180"/>
                  <a:pt x="103" y="180"/>
                </a:cubicBezTo>
                <a:close/>
                <a:moveTo>
                  <a:pt x="77" y="160"/>
                </a:moveTo>
                <a:cubicBezTo>
                  <a:pt x="79" y="161"/>
                  <a:pt x="79" y="158"/>
                  <a:pt x="80" y="158"/>
                </a:cubicBezTo>
                <a:cubicBezTo>
                  <a:pt x="80" y="157"/>
                  <a:pt x="80" y="157"/>
                  <a:pt x="80" y="157"/>
                </a:cubicBezTo>
                <a:cubicBezTo>
                  <a:pt x="79" y="157"/>
                  <a:pt x="78" y="159"/>
                  <a:pt x="77" y="160"/>
                </a:cubicBezTo>
                <a:close/>
                <a:moveTo>
                  <a:pt x="81" y="163"/>
                </a:moveTo>
                <a:cubicBezTo>
                  <a:pt x="81" y="163"/>
                  <a:pt x="81" y="164"/>
                  <a:pt x="81" y="164"/>
                </a:cubicBezTo>
                <a:cubicBezTo>
                  <a:pt x="81" y="164"/>
                  <a:pt x="80" y="165"/>
                  <a:pt x="80" y="165"/>
                </a:cubicBezTo>
                <a:cubicBezTo>
                  <a:pt x="82" y="164"/>
                  <a:pt x="83" y="163"/>
                  <a:pt x="83" y="162"/>
                </a:cubicBezTo>
                <a:cubicBezTo>
                  <a:pt x="83" y="161"/>
                  <a:pt x="83" y="161"/>
                  <a:pt x="82" y="161"/>
                </a:cubicBezTo>
                <a:cubicBezTo>
                  <a:pt x="81" y="161"/>
                  <a:pt x="82" y="163"/>
                  <a:pt x="81" y="163"/>
                </a:cubicBezTo>
                <a:close/>
                <a:moveTo>
                  <a:pt x="95" y="192"/>
                </a:moveTo>
                <a:cubicBezTo>
                  <a:pt x="95" y="192"/>
                  <a:pt x="95" y="192"/>
                  <a:pt x="94" y="192"/>
                </a:cubicBezTo>
                <a:cubicBezTo>
                  <a:pt x="94" y="192"/>
                  <a:pt x="94" y="193"/>
                  <a:pt x="94" y="193"/>
                </a:cubicBezTo>
                <a:cubicBezTo>
                  <a:pt x="93" y="193"/>
                  <a:pt x="93" y="194"/>
                  <a:pt x="94" y="194"/>
                </a:cubicBezTo>
                <a:cubicBezTo>
                  <a:pt x="93" y="194"/>
                  <a:pt x="91" y="196"/>
                  <a:pt x="91" y="197"/>
                </a:cubicBezTo>
                <a:cubicBezTo>
                  <a:pt x="91" y="197"/>
                  <a:pt x="91" y="197"/>
                  <a:pt x="91" y="197"/>
                </a:cubicBezTo>
                <a:cubicBezTo>
                  <a:pt x="91" y="198"/>
                  <a:pt x="90" y="198"/>
                  <a:pt x="90" y="199"/>
                </a:cubicBezTo>
                <a:cubicBezTo>
                  <a:pt x="91" y="197"/>
                  <a:pt x="92" y="197"/>
                  <a:pt x="93" y="197"/>
                </a:cubicBezTo>
                <a:cubicBezTo>
                  <a:pt x="93" y="197"/>
                  <a:pt x="93" y="197"/>
                  <a:pt x="93" y="196"/>
                </a:cubicBezTo>
                <a:cubicBezTo>
                  <a:pt x="93" y="196"/>
                  <a:pt x="94" y="195"/>
                  <a:pt x="94" y="195"/>
                </a:cubicBezTo>
                <a:cubicBezTo>
                  <a:pt x="94" y="195"/>
                  <a:pt x="94" y="195"/>
                  <a:pt x="94" y="196"/>
                </a:cubicBezTo>
                <a:cubicBezTo>
                  <a:pt x="95" y="194"/>
                  <a:pt x="95" y="192"/>
                  <a:pt x="96" y="193"/>
                </a:cubicBezTo>
                <a:cubicBezTo>
                  <a:pt x="96" y="193"/>
                  <a:pt x="96" y="193"/>
                  <a:pt x="96" y="193"/>
                </a:cubicBezTo>
                <a:cubicBezTo>
                  <a:pt x="97" y="193"/>
                  <a:pt x="97" y="193"/>
                  <a:pt x="97" y="192"/>
                </a:cubicBezTo>
                <a:cubicBezTo>
                  <a:pt x="96" y="193"/>
                  <a:pt x="97" y="192"/>
                  <a:pt x="96" y="192"/>
                </a:cubicBezTo>
                <a:cubicBezTo>
                  <a:pt x="96" y="193"/>
                  <a:pt x="96" y="192"/>
                  <a:pt x="95" y="192"/>
                </a:cubicBezTo>
                <a:close/>
                <a:moveTo>
                  <a:pt x="65" y="175"/>
                </a:moveTo>
                <a:cubicBezTo>
                  <a:pt x="64" y="175"/>
                  <a:pt x="64" y="175"/>
                  <a:pt x="63" y="175"/>
                </a:cubicBezTo>
                <a:cubicBezTo>
                  <a:pt x="63" y="175"/>
                  <a:pt x="63" y="175"/>
                  <a:pt x="63" y="176"/>
                </a:cubicBezTo>
                <a:cubicBezTo>
                  <a:pt x="64" y="176"/>
                  <a:pt x="64" y="176"/>
                  <a:pt x="64" y="177"/>
                </a:cubicBezTo>
                <a:cubicBezTo>
                  <a:pt x="65" y="175"/>
                  <a:pt x="66" y="175"/>
                  <a:pt x="67" y="173"/>
                </a:cubicBezTo>
                <a:cubicBezTo>
                  <a:pt x="65" y="173"/>
                  <a:pt x="66" y="174"/>
                  <a:pt x="65" y="175"/>
                </a:cubicBezTo>
                <a:close/>
                <a:moveTo>
                  <a:pt x="45" y="240"/>
                </a:moveTo>
                <a:cubicBezTo>
                  <a:pt x="46" y="241"/>
                  <a:pt x="46" y="241"/>
                  <a:pt x="46" y="241"/>
                </a:cubicBezTo>
                <a:cubicBezTo>
                  <a:pt x="45" y="241"/>
                  <a:pt x="45" y="242"/>
                  <a:pt x="44" y="243"/>
                </a:cubicBezTo>
                <a:cubicBezTo>
                  <a:pt x="44" y="243"/>
                  <a:pt x="43" y="243"/>
                  <a:pt x="43" y="243"/>
                </a:cubicBezTo>
                <a:cubicBezTo>
                  <a:pt x="43" y="244"/>
                  <a:pt x="43" y="244"/>
                  <a:pt x="42" y="245"/>
                </a:cubicBezTo>
                <a:cubicBezTo>
                  <a:pt x="43" y="245"/>
                  <a:pt x="43" y="245"/>
                  <a:pt x="44" y="244"/>
                </a:cubicBezTo>
                <a:cubicBezTo>
                  <a:pt x="44" y="244"/>
                  <a:pt x="44" y="244"/>
                  <a:pt x="44" y="244"/>
                </a:cubicBezTo>
                <a:cubicBezTo>
                  <a:pt x="44" y="244"/>
                  <a:pt x="45" y="243"/>
                  <a:pt x="45" y="244"/>
                </a:cubicBezTo>
                <a:cubicBezTo>
                  <a:pt x="45" y="241"/>
                  <a:pt x="47" y="241"/>
                  <a:pt x="48" y="239"/>
                </a:cubicBezTo>
                <a:cubicBezTo>
                  <a:pt x="47" y="238"/>
                  <a:pt x="48" y="238"/>
                  <a:pt x="48" y="237"/>
                </a:cubicBezTo>
                <a:cubicBezTo>
                  <a:pt x="47" y="238"/>
                  <a:pt x="47" y="240"/>
                  <a:pt x="45" y="240"/>
                </a:cubicBezTo>
                <a:close/>
                <a:moveTo>
                  <a:pt x="820" y="180"/>
                </a:moveTo>
                <a:cubicBezTo>
                  <a:pt x="820" y="181"/>
                  <a:pt x="820" y="181"/>
                  <a:pt x="820" y="181"/>
                </a:cubicBezTo>
                <a:cubicBezTo>
                  <a:pt x="821" y="181"/>
                  <a:pt x="820" y="180"/>
                  <a:pt x="820" y="180"/>
                </a:cubicBezTo>
                <a:close/>
                <a:moveTo>
                  <a:pt x="866" y="171"/>
                </a:moveTo>
                <a:cubicBezTo>
                  <a:pt x="865" y="171"/>
                  <a:pt x="865" y="172"/>
                  <a:pt x="865" y="172"/>
                </a:cubicBezTo>
                <a:cubicBezTo>
                  <a:pt x="865" y="172"/>
                  <a:pt x="866" y="172"/>
                  <a:pt x="866" y="171"/>
                </a:cubicBezTo>
                <a:close/>
                <a:moveTo>
                  <a:pt x="867" y="170"/>
                </a:moveTo>
                <a:cubicBezTo>
                  <a:pt x="867" y="170"/>
                  <a:pt x="866" y="171"/>
                  <a:pt x="866" y="171"/>
                </a:cubicBezTo>
                <a:cubicBezTo>
                  <a:pt x="867" y="171"/>
                  <a:pt x="867" y="170"/>
                  <a:pt x="867" y="170"/>
                </a:cubicBezTo>
                <a:close/>
                <a:moveTo>
                  <a:pt x="861" y="164"/>
                </a:moveTo>
                <a:cubicBezTo>
                  <a:pt x="861" y="164"/>
                  <a:pt x="861" y="165"/>
                  <a:pt x="861" y="165"/>
                </a:cubicBezTo>
                <a:cubicBezTo>
                  <a:pt x="861" y="164"/>
                  <a:pt x="861" y="164"/>
                  <a:pt x="861" y="164"/>
                </a:cubicBezTo>
                <a:close/>
                <a:moveTo>
                  <a:pt x="868" y="162"/>
                </a:moveTo>
                <a:cubicBezTo>
                  <a:pt x="868" y="163"/>
                  <a:pt x="868" y="163"/>
                  <a:pt x="868" y="164"/>
                </a:cubicBezTo>
                <a:cubicBezTo>
                  <a:pt x="868" y="163"/>
                  <a:pt x="868" y="162"/>
                  <a:pt x="868" y="162"/>
                </a:cubicBezTo>
                <a:close/>
                <a:moveTo>
                  <a:pt x="837" y="147"/>
                </a:moveTo>
                <a:cubicBezTo>
                  <a:pt x="837" y="148"/>
                  <a:pt x="837" y="150"/>
                  <a:pt x="836" y="151"/>
                </a:cubicBezTo>
                <a:cubicBezTo>
                  <a:pt x="837" y="150"/>
                  <a:pt x="837" y="148"/>
                  <a:pt x="837" y="147"/>
                </a:cubicBezTo>
                <a:close/>
                <a:moveTo>
                  <a:pt x="852" y="150"/>
                </a:moveTo>
                <a:cubicBezTo>
                  <a:pt x="852" y="149"/>
                  <a:pt x="852" y="149"/>
                  <a:pt x="852" y="149"/>
                </a:cubicBezTo>
                <a:cubicBezTo>
                  <a:pt x="852" y="148"/>
                  <a:pt x="853" y="145"/>
                  <a:pt x="852" y="146"/>
                </a:cubicBezTo>
                <a:cubicBezTo>
                  <a:pt x="852" y="147"/>
                  <a:pt x="851" y="150"/>
                  <a:pt x="851" y="151"/>
                </a:cubicBezTo>
                <a:cubicBezTo>
                  <a:pt x="852" y="151"/>
                  <a:pt x="852" y="150"/>
                  <a:pt x="852" y="150"/>
                </a:cubicBezTo>
                <a:close/>
                <a:moveTo>
                  <a:pt x="857" y="134"/>
                </a:moveTo>
                <a:cubicBezTo>
                  <a:pt x="857" y="134"/>
                  <a:pt x="857" y="134"/>
                  <a:pt x="857" y="134"/>
                </a:cubicBezTo>
                <a:cubicBezTo>
                  <a:pt x="857" y="135"/>
                  <a:pt x="857" y="135"/>
                  <a:pt x="857" y="135"/>
                </a:cubicBezTo>
                <a:lnTo>
                  <a:pt x="857" y="134"/>
                </a:lnTo>
                <a:close/>
                <a:moveTo>
                  <a:pt x="855" y="121"/>
                </a:moveTo>
                <a:cubicBezTo>
                  <a:pt x="855" y="119"/>
                  <a:pt x="855" y="121"/>
                  <a:pt x="855" y="122"/>
                </a:cubicBezTo>
                <a:cubicBezTo>
                  <a:pt x="854" y="122"/>
                  <a:pt x="855" y="122"/>
                  <a:pt x="855" y="122"/>
                </a:cubicBezTo>
                <a:cubicBezTo>
                  <a:pt x="854" y="123"/>
                  <a:pt x="853" y="126"/>
                  <a:pt x="854" y="127"/>
                </a:cubicBezTo>
                <a:cubicBezTo>
                  <a:pt x="854" y="125"/>
                  <a:pt x="855" y="123"/>
                  <a:pt x="855" y="121"/>
                </a:cubicBezTo>
                <a:close/>
                <a:moveTo>
                  <a:pt x="861" y="127"/>
                </a:moveTo>
                <a:cubicBezTo>
                  <a:pt x="861" y="127"/>
                  <a:pt x="861" y="128"/>
                  <a:pt x="861" y="128"/>
                </a:cubicBezTo>
                <a:cubicBezTo>
                  <a:pt x="862" y="128"/>
                  <a:pt x="862" y="127"/>
                  <a:pt x="861" y="127"/>
                </a:cubicBezTo>
                <a:close/>
                <a:moveTo>
                  <a:pt x="843" y="120"/>
                </a:moveTo>
                <a:cubicBezTo>
                  <a:pt x="843" y="121"/>
                  <a:pt x="842" y="121"/>
                  <a:pt x="842" y="122"/>
                </a:cubicBezTo>
                <a:cubicBezTo>
                  <a:pt x="843" y="121"/>
                  <a:pt x="843" y="120"/>
                  <a:pt x="843" y="120"/>
                </a:cubicBezTo>
                <a:close/>
                <a:moveTo>
                  <a:pt x="859" y="124"/>
                </a:moveTo>
                <a:cubicBezTo>
                  <a:pt x="859" y="125"/>
                  <a:pt x="859" y="126"/>
                  <a:pt x="859" y="126"/>
                </a:cubicBezTo>
                <a:cubicBezTo>
                  <a:pt x="859" y="125"/>
                  <a:pt x="860" y="124"/>
                  <a:pt x="859" y="124"/>
                </a:cubicBezTo>
                <a:close/>
                <a:moveTo>
                  <a:pt x="862" y="124"/>
                </a:moveTo>
                <a:cubicBezTo>
                  <a:pt x="862" y="124"/>
                  <a:pt x="861" y="125"/>
                  <a:pt x="862" y="126"/>
                </a:cubicBezTo>
                <a:cubicBezTo>
                  <a:pt x="862" y="125"/>
                  <a:pt x="862" y="124"/>
                  <a:pt x="862" y="124"/>
                </a:cubicBezTo>
                <a:close/>
                <a:moveTo>
                  <a:pt x="839" y="118"/>
                </a:moveTo>
                <a:cubicBezTo>
                  <a:pt x="839" y="118"/>
                  <a:pt x="839" y="119"/>
                  <a:pt x="839" y="119"/>
                </a:cubicBezTo>
                <a:cubicBezTo>
                  <a:pt x="839" y="119"/>
                  <a:pt x="839" y="118"/>
                  <a:pt x="839" y="118"/>
                </a:cubicBezTo>
                <a:close/>
                <a:moveTo>
                  <a:pt x="844" y="116"/>
                </a:moveTo>
                <a:cubicBezTo>
                  <a:pt x="843" y="117"/>
                  <a:pt x="843" y="119"/>
                  <a:pt x="843" y="119"/>
                </a:cubicBezTo>
                <a:cubicBezTo>
                  <a:pt x="843" y="118"/>
                  <a:pt x="844" y="117"/>
                  <a:pt x="844" y="116"/>
                </a:cubicBezTo>
                <a:close/>
                <a:moveTo>
                  <a:pt x="862" y="120"/>
                </a:moveTo>
                <a:cubicBezTo>
                  <a:pt x="862" y="121"/>
                  <a:pt x="861" y="122"/>
                  <a:pt x="862" y="123"/>
                </a:cubicBezTo>
                <a:cubicBezTo>
                  <a:pt x="862" y="122"/>
                  <a:pt x="863" y="121"/>
                  <a:pt x="862" y="120"/>
                </a:cubicBezTo>
                <a:close/>
                <a:moveTo>
                  <a:pt x="855" y="118"/>
                </a:moveTo>
                <a:cubicBezTo>
                  <a:pt x="855" y="118"/>
                  <a:pt x="855" y="119"/>
                  <a:pt x="855" y="119"/>
                </a:cubicBezTo>
                <a:cubicBezTo>
                  <a:pt x="855" y="119"/>
                  <a:pt x="856" y="118"/>
                  <a:pt x="855" y="118"/>
                </a:cubicBezTo>
                <a:close/>
                <a:moveTo>
                  <a:pt x="858" y="117"/>
                </a:moveTo>
                <a:cubicBezTo>
                  <a:pt x="857" y="117"/>
                  <a:pt x="857" y="118"/>
                  <a:pt x="857" y="118"/>
                </a:cubicBezTo>
                <a:cubicBezTo>
                  <a:pt x="857" y="118"/>
                  <a:pt x="858" y="117"/>
                  <a:pt x="858" y="117"/>
                </a:cubicBezTo>
                <a:close/>
                <a:moveTo>
                  <a:pt x="860" y="116"/>
                </a:moveTo>
                <a:cubicBezTo>
                  <a:pt x="860" y="116"/>
                  <a:pt x="860" y="116"/>
                  <a:pt x="860" y="116"/>
                </a:cubicBezTo>
                <a:cubicBezTo>
                  <a:pt x="859" y="115"/>
                  <a:pt x="859" y="117"/>
                  <a:pt x="859" y="117"/>
                </a:cubicBezTo>
                <a:cubicBezTo>
                  <a:pt x="860" y="117"/>
                  <a:pt x="859" y="117"/>
                  <a:pt x="860" y="116"/>
                </a:cubicBezTo>
                <a:close/>
                <a:moveTo>
                  <a:pt x="849" y="110"/>
                </a:moveTo>
                <a:cubicBezTo>
                  <a:pt x="848" y="113"/>
                  <a:pt x="849" y="111"/>
                  <a:pt x="849" y="110"/>
                </a:cubicBezTo>
                <a:close/>
                <a:moveTo>
                  <a:pt x="845" y="105"/>
                </a:moveTo>
                <a:cubicBezTo>
                  <a:pt x="844" y="106"/>
                  <a:pt x="844" y="106"/>
                  <a:pt x="844" y="107"/>
                </a:cubicBezTo>
                <a:cubicBezTo>
                  <a:pt x="844" y="107"/>
                  <a:pt x="845" y="105"/>
                  <a:pt x="845" y="105"/>
                </a:cubicBezTo>
                <a:close/>
                <a:moveTo>
                  <a:pt x="844" y="105"/>
                </a:moveTo>
                <a:cubicBezTo>
                  <a:pt x="843" y="105"/>
                  <a:pt x="843" y="106"/>
                  <a:pt x="843" y="106"/>
                </a:cubicBezTo>
                <a:lnTo>
                  <a:pt x="844" y="105"/>
                </a:lnTo>
                <a:close/>
                <a:moveTo>
                  <a:pt x="836" y="101"/>
                </a:moveTo>
                <a:cubicBezTo>
                  <a:pt x="836" y="102"/>
                  <a:pt x="836" y="102"/>
                  <a:pt x="836" y="102"/>
                </a:cubicBezTo>
                <a:cubicBezTo>
                  <a:pt x="836" y="102"/>
                  <a:pt x="836" y="101"/>
                  <a:pt x="836" y="101"/>
                </a:cubicBezTo>
                <a:close/>
                <a:moveTo>
                  <a:pt x="838" y="98"/>
                </a:moveTo>
                <a:cubicBezTo>
                  <a:pt x="839" y="95"/>
                  <a:pt x="838" y="96"/>
                  <a:pt x="838" y="98"/>
                </a:cubicBezTo>
                <a:close/>
                <a:moveTo>
                  <a:pt x="828" y="135"/>
                </a:moveTo>
                <a:cubicBezTo>
                  <a:pt x="828" y="136"/>
                  <a:pt x="828" y="137"/>
                  <a:pt x="827" y="137"/>
                </a:cubicBezTo>
                <a:cubicBezTo>
                  <a:pt x="828" y="138"/>
                  <a:pt x="828" y="138"/>
                  <a:pt x="828" y="138"/>
                </a:cubicBezTo>
                <a:cubicBezTo>
                  <a:pt x="828" y="137"/>
                  <a:pt x="829" y="136"/>
                  <a:pt x="828" y="135"/>
                </a:cubicBezTo>
                <a:close/>
                <a:moveTo>
                  <a:pt x="846" y="121"/>
                </a:moveTo>
                <a:cubicBezTo>
                  <a:pt x="847" y="121"/>
                  <a:pt x="846" y="122"/>
                  <a:pt x="846" y="123"/>
                </a:cubicBezTo>
                <a:cubicBezTo>
                  <a:pt x="847" y="121"/>
                  <a:pt x="848" y="117"/>
                  <a:pt x="848" y="115"/>
                </a:cubicBezTo>
                <a:cubicBezTo>
                  <a:pt x="848" y="117"/>
                  <a:pt x="846" y="118"/>
                  <a:pt x="847" y="119"/>
                </a:cubicBezTo>
                <a:cubicBezTo>
                  <a:pt x="847" y="119"/>
                  <a:pt x="847" y="119"/>
                  <a:pt x="847" y="118"/>
                </a:cubicBezTo>
                <a:cubicBezTo>
                  <a:pt x="846" y="119"/>
                  <a:pt x="846" y="120"/>
                  <a:pt x="846" y="121"/>
                </a:cubicBezTo>
                <a:cubicBezTo>
                  <a:pt x="846" y="121"/>
                  <a:pt x="846" y="120"/>
                  <a:pt x="846" y="120"/>
                </a:cubicBezTo>
                <a:cubicBezTo>
                  <a:pt x="846" y="121"/>
                  <a:pt x="845" y="121"/>
                  <a:pt x="845" y="121"/>
                </a:cubicBezTo>
                <a:cubicBezTo>
                  <a:pt x="846" y="122"/>
                  <a:pt x="846" y="121"/>
                  <a:pt x="846" y="121"/>
                </a:cubicBezTo>
                <a:close/>
                <a:moveTo>
                  <a:pt x="860" y="122"/>
                </a:moveTo>
                <a:cubicBezTo>
                  <a:pt x="860" y="122"/>
                  <a:pt x="859" y="123"/>
                  <a:pt x="860" y="123"/>
                </a:cubicBezTo>
                <a:cubicBezTo>
                  <a:pt x="860" y="123"/>
                  <a:pt x="860" y="123"/>
                  <a:pt x="860" y="123"/>
                </a:cubicBezTo>
                <a:cubicBezTo>
                  <a:pt x="859" y="124"/>
                  <a:pt x="860" y="122"/>
                  <a:pt x="860" y="122"/>
                </a:cubicBezTo>
                <a:close/>
                <a:moveTo>
                  <a:pt x="861" y="115"/>
                </a:moveTo>
                <a:cubicBezTo>
                  <a:pt x="861" y="115"/>
                  <a:pt x="861" y="115"/>
                  <a:pt x="861" y="115"/>
                </a:cubicBezTo>
                <a:cubicBezTo>
                  <a:pt x="862" y="117"/>
                  <a:pt x="859" y="120"/>
                  <a:pt x="860" y="122"/>
                </a:cubicBezTo>
                <a:cubicBezTo>
                  <a:pt x="860" y="118"/>
                  <a:pt x="862" y="115"/>
                  <a:pt x="862" y="112"/>
                </a:cubicBezTo>
                <a:cubicBezTo>
                  <a:pt x="862" y="112"/>
                  <a:pt x="862" y="111"/>
                  <a:pt x="862" y="111"/>
                </a:cubicBezTo>
                <a:cubicBezTo>
                  <a:pt x="862" y="110"/>
                  <a:pt x="864" y="107"/>
                  <a:pt x="863" y="106"/>
                </a:cubicBezTo>
                <a:cubicBezTo>
                  <a:pt x="863" y="107"/>
                  <a:pt x="862" y="108"/>
                  <a:pt x="862" y="110"/>
                </a:cubicBezTo>
                <a:cubicBezTo>
                  <a:pt x="861" y="109"/>
                  <a:pt x="861" y="109"/>
                  <a:pt x="861" y="109"/>
                </a:cubicBezTo>
                <a:cubicBezTo>
                  <a:pt x="862" y="111"/>
                  <a:pt x="861" y="114"/>
                  <a:pt x="861" y="115"/>
                </a:cubicBezTo>
                <a:close/>
                <a:moveTo>
                  <a:pt x="842" y="104"/>
                </a:moveTo>
                <a:cubicBezTo>
                  <a:pt x="842" y="105"/>
                  <a:pt x="842" y="105"/>
                  <a:pt x="842" y="106"/>
                </a:cubicBezTo>
                <a:cubicBezTo>
                  <a:pt x="843" y="105"/>
                  <a:pt x="842" y="104"/>
                  <a:pt x="842" y="104"/>
                </a:cubicBezTo>
                <a:close/>
                <a:moveTo>
                  <a:pt x="707" y="252"/>
                </a:moveTo>
                <a:cubicBezTo>
                  <a:pt x="708" y="252"/>
                  <a:pt x="709" y="252"/>
                  <a:pt x="710" y="253"/>
                </a:cubicBezTo>
                <a:cubicBezTo>
                  <a:pt x="710" y="254"/>
                  <a:pt x="709" y="255"/>
                  <a:pt x="710" y="256"/>
                </a:cubicBezTo>
                <a:cubicBezTo>
                  <a:pt x="712" y="257"/>
                  <a:pt x="715" y="253"/>
                  <a:pt x="715" y="256"/>
                </a:cubicBezTo>
                <a:cubicBezTo>
                  <a:pt x="717" y="258"/>
                  <a:pt x="720" y="259"/>
                  <a:pt x="723" y="259"/>
                </a:cubicBezTo>
                <a:cubicBezTo>
                  <a:pt x="725" y="260"/>
                  <a:pt x="726" y="261"/>
                  <a:pt x="728" y="262"/>
                </a:cubicBezTo>
                <a:cubicBezTo>
                  <a:pt x="730" y="262"/>
                  <a:pt x="733" y="262"/>
                  <a:pt x="734" y="263"/>
                </a:cubicBezTo>
                <a:cubicBezTo>
                  <a:pt x="736" y="263"/>
                  <a:pt x="737" y="264"/>
                  <a:pt x="739" y="265"/>
                </a:cubicBezTo>
                <a:cubicBezTo>
                  <a:pt x="744" y="267"/>
                  <a:pt x="749" y="267"/>
                  <a:pt x="753" y="269"/>
                </a:cubicBezTo>
                <a:cubicBezTo>
                  <a:pt x="756" y="269"/>
                  <a:pt x="760" y="271"/>
                  <a:pt x="762" y="272"/>
                </a:cubicBezTo>
                <a:cubicBezTo>
                  <a:pt x="765" y="272"/>
                  <a:pt x="768" y="274"/>
                  <a:pt x="771" y="275"/>
                </a:cubicBezTo>
                <a:cubicBezTo>
                  <a:pt x="772" y="275"/>
                  <a:pt x="774" y="275"/>
                  <a:pt x="776" y="276"/>
                </a:cubicBezTo>
                <a:cubicBezTo>
                  <a:pt x="776" y="276"/>
                  <a:pt x="777" y="276"/>
                  <a:pt x="777" y="276"/>
                </a:cubicBezTo>
                <a:cubicBezTo>
                  <a:pt x="779" y="277"/>
                  <a:pt x="781" y="277"/>
                  <a:pt x="782" y="277"/>
                </a:cubicBezTo>
                <a:cubicBezTo>
                  <a:pt x="784" y="278"/>
                  <a:pt x="785" y="279"/>
                  <a:pt x="787" y="279"/>
                </a:cubicBezTo>
                <a:cubicBezTo>
                  <a:pt x="789" y="280"/>
                  <a:pt x="792" y="281"/>
                  <a:pt x="795" y="281"/>
                </a:cubicBezTo>
                <a:cubicBezTo>
                  <a:pt x="796" y="282"/>
                  <a:pt x="798" y="282"/>
                  <a:pt x="799" y="282"/>
                </a:cubicBezTo>
                <a:cubicBezTo>
                  <a:pt x="800" y="283"/>
                  <a:pt x="800" y="283"/>
                  <a:pt x="801" y="283"/>
                </a:cubicBezTo>
                <a:cubicBezTo>
                  <a:pt x="802" y="283"/>
                  <a:pt x="802" y="283"/>
                  <a:pt x="802" y="283"/>
                </a:cubicBezTo>
                <a:cubicBezTo>
                  <a:pt x="803" y="284"/>
                  <a:pt x="803" y="284"/>
                  <a:pt x="803" y="284"/>
                </a:cubicBezTo>
                <a:cubicBezTo>
                  <a:pt x="803" y="284"/>
                  <a:pt x="803" y="284"/>
                  <a:pt x="803" y="284"/>
                </a:cubicBezTo>
                <a:cubicBezTo>
                  <a:pt x="803" y="284"/>
                  <a:pt x="803" y="284"/>
                  <a:pt x="803" y="284"/>
                </a:cubicBezTo>
                <a:cubicBezTo>
                  <a:pt x="804" y="285"/>
                  <a:pt x="805" y="284"/>
                  <a:pt x="806" y="285"/>
                </a:cubicBezTo>
                <a:cubicBezTo>
                  <a:pt x="807" y="285"/>
                  <a:pt x="808" y="286"/>
                  <a:pt x="809" y="287"/>
                </a:cubicBezTo>
                <a:cubicBezTo>
                  <a:pt x="810" y="286"/>
                  <a:pt x="811" y="287"/>
                  <a:pt x="812" y="288"/>
                </a:cubicBezTo>
                <a:cubicBezTo>
                  <a:pt x="813" y="288"/>
                  <a:pt x="813" y="288"/>
                  <a:pt x="813" y="288"/>
                </a:cubicBezTo>
                <a:cubicBezTo>
                  <a:pt x="813" y="288"/>
                  <a:pt x="813" y="287"/>
                  <a:pt x="813" y="287"/>
                </a:cubicBezTo>
                <a:cubicBezTo>
                  <a:pt x="813" y="287"/>
                  <a:pt x="813" y="287"/>
                  <a:pt x="813" y="286"/>
                </a:cubicBezTo>
                <a:cubicBezTo>
                  <a:pt x="813" y="286"/>
                  <a:pt x="813" y="286"/>
                  <a:pt x="813" y="286"/>
                </a:cubicBezTo>
                <a:cubicBezTo>
                  <a:pt x="813" y="285"/>
                  <a:pt x="813" y="285"/>
                  <a:pt x="813" y="284"/>
                </a:cubicBezTo>
                <a:cubicBezTo>
                  <a:pt x="813" y="282"/>
                  <a:pt x="813" y="282"/>
                  <a:pt x="813" y="282"/>
                </a:cubicBezTo>
                <a:cubicBezTo>
                  <a:pt x="813" y="282"/>
                  <a:pt x="812" y="281"/>
                  <a:pt x="812" y="280"/>
                </a:cubicBezTo>
                <a:cubicBezTo>
                  <a:pt x="812" y="280"/>
                  <a:pt x="813" y="280"/>
                  <a:pt x="813" y="279"/>
                </a:cubicBezTo>
                <a:cubicBezTo>
                  <a:pt x="813" y="279"/>
                  <a:pt x="812" y="279"/>
                  <a:pt x="812" y="279"/>
                </a:cubicBezTo>
                <a:cubicBezTo>
                  <a:pt x="812" y="278"/>
                  <a:pt x="812" y="278"/>
                  <a:pt x="812" y="278"/>
                </a:cubicBezTo>
                <a:cubicBezTo>
                  <a:pt x="812" y="277"/>
                  <a:pt x="812" y="277"/>
                  <a:pt x="812" y="277"/>
                </a:cubicBezTo>
                <a:cubicBezTo>
                  <a:pt x="812" y="276"/>
                  <a:pt x="812" y="276"/>
                  <a:pt x="812" y="275"/>
                </a:cubicBezTo>
                <a:cubicBezTo>
                  <a:pt x="813" y="270"/>
                  <a:pt x="813" y="265"/>
                  <a:pt x="813" y="259"/>
                </a:cubicBezTo>
                <a:cubicBezTo>
                  <a:pt x="813" y="254"/>
                  <a:pt x="813" y="250"/>
                  <a:pt x="813" y="245"/>
                </a:cubicBezTo>
                <a:cubicBezTo>
                  <a:pt x="815" y="226"/>
                  <a:pt x="815" y="226"/>
                  <a:pt x="815" y="226"/>
                </a:cubicBezTo>
                <a:cubicBezTo>
                  <a:pt x="815" y="219"/>
                  <a:pt x="816" y="212"/>
                  <a:pt x="817" y="206"/>
                </a:cubicBezTo>
                <a:cubicBezTo>
                  <a:pt x="817" y="206"/>
                  <a:pt x="818" y="205"/>
                  <a:pt x="818" y="205"/>
                </a:cubicBezTo>
                <a:cubicBezTo>
                  <a:pt x="818" y="204"/>
                  <a:pt x="817" y="204"/>
                  <a:pt x="818" y="204"/>
                </a:cubicBezTo>
                <a:cubicBezTo>
                  <a:pt x="818" y="203"/>
                  <a:pt x="818" y="203"/>
                  <a:pt x="818" y="203"/>
                </a:cubicBezTo>
                <a:cubicBezTo>
                  <a:pt x="819" y="197"/>
                  <a:pt x="820" y="192"/>
                  <a:pt x="822" y="186"/>
                </a:cubicBezTo>
                <a:cubicBezTo>
                  <a:pt x="822" y="185"/>
                  <a:pt x="822" y="186"/>
                  <a:pt x="822" y="186"/>
                </a:cubicBezTo>
                <a:cubicBezTo>
                  <a:pt x="823" y="183"/>
                  <a:pt x="824" y="178"/>
                  <a:pt x="825" y="175"/>
                </a:cubicBezTo>
                <a:cubicBezTo>
                  <a:pt x="825" y="173"/>
                  <a:pt x="825" y="171"/>
                  <a:pt x="826" y="170"/>
                </a:cubicBezTo>
                <a:cubicBezTo>
                  <a:pt x="826" y="169"/>
                  <a:pt x="825" y="169"/>
                  <a:pt x="825" y="169"/>
                </a:cubicBezTo>
                <a:cubicBezTo>
                  <a:pt x="826" y="169"/>
                  <a:pt x="826" y="169"/>
                  <a:pt x="826" y="169"/>
                </a:cubicBezTo>
                <a:cubicBezTo>
                  <a:pt x="826" y="167"/>
                  <a:pt x="826" y="167"/>
                  <a:pt x="826" y="167"/>
                </a:cubicBezTo>
                <a:cubicBezTo>
                  <a:pt x="827" y="164"/>
                  <a:pt x="828" y="160"/>
                  <a:pt x="829" y="156"/>
                </a:cubicBezTo>
                <a:cubicBezTo>
                  <a:pt x="829" y="155"/>
                  <a:pt x="829" y="155"/>
                  <a:pt x="829" y="154"/>
                </a:cubicBezTo>
                <a:cubicBezTo>
                  <a:pt x="830" y="154"/>
                  <a:pt x="830" y="154"/>
                  <a:pt x="829" y="153"/>
                </a:cubicBezTo>
                <a:cubicBezTo>
                  <a:pt x="829" y="153"/>
                  <a:pt x="830" y="151"/>
                  <a:pt x="830" y="152"/>
                </a:cubicBezTo>
                <a:cubicBezTo>
                  <a:pt x="830" y="151"/>
                  <a:pt x="830" y="152"/>
                  <a:pt x="830" y="152"/>
                </a:cubicBezTo>
                <a:cubicBezTo>
                  <a:pt x="831" y="151"/>
                  <a:pt x="831" y="149"/>
                  <a:pt x="831" y="147"/>
                </a:cubicBezTo>
                <a:cubicBezTo>
                  <a:pt x="831" y="146"/>
                  <a:pt x="832" y="144"/>
                  <a:pt x="833" y="142"/>
                </a:cubicBezTo>
                <a:cubicBezTo>
                  <a:pt x="833" y="144"/>
                  <a:pt x="833" y="146"/>
                  <a:pt x="835" y="147"/>
                </a:cubicBezTo>
                <a:cubicBezTo>
                  <a:pt x="836" y="145"/>
                  <a:pt x="836" y="141"/>
                  <a:pt x="837" y="140"/>
                </a:cubicBezTo>
                <a:cubicBezTo>
                  <a:pt x="838" y="135"/>
                  <a:pt x="839" y="130"/>
                  <a:pt x="840" y="125"/>
                </a:cubicBezTo>
                <a:cubicBezTo>
                  <a:pt x="840" y="124"/>
                  <a:pt x="840" y="124"/>
                  <a:pt x="840" y="124"/>
                </a:cubicBezTo>
                <a:cubicBezTo>
                  <a:pt x="842" y="119"/>
                  <a:pt x="842" y="114"/>
                  <a:pt x="844" y="108"/>
                </a:cubicBezTo>
                <a:cubicBezTo>
                  <a:pt x="842" y="119"/>
                  <a:pt x="839" y="128"/>
                  <a:pt x="838" y="138"/>
                </a:cubicBezTo>
                <a:cubicBezTo>
                  <a:pt x="837" y="140"/>
                  <a:pt x="836" y="146"/>
                  <a:pt x="835" y="150"/>
                </a:cubicBezTo>
                <a:cubicBezTo>
                  <a:pt x="835" y="152"/>
                  <a:pt x="836" y="153"/>
                  <a:pt x="838" y="152"/>
                </a:cubicBezTo>
                <a:cubicBezTo>
                  <a:pt x="840" y="150"/>
                  <a:pt x="839" y="147"/>
                  <a:pt x="840" y="145"/>
                </a:cubicBezTo>
                <a:cubicBezTo>
                  <a:pt x="841" y="145"/>
                  <a:pt x="841" y="144"/>
                  <a:pt x="842" y="145"/>
                </a:cubicBezTo>
                <a:cubicBezTo>
                  <a:pt x="842" y="150"/>
                  <a:pt x="840" y="156"/>
                  <a:pt x="840" y="160"/>
                </a:cubicBezTo>
                <a:cubicBezTo>
                  <a:pt x="840" y="161"/>
                  <a:pt x="840" y="162"/>
                  <a:pt x="840" y="163"/>
                </a:cubicBezTo>
                <a:cubicBezTo>
                  <a:pt x="840" y="163"/>
                  <a:pt x="840" y="164"/>
                  <a:pt x="841" y="164"/>
                </a:cubicBezTo>
                <a:cubicBezTo>
                  <a:pt x="841" y="164"/>
                  <a:pt x="841" y="164"/>
                  <a:pt x="842" y="164"/>
                </a:cubicBezTo>
                <a:cubicBezTo>
                  <a:pt x="842" y="159"/>
                  <a:pt x="846" y="156"/>
                  <a:pt x="846" y="151"/>
                </a:cubicBezTo>
                <a:cubicBezTo>
                  <a:pt x="847" y="150"/>
                  <a:pt x="848" y="149"/>
                  <a:pt x="849" y="149"/>
                </a:cubicBezTo>
                <a:cubicBezTo>
                  <a:pt x="849" y="147"/>
                  <a:pt x="850" y="145"/>
                  <a:pt x="850" y="143"/>
                </a:cubicBezTo>
                <a:cubicBezTo>
                  <a:pt x="850" y="142"/>
                  <a:pt x="850" y="142"/>
                  <a:pt x="850" y="142"/>
                </a:cubicBezTo>
                <a:cubicBezTo>
                  <a:pt x="851" y="137"/>
                  <a:pt x="851" y="133"/>
                  <a:pt x="853" y="129"/>
                </a:cubicBezTo>
                <a:cubicBezTo>
                  <a:pt x="853" y="133"/>
                  <a:pt x="852" y="136"/>
                  <a:pt x="851" y="140"/>
                </a:cubicBezTo>
                <a:cubicBezTo>
                  <a:pt x="851" y="140"/>
                  <a:pt x="852" y="141"/>
                  <a:pt x="852" y="141"/>
                </a:cubicBezTo>
                <a:cubicBezTo>
                  <a:pt x="851" y="144"/>
                  <a:pt x="850" y="149"/>
                  <a:pt x="849" y="152"/>
                </a:cubicBezTo>
                <a:cubicBezTo>
                  <a:pt x="850" y="153"/>
                  <a:pt x="851" y="153"/>
                  <a:pt x="851" y="152"/>
                </a:cubicBezTo>
                <a:cubicBezTo>
                  <a:pt x="851" y="152"/>
                  <a:pt x="851" y="153"/>
                  <a:pt x="851" y="153"/>
                </a:cubicBezTo>
                <a:cubicBezTo>
                  <a:pt x="851" y="153"/>
                  <a:pt x="851" y="153"/>
                  <a:pt x="852" y="153"/>
                </a:cubicBezTo>
                <a:cubicBezTo>
                  <a:pt x="851" y="155"/>
                  <a:pt x="851" y="155"/>
                  <a:pt x="851" y="157"/>
                </a:cubicBezTo>
                <a:cubicBezTo>
                  <a:pt x="851" y="158"/>
                  <a:pt x="851" y="158"/>
                  <a:pt x="852" y="158"/>
                </a:cubicBezTo>
                <a:cubicBezTo>
                  <a:pt x="852" y="156"/>
                  <a:pt x="853" y="155"/>
                  <a:pt x="853" y="153"/>
                </a:cubicBezTo>
                <a:cubicBezTo>
                  <a:pt x="853" y="152"/>
                  <a:pt x="853" y="151"/>
                  <a:pt x="853" y="151"/>
                </a:cubicBezTo>
                <a:cubicBezTo>
                  <a:pt x="853" y="150"/>
                  <a:pt x="853" y="150"/>
                  <a:pt x="854" y="150"/>
                </a:cubicBezTo>
                <a:cubicBezTo>
                  <a:pt x="854" y="149"/>
                  <a:pt x="853" y="149"/>
                  <a:pt x="853" y="148"/>
                </a:cubicBezTo>
                <a:cubicBezTo>
                  <a:pt x="853" y="148"/>
                  <a:pt x="854" y="148"/>
                  <a:pt x="854" y="147"/>
                </a:cubicBezTo>
                <a:cubicBezTo>
                  <a:pt x="855" y="145"/>
                  <a:pt x="854" y="143"/>
                  <a:pt x="855" y="141"/>
                </a:cubicBezTo>
                <a:cubicBezTo>
                  <a:pt x="855" y="140"/>
                  <a:pt x="856" y="139"/>
                  <a:pt x="857" y="137"/>
                </a:cubicBezTo>
                <a:cubicBezTo>
                  <a:pt x="857" y="138"/>
                  <a:pt x="856" y="139"/>
                  <a:pt x="856" y="140"/>
                </a:cubicBezTo>
                <a:cubicBezTo>
                  <a:pt x="855" y="144"/>
                  <a:pt x="856" y="148"/>
                  <a:pt x="855" y="151"/>
                </a:cubicBezTo>
                <a:cubicBezTo>
                  <a:pt x="856" y="152"/>
                  <a:pt x="856" y="151"/>
                  <a:pt x="857" y="151"/>
                </a:cubicBezTo>
                <a:cubicBezTo>
                  <a:pt x="857" y="150"/>
                  <a:pt x="857" y="149"/>
                  <a:pt x="857" y="148"/>
                </a:cubicBezTo>
                <a:cubicBezTo>
                  <a:pt x="857" y="148"/>
                  <a:pt x="857" y="149"/>
                  <a:pt x="857" y="148"/>
                </a:cubicBezTo>
                <a:cubicBezTo>
                  <a:pt x="857" y="146"/>
                  <a:pt x="857" y="144"/>
                  <a:pt x="858" y="141"/>
                </a:cubicBezTo>
                <a:cubicBezTo>
                  <a:pt x="858" y="141"/>
                  <a:pt x="858" y="140"/>
                  <a:pt x="859" y="141"/>
                </a:cubicBezTo>
                <a:cubicBezTo>
                  <a:pt x="859" y="140"/>
                  <a:pt x="859" y="140"/>
                  <a:pt x="860" y="140"/>
                </a:cubicBezTo>
                <a:cubicBezTo>
                  <a:pt x="860" y="139"/>
                  <a:pt x="859" y="140"/>
                  <a:pt x="859" y="140"/>
                </a:cubicBezTo>
                <a:cubicBezTo>
                  <a:pt x="860" y="139"/>
                  <a:pt x="859" y="138"/>
                  <a:pt x="860" y="138"/>
                </a:cubicBezTo>
                <a:cubicBezTo>
                  <a:pt x="860" y="134"/>
                  <a:pt x="861" y="132"/>
                  <a:pt x="861" y="128"/>
                </a:cubicBezTo>
                <a:cubicBezTo>
                  <a:pt x="861" y="131"/>
                  <a:pt x="861" y="134"/>
                  <a:pt x="860" y="137"/>
                </a:cubicBezTo>
                <a:cubicBezTo>
                  <a:pt x="860" y="138"/>
                  <a:pt x="861" y="137"/>
                  <a:pt x="861" y="138"/>
                </a:cubicBezTo>
                <a:cubicBezTo>
                  <a:pt x="861" y="139"/>
                  <a:pt x="860" y="139"/>
                  <a:pt x="860" y="140"/>
                </a:cubicBezTo>
                <a:cubicBezTo>
                  <a:pt x="860" y="141"/>
                  <a:pt x="860" y="142"/>
                  <a:pt x="860" y="143"/>
                </a:cubicBezTo>
                <a:cubicBezTo>
                  <a:pt x="860" y="144"/>
                  <a:pt x="859" y="145"/>
                  <a:pt x="859" y="146"/>
                </a:cubicBezTo>
                <a:cubicBezTo>
                  <a:pt x="860" y="147"/>
                  <a:pt x="860" y="148"/>
                  <a:pt x="860" y="149"/>
                </a:cubicBezTo>
                <a:cubicBezTo>
                  <a:pt x="860" y="150"/>
                  <a:pt x="860" y="149"/>
                  <a:pt x="860" y="150"/>
                </a:cubicBezTo>
                <a:cubicBezTo>
                  <a:pt x="861" y="151"/>
                  <a:pt x="861" y="150"/>
                  <a:pt x="862" y="150"/>
                </a:cubicBezTo>
                <a:cubicBezTo>
                  <a:pt x="862" y="151"/>
                  <a:pt x="861" y="150"/>
                  <a:pt x="861" y="151"/>
                </a:cubicBezTo>
                <a:cubicBezTo>
                  <a:pt x="861" y="151"/>
                  <a:pt x="861" y="152"/>
                  <a:pt x="862" y="152"/>
                </a:cubicBezTo>
                <a:cubicBezTo>
                  <a:pt x="861" y="154"/>
                  <a:pt x="861" y="155"/>
                  <a:pt x="861" y="157"/>
                </a:cubicBezTo>
                <a:cubicBezTo>
                  <a:pt x="861" y="157"/>
                  <a:pt x="861" y="156"/>
                  <a:pt x="861" y="157"/>
                </a:cubicBezTo>
                <a:cubicBezTo>
                  <a:pt x="861" y="157"/>
                  <a:pt x="861" y="160"/>
                  <a:pt x="861" y="160"/>
                </a:cubicBezTo>
                <a:cubicBezTo>
                  <a:pt x="861" y="162"/>
                  <a:pt x="861" y="163"/>
                  <a:pt x="860" y="165"/>
                </a:cubicBezTo>
                <a:cubicBezTo>
                  <a:pt x="860" y="166"/>
                  <a:pt x="861" y="165"/>
                  <a:pt x="861" y="166"/>
                </a:cubicBezTo>
                <a:cubicBezTo>
                  <a:pt x="861" y="167"/>
                  <a:pt x="861" y="168"/>
                  <a:pt x="860" y="169"/>
                </a:cubicBezTo>
                <a:cubicBezTo>
                  <a:pt x="861" y="170"/>
                  <a:pt x="861" y="172"/>
                  <a:pt x="860" y="173"/>
                </a:cubicBezTo>
                <a:cubicBezTo>
                  <a:pt x="861" y="173"/>
                  <a:pt x="861" y="172"/>
                  <a:pt x="862" y="172"/>
                </a:cubicBezTo>
                <a:cubicBezTo>
                  <a:pt x="862" y="172"/>
                  <a:pt x="861" y="173"/>
                  <a:pt x="861" y="174"/>
                </a:cubicBezTo>
                <a:cubicBezTo>
                  <a:pt x="861" y="178"/>
                  <a:pt x="862" y="181"/>
                  <a:pt x="861" y="186"/>
                </a:cubicBezTo>
                <a:cubicBezTo>
                  <a:pt x="861" y="187"/>
                  <a:pt x="862" y="187"/>
                  <a:pt x="861" y="188"/>
                </a:cubicBezTo>
                <a:cubicBezTo>
                  <a:pt x="861" y="188"/>
                  <a:pt x="862" y="188"/>
                  <a:pt x="862" y="188"/>
                </a:cubicBezTo>
                <a:cubicBezTo>
                  <a:pt x="862" y="190"/>
                  <a:pt x="860" y="196"/>
                  <a:pt x="862" y="198"/>
                </a:cubicBezTo>
                <a:cubicBezTo>
                  <a:pt x="861" y="198"/>
                  <a:pt x="861" y="197"/>
                  <a:pt x="861" y="198"/>
                </a:cubicBezTo>
                <a:cubicBezTo>
                  <a:pt x="861" y="199"/>
                  <a:pt x="860" y="200"/>
                  <a:pt x="861" y="201"/>
                </a:cubicBezTo>
                <a:cubicBezTo>
                  <a:pt x="861" y="204"/>
                  <a:pt x="860" y="206"/>
                  <a:pt x="861" y="208"/>
                </a:cubicBezTo>
                <a:cubicBezTo>
                  <a:pt x="860" y="209"/>
                  <a:pt x="860" y="210"/>
                  <a:pt x="860" y="210"/>
                </a:cubicBezTo>
                <a:cubicBezTo>
                  <a:pt x="860" y="211"/>
                  <a:pt x="860" y="213"/>
                  <a:pt x="860" y="214"/>
                </a:cubicBezTo>
                <a:cubicBezTo>
                  <a:pt x="859" y="231"/>
                  <a:pt x="857" y="248"/>
                  <a:pt x="857" y="264"/>
                </a:cubicBezTo>
                <a:cubicBezTo>
                  <a:pt x="856" y="268"/>
                  <a:pt x="857" y="273"/>
                  <a:pt x="857" y="277"/>
                </a:cubicBezTo>
                <a:cubicBezTo>
                  <a:pt x="857" y="277"/>
                  <a:pt x="857" y="277"/>
                  <a:pt x="857" y="278"/>
                </a:cubicBezTo>
                <a:cubicBezTo>
                  <a:pt x="857" y="279"/>
                  <a:pt x="857" y="279"/>
                  <a:pt x="857" y="279"/>
                </a:cubicBezTo>
                <a:cubicBezTo>
                  <a:pt x="857" y="280"/>
                  <a:pt x="857" y="281"/>
                  <a:pt x="857" y="282"/>
                </a:cubicBezTo>
                <a:cubicBezTo>
                  <a:pt x="857" y="291"/>
                  <a:pt x="857" y="302"/>
                  <a:pt x="859" y="311"/>
                </a:cubicBezTo>
                <a:cubicBezTo>
                  <a:pt x="858" y="317"/>
                  <a:pt x="860" y="324"/>
                  <a:pt x="860" y="331"/>
                </a:cubicBezTo>
                <a:cubicBezTo>
                  <a:pt x="860" y="334"/>
                  <a:pt x="860" y="336"/>
                  <a:pt x="860" y="339"/>
                </a:cubicBezTo>
                <a:cubicBezTo>
                  <a:pt x="861" y="340"/>
                  <a:pt x="861" y="342"/>
                  <a:pt x="861" y="343"/>
                </a:cubicBezTo>
                <a:cubicBezTo>
                  <a:pt x="861" y="345"/>
                  <a:pt x="861" y="347"/>
                  <a:pt x="861" y="349"/>
                </a:cubicBezTo>
                <a:cubicBezTo>
                  <a:pt x="861" y="350"/>
                  <a:pt x="861" y="350"/>
                  <a:pt x="861" y="350"/>
                </a:cubicBezTo>
                <a:cubicBezTo>
                  <a:pt x="861" y="351"/>
                  <a:pt x="861" y="351"/>
                  <a:pt x="861" y="351"/>
                </a:cubicBezTo>
                <a:cubicBezTo>
                  <a:pt x="861" y="351"/>
                  <a:pt x="861" y="351"/>
                  <a:pt x="861" y="351"/>
                </a:cubicBezTo>
                <a:cubicBezTo>
                  <a:pt x="861" y="351"/>
                  <a:pt x="860" y="350"/>
                  <a:pt x="860" y="350"/>
                </a:cubicBezTo>
                <a:cubicBezTo>
                  <a:pt x="859" y="350"/>
                  <a:pt x="858" y="350"/>
                  <a:pt x="857" y="349"/>
                </a:cubicBezTo>
                <a:cubicBezTo>
                  <a:pt x="854" y="349"/>
                  <a:pt x="853" y="349"/>
                  <a:pt x="851" y="348"/>
                </a:cubicBezTo>
                <a:cubicBezTo>
                  <a:pt x="843" y="346"/>
                  <a:pt x="834" y="342"/>
                  <a:pt x="826" y="340"/>
                </a:cubicBezTo>
                <a:cubicBezTo>
                  <a:pt x="824" y="340"/>
                  <a:pt x="821" y="338"/>
                  <a:pt x="819" y="338"/>
                </a:cubicBezTo>
                <a:cubicBezTo>
                  <a:pt x="818" y="338"/>
                  <a:pt x="817" y="338"/>
                  <a:pt x="816" y="337"/>
                </a:cubicBezTo>
                <a:cubicBezTo>
                  <a:pt x="812" y="336"/>
                  <a:pt x="807" y="334"/>
                  <a:pt x="803" y="334"/>
                </a:cubicBezTo>
                <a:cubicBezTo>
                  <a:pt x="801" y="333"/>
                  <a:pt x="799" y="332"/>
                  <a:pt x="797" y="331"/>
                </a:cubicBezTo>
                <a:cubicBezTo>
                  <a:pt x="794" y="331"/>
                  <a:pt x="792" y="330"/>
                  <a:pt x="790" y="330"/>
                </a:cubicBezTo>
                <a:cubicBezTo>
                  <a:pt x="789" y="329"/>
                  <a:pt x="788" y="329"/>
                  <a:pt x="788" y="329"/>
                </a:cubicBezTo>
                <a:cubicBezTo>
                  <a:pt x="787" y="329"/>
                  <a:pt x="787" y="329"/>
                  <a:pt x="786" y="328"/>
                </a:cubicBezTo>
                <a:cubicBezTo>
                  <a:pt x="783" y="328"/>
                  <a:pt x="779" y="327"/>
                  <a:pt x="776" y="325"/>
                </a:cubicBezTo>
                <a:cubicBezTo>
                  <a:pt x="775" y="325"/>
                  <a:pt x="775" y="325"/>
                  <a:pt x="775" y="326"/>
                </a:cubicBezTo>
                <a:cubicBezTo>
                  <a:pt x="773" y="324"/>
                  <a:pt x="770" y="325"/>
                  <a:pt x="768" y="324"/>
                </a:cubicBezTo>
                <a:cubicBezTo>
                  <a:pt x="767" y="324"/>
                  <a:pt x="767" y="324"/>
                  <a:pt x="767" y="324"/>
                </a:cubicBezTo>
                <a:cubicBezTo>
                  <a:pt x="766" y="323"/>
                  <a:pt x="765" y="323"/>
                  <a:pt x="763" y="323"/>
                </a:cubicBezTo>
                <a:cubicBezTo>
                  <a:pt x="759" y="321"/>
                  <a:pt x="755" y="321"/>
                  <a:pt x="751" y="319"/>
                </a:cubicBezTo>
                <a:cubicBezTo>
                  <a:pt x="749" y="320"/>
                  <a:pt x="746" y="319"/>
                  <a:pt x="744" y="318"/>
                </a:cubicBezTo>
                <a:cubicBezTo>
                  <a:pt x="743" y="318"/>
                  <a:pt x="743" y="319"/>
                  <a:pt x="742" y="318"/>
                </a:cubicBezTo>
                <a:cubicBezTo>
                  <a:pt x="741" y="318"/>
                  <a:pt x="741" y="318"/>
                  <a:pt x="741" y="318"/>
                </a:cubicBezTo>
                <a:cubicBezTo>
                  <a:pt x="740" y="318"/>
                  <a:pt x="740" y="318"/>
                  <a:pt x="739" y="318"/>
                </a:cubicBezTo>
                <a:cubicBezTo>
                  <a:pt x="738" y="317"/>
                  <a:pt x="738" y="317"/>
                  <a:pt x="737" y="316"/>
                </a:cubicBezTo>
                <a:cubicBezTo>
                  <a:pt x="736" y="316"/>
                  <a:pt x="736" y="317"/>
                  <a:pt x="735" y="316"/>
                </a:cubicBezTo>
                <a:cubicBezTo>
                  <a:pt x="734" y="316"/>
                  <a:pt x="733" y="315"/>
                  <a:pt x="733" y="315"/>
                </a:cubicBezTo>
                <a:cubicBezTo>
                  <a:pt x="731" y="315"/>
                  <a:pt x="729" y="316"/>
                  <a:pt x="727" y="314"/>
                </a:cubicBezTo>
                <a:cubicBezTo>
                  <a:pt x="725" y="314"/>
                  <a:pt x="724" y="313"/>
                  <a:pt x="722" y="313"/>
                </a:cubicBezTo>
                <a:cubicBezTo>
                  <a:pt x="721" y="313"/>
                  <a:pt x="720" y="313"/>
                  <a:pt x="719" y="313"/>
                </a:cubicBezTo>
                <a:cubicBezTo>
                  <a:pt x="718" y="313"/>
                  <a:pt x="718" y="313"/>
                  <a:pt x="717" y="313"/>
                </a:cubicBezTo>
                <a:cubicBezTo>
                  <a:pt x="715" y="312"/>
                  <a:pt x="713" y="313"/>
                  <a:pt x="711" y="311"/>
                </a:cubicBezTo>
                <a:cubicBezTo>
                  <a:pt x="708" y="312"/>
                  <a:pt x="703" y="309"/>
                  <a:pt x="701" y="311"/>
                </a:cubicBezTo>
                <a:cubicBezTo>
                  <a:pt x="701" y="312"/>
                  <a:pt x="700" y="313"/>
                  <a:pt x="699" y="313"/>
                </a:cubicBezTo>
                <a:cubicBezTo>
                  <a:pt x="698" y="313"/>
                  <a:pt x="698" y="312"/>
                  <a:pt x="697" y="311"/>
                </a:cubicBezTo>
                <a:cubicBezTo>
                  <a:pt x="696" y="311"/>
                  <a:pt x="693" y="310"/>
                  <a:pt x="692" y="310"/>
                </a:cubicBezTo>
                <a:cubicBezTo>
                  <a:pt x="691" y="310"/>
                  <a:pt x="691" y="311"/>
                  <a:pt x="690" y="311"/>
                </a:cubicBezTo>
                <a:cubicBezTo>
                  <a:pt x="689" y="311"/>
                  <a:pt x="688" y="309"/>
                  <a:pt x="687" y="309"/>
                </a:cubicBezTo>
                <a:cubicBezTo>
                  <a:pt x="686" y="309"/>
                  <a:pt x="685" y="310"/>
                  <a:pt x="684" y="310"/>
                </a:cubicBezTo>
                <a:cubicBezTo>
                  <a:pt x="683" y="309"/>
                  <a:pt x="682" y="308"/>
                  <a:pt x="682" y="307"/>
                </a:cubicBezTo>
                <a:cubicBezTo>
                  <a:pt x="682" y="307"/>
                  <a:pt x="682" y="307"/>
                  <a:pt x="681" y="307"/>
                </a:cubicBezTo>
                <a:cubicBezTo>
                  <a:pt x="680" y="305"/>
                  <a:pt x="677" y="304"/>
                  <a:pt x="674" y="304"/>
                </a:cubicBezTo>
                <a:cubicBezTo>
                  <a:pt x="674" y="303"/>
                  <a:pt x="673" y="303"/>
                  <a:pt x="673" y="303"/>
                </a:cubicBezTo>
                <a:cubicBezTo>
                  <a:pt x="670" y="302"/>
                  <a:pt x="668" y="299"/>
                  <a:pt x="666" y="296"/>
                </a:cubicBezTo>
                <a:cubicBezTo>
                  <a:pt x="666" y="296"/>
                  <a:pt x="665" y="296"/>
                  <a:pt x="665" y="295"/>
                </a:cubicBezTo>
                <a:cubicBezTo>
                  <a:pt x="664" y="294"/>
                  <a:pt x="664" y="293"/>
                  <a:pt x="663" y="292"/>
                </a:cubicBezTo>
                <a:cubicBezTo>
                  <a:pt x="663" y="291"/>
                  <a:pt x="662" y="291"/>
                  <a:pt x="662" y="290"/>
                </a:cubicBezTo>
                <a:cubicBezTo>
                  <a:pt x="662" y="288"/>
                  <a:pt x="661" y="287"/>
                  <a:pt x="660" y="286"/>
                </a:cubicBezTo>
                <a:cubicBezTo>
                  <a:pt x="660" y="285"/>
                  <a:pt x="659" y="284"/>
                  <a:pt x="659" y="283"/>
                </a:cubicBezTo>
                <a:cubicBezTo>
                  <a:pt x="658" y="281"/>
                  <a:pt x="659" y="279"/>
                  <a:pt x="658" y="277"/>
                </a:cubicBezTo>
                <a:cubicBezTo>
                  <a:pt x="659" y="274"/>
                  <a:pt x="659" y="271"/>
                  <a:pt x="660" y="267"/>
                </a:cubicBezTo>
                <a:cubicBezTo>
                  <a:pt x="660" y="267"/>
                  <a:pt x="659" y="267"/>
                  <a:pt x="660" y="266"/>
                </a:cubicBezTo>
                <a:cubicBezTo>
                  <a:pt x="661" y="265"/>
                  <a:pt x="661" y="263"/>
                  <a:pt x="662" y="261"/>
                </a:cubicBezTo>
                <a:cubicBezTo>
                  <a:pt x="663" y="261"/>
                  <a:pt x="663" y="260"/>
                  <a:pt x="664" y="260"/>
                </a:cubicBezTo>
                <a:cubicBezTo>
                  <a:pt x="665" y="259"/>
                  <a:pt x="665" y="258"/>
                  <a:pt x="666" y="257"/>
                </a:cubicBezTo>
                <a:cubicBezTo>
                  <a:pt x="670" y="256"/>
                  <a:pt x="673" y="253"/>
                  <a:pt x="677" y="251"/>
                </a:cubicBezTo>
                <a:cubicBezTo>
                  <a:pt x="677" y="251"/>
                  <a:pt x="678" y="251"/>
                  <a:pt x="678" y="251"/>
                </a:cubicBezTo>
                <a:cubicBezTo>
                  <a:pt x="680" y="250"/>
                  <a:pt x="682" y="250"/>
                  <a:pt x="684" y="249"/>
                </a:cubicBezTo>
                <a:cubicBezTo>
                  <a:pt x="685" y="248"/>
                  <a:pt x="687" y="249"/>
                  <a:pt x="689" y="249"/>
                </a:cubicBezTo>
                <a:cubicBezTo>
                  <a:pt x="690" y="249"/>
                  <a:pt x="690" y="248"/>
                  <a:pt x="692" y="249"/>
                </a:cubicBezTo>
                <a:cubicBezTo>
                  <a:pt x="693" y="249"/>
                  <a:pt x="695" y="248"/>
                  <a:pt x="696" y="248"/>
                </a:cubicBezTo>
                <a:cubicBezTo>
                  <a:pt x="698" y="248"/>
                  <a:pt x="700" y="249"/>
                  <a:pt x="701" y="250"/>
                </a:cubicBezTo>
                <a:cubicBezTo>
                  <a:pt x="702" y="250"/>
                  <a:pt x="703" y="249"/>
                  <a:pt x="704" y="250"/>
                </a:cubicBezTo>
                <a:cubicBezTo>
                  <a:pt x="705" y="250"/>
                  <a:pt x="706" y="252"/>
                  <a:pt x="707" y="252"/>
                </a:cubicBezTo>
                <a:close/>
                <a:moveTo>
                  <a:pt x="858" y="156"/>
                </a:moveTo>
                <a:cubicBezTo>
                  <a:pt x="858" y="156"/>
                  <a:pt x="858" y="156"/>
                  <a:pt x="858" y="156"/>
                </a:cubicBezTo>
                <a:cubicBezTo>
                  <a:pt x="858" y="157"/>
                  <a:pt x="859" y="156"/>
                  <a:pt x="858" y="156"/>
                </a:cubicBezTo>
                <a:close/>
                <a:moveTo>
                  <a:pt x="859" y="156"/>
                </a:moveTo>
                <a:cubicBezTo>
                  <a:pt x="860" y="155"/>
                  <a:pt x="859" y="154"/>
                  <a:pt x="860" y="152"/>
                </a:cubicBezTo>
                <a:cubicBezTo>
                  <a:pt x="859" y="152"/>
                  <a:pt x="859" y="152"/>
                  <a:pt x="860" y="151"/>
                </a:cubicBezTo>
                <a:cubicBezTo>
                  <a:pt x="859" y="150"/>
                  <a:pt x="860" y="148"/>
                  <a:pt x="858" y="148"/>
                </a:cubicBezTo>
                <a:cubicBezTo>
                  <a:pt x="858" y="149"/>
                  <a:pt x="858" y="150"/>
                  <a:pt x="857" y="151"/>
                </a:cubicBezTo>
                <a:cubicBezTo>
                  <a:pt x="857" y="151"/>
                  <a:pt x="858" y="151"/>
                  <a:pt x="858" y="151"/>
                </a:cubicBezTo>
                <a:cubicBezTo>
                  <a:pt x="858" y="152"/>
                  <a:pt x="858" y="154"/>
                  <a:pt x="858" y="156"/>
                </a:cubicBezTo>
                <a:cubicBezTo>
                  <a:pt x="858" y="156"/>
                  <a:pt x="858" y="155"/>
                  <a:pt x="859" y="156"/>
                </a:cubicBezTo>
                <a:close/>
              </a:path>
            </a:pathLst>
          </a:custGeom>
          <a:solidFill>
            <a:schemeClr val="accent6"/>
          </a:solidFill>
          <a:ln>
            <a:noFill/>
          </a:ln>
        </p:spPr>
        <p:txBody>
          <a:bodyPr vert="horz" wrap="square" lIns="91392" tIns="45696" rIns="91392" bIns="45696"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2398"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23" name="AutoShape 3"/>
          <p:cNvSpPr>
            <a:spLocks noChangeAspect="1" noChangeArrowheads="1" noTextEdit="1"/>
          </p:cNvSpPr>
          <p:nvPr/>
        </p:nvSpPr>
        <p:spPr bwMode="auto">
          <a:xfrm>
            <a:off x="646017" y="75750"/>
            <a:ext cx="4256572" cy="357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392" tIns="45696" rIns="91392" bIns="45696" numCol="1" anchor="t"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endParaRPr>
          </a:p>
        </p:txBody>
      </p:sp>
      <p:sp>
        <p:nvSpPr>
          <p:cNvPr id="24" name="Freeform 5"/>
          <p:cNvSpPr>
            <a:spLocks/>
          </p:cNvSpPr>
          <p:nvPr/>
        </p:nvSpPr>
        <p:spPr bwMode="auto">
          <a:xfrm>
            <a:off x="2314247" y="3020670"/>
            <a:ext cx="935495" cy="508999"/>
          </a:xfrm>
          <a:custGeom>
            <a:avLst/>
            <a:gdLst>
              <a:gd name="T0" fmla="*/ 659 w 659"/>
              <a:gd name="T1" fmla="*/ 364 h 364"/>
              <a:gd name="T2" fmla="*/ 0 w 659"/>
              <a:gd name="T3" fmla="*/ 364 h 364"/>
              <a:gd name="T4" fmla="*/ 51 w 659"/>
              <a:gd name="T5" fmla="*/ 0 h 364"/>
              <a:gd name="T6" fmla="*/ 612 w 659"/>
              <a:gd name="T7" fmla="*/ 0 h 364"/>
              <a:gd name="T8" fmla="*/ 659 w 659"/>
              <a:gd name="T9" fmla="*/ 364 h 364"/>
            </a:gdLst>
            <a:ahLst/>
            <a:cxnLst>
              <a:cxn ang="0">
                <a:pos x="T0" y="T1"/>
              </a:cxn>
              <a:cxn ang="0">
                <a:pos x="T2" y="T3"/>
              </a:cxn>
              <a:cxn ang="0">
                <a:pos x="T4" y="T5"/>
              </a:cxn>
              <a:cxn ang="0">
                <a:pos x="T6" y="T7"/>
              </a:cxn>
              <a:cxn ang="0">
                <a:pos x="T8" y="T9"/>
              </a:cxn>
            </a:cxnLst>
            <a:rect l="0" t="0" r="r" b="b"/>
            <a:pathLst>
              <a:path w="659" h="364">
                <a:moveTo>
                  <a:pt x="659" y="364"/>
                </a:moveTo>
                <a:lnTo>
                  <a:pt x="0" y="364"/>
                </a:lnTo>
                <a:lnTo>
                  <a:pt x="51" y="0"/>
                </a:lnTo>
                <a:lnTo>
                  <a:pt x="612" y="0"/>
                </a:lnTo>
                <a:lnTo>
                  <a:pt x="659" y="364"/>
                </a:lnTo>
                <a:close/>
              </a:path>
            </a:pathLst>
          </a:custGeom>
          <a:solidFill>
            <a:srgbClr val="D3D0D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392" tIns="45696" rIns="91392" bIns="45696" numCol="1" anchor="t"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endParaRPr>
          </a:p>
        </p:txBody>
      </p:sp>
      <p:sp>
        <p:nvSpPr>
          <p:cNvPr id="25" name="Freeform 6"/>
          <p:cNvSpPr>
            <a:spLocks/>
          </p:cNvSpPr>
          <p:nvPr/>
        </p:nvSpPr>
        <p:spPr bwMode="auto">
          <a:xfrm>
            <a:off x="2247126" y="3518482"/>
            <a:ext cx="1069736" cy="131445"/>
          </a:xfrm>
          <a:custGeom>
            <a:avLst/>
            <a:gdLst>
              <a:gd name="T0" fmla="*/ 758 w 772"/>
              <a:gd name="T1" fmla="*/ 96 h 96"/>
              <a:gd name="T2" fmla="*/ 12 w 772"/>
              <a:gd name="T3" fmla="*/ 96 h 96"/>
              <a:gd name="T4" fmla="*/ 0 w 772"/>
              <a:gd name="T5" fmla="*/ 84 h 96"/>
              <a:gd name="T6" fmla="*/ 2 w 772"/>
              <a:gd name="T7" fmla="*/ 78 h 96"/>
              <a:gd name="T8" fmla="*/ 48 w 772"/>
              <a:gd name="T9" fmla="*/ 5 h 96"/>
              <a:gd name="T10" fmla="*/ 58 w 772"/>
              <a:gd name="T11" fmla="*/ 0 h 96"/>
              <a:gd name="T12" fmla="*/ 715 w 772"/>
              <a:gd name="T13" fmla="*/ 0 h 96"/>
              <a:gd name="T14" fmla="*/ 725 w 772"/>
              <a:gd name="T15" fmla="*/ 6 h 96"/>
              <a:gd name="T16" fmla="*/ 768 w 772"/>
              <a:gd name="T17" fmla="*/ 78 h 96"/>
              <a:gd name="T18" fmla="*/ 764 w 772"/>
              <a:gd name="T19" fmla="*/ 95 h 96"/>
              <a:gd name="T20" fmla="*/ 758 w 772"/>
              <a:gd name="T21" fmla="*/ 96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772" h="96">
                <a:moveTo>
                  <a:pt x="758" y="96"/>
                </a:moveTo>
                <a:cubicBezTo>
                  <a:pt x="12" y="96"/>
                  <a:pt x="12" y="96"/>
                  <a:pt x="12" y="96"/>
                </a:cubicBezTo>
                <a:cubicBezTo>
                  <a:pt x="5" y="96"/>
                  <a:pt x="0" y="91"/>
                  <a:pt x="0" y="84"/>
                </a:cubicBezTo>
                <a:cubicBezTo>
                  <a:pt x="0" y="82"/>
                  <a:pt x="0" y="80"/>
                  <a:pt x="2" y="78"/>
                </a:cubicBezTo>
                <a:cubicBezTo>
                  <a:pt x="48" y="5"/>
                  <a:pt x="48" y="5"/>
                  <a:pt x="48" y="5"/>
                </a:cubicBezTo>
                <a:cubicBezTo>
                  <a:pt x="50" y="2"/>
                  <a:pt x="54" y="0"/>
                  <a:pt x="58" y="0"/>
                </a:cubicBezTo>
                <a:cubicBezTo>
                  <a:pt x="715" y="0"/>
                  <a:pt x="715" y="0"/>
                  <a:pt x="715" y="0"/>
                </a:cubicBezTo>
                <a:cubicBezTo>
                  <a:pt x="719" y="0"/>
                  <a:pt x="723" y="2"/>
                  <a:pt x="725" y="6"/>
                </a:cubicBezTo>
                <a:cubicBezTo>
                  <a:pt x="768" y="78"/>
                  <a:pt x="768" y="78"/>
                  <a:pt x="768" y="78"/>
                </a:cubicBezTo>
                <a:cubicBezTo>
                  <a:pt x="772" y="84"/>
                  <a:pt x="770" y="91"/>
                  <a:pt x="764" y="95"/>
                </a:cubicBezTo>
                <a:cubicBezTo>
                  <a:pt x="762" y="96"/>
                  <a:pt x="760" y="96"/>
                  <a:pt x="758" y="96"/>
                </a:cubicBezTo>
                <a:close/>
              </a:path>
            </a:pathLst>
          </a:custGeom>
          <a:solidFill>
            <a:srgbClr val="BFBDC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392" tIns="45696" rIns="91392" bIns="45696" numCol="1" anchor="t"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endParaRPr>
          </a:p>
        </p:txBody>
      </p:sp>
      <p:sp>
        <p:nvSpPr>
          <p:cNvPr id="26" name="Freeform 7"/>
          <p:cNvSpPr>
            <a:spLocks/>
          </p:cNvSpPr>
          <p:nvPr/>
        </p:nvSpPr>
        <p:spPr bwMode="auto">
          <a:xfrm>
            <a:off x="646017" y="127266"/>
            <a:ext cx="4320896" cy="2635885"/>
          </a:xfrm>
          <a:custGeom>
            <a:avLst/>
            <a:gdLst>
              <a:gd name="T0" fmla="*/ 3056 w 3114"/>
              <a:gd name="T1" fmla="*/ 0 h 1928"/>
              <a:gd name="T2" fmla="*/ 56 w 3114"/>
              <a:gd name="T3" fmla="*/ 0 h 1928"/>
              <a:gd name="T4" fmla="*/ 0 w 3114"/>
              <a:gd name="T5" fmla="*/ 56 h 1928"/>
              <a:gd name="T6" fmla="*/ 0 w 3114"/>
              <a:gd name="T7" fmla="*/ 1928 h 1928"/>
              <a:gd name="T8" fmla="*/ 3114 w 3114"/>
              <a:gd name="T9" fmla="*/ 1928 h 1928"/>
              <a:gd name="T10" fmla="*/ 3112 w 3114"/>
              <a:gd name="T11" fmla="*/ 56 h 1928"/>
              <a:gd name="T12" fmla="*/ 3056 w 3114"/>
              <a:gd name="T13" fmla="*/ 0 h 1928"/>
            </a:gdLst>
            <a:ahLst/>
            <a:cxnLst>
              <a:cxn ang="0">
                <a:pos x="T0" y="T1"/>
              </a:cxn>
              <a:cxn ang="0">
                <a:pos x="T2" y="T3"/>
              </a:cxn>
              <a:cxn ang="0">
                <a:pos x="T4" y="T5"/>
              </a:cxn>
              <a:cxn ang="0">
                <a:pos x="T6" y="T7"/>
              </a:cxn>
              <a:cxn ang="0">
                <a:pos x="T8" y="T9"/>
              </a:cxn>
              <a:cxn ang="0">
                <a:pos x="T10" y="T11"/>
              </a:cxn>
              <a:cxn ang="0">
                <a:pos x="T12" y="T13"/>
              </a:cxn>
            </a:cxnLst>
            <a:rect l="0" t="0" r="r" b="b"/>
            <a:pathLst>
              <a:path w="3114" h="1928">
                <a:moveTo>
                  <a:pt x="3056" y="0"/>
                </a:moveTo>
                <a:cubicBezTo>
                  <a:pt x="56" y="0"/>
                  <a:pt x="56" y="0"/>
                  <a:pt x="56" y="0"/>
                </a:cubicBezTo>
                <a:cubicBezTo>
                  <a:pt x="25" y="0"/>
                  <a:pt x="0" y="26"/>
                  <a:pt x="0" y="56"/>
                </a:cubicBezTo>
                <a:cubicBezTo>
                  <a:pt x="0" y="56"/>
                  <a:pt x="0" y="1910"/>
                  <a:pt x="0" y="1928"/>
                </a:cubicBezTo>
                <a:cubicBezTo>
                  <a:pt x="3114" y="1928"/>
                  <a:pt x="3114" y="1928"/>
                  <a:pt x="3114" y="1928"/>
                </a:cubicBezTo>
                <a:cubicBezTo>
                  <a:pt x="3114" y="1896"/>
                  <a:pt x="3112" y="56"/>
                  <a:pt x="3112" y="56"/>
                </a:cubicBezTo>
                <a:cubicBezTo>
                  <a:pt x="3112" y="26"/>
                  <a:pt x="3087" y="0"/>
                  <a:pt x="3056" y="0"/>
                </a:cubicBezTo>
                <a:close/>
              </a:path>
            </a:pathLst>
          </a:custGeom>
          <a:solidFill>
            <a:schemeClr val="tx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392" tIns="45696" rIns="91392" bIns="45696" numCol="1" anchor="t"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endParaRPr>
          </a:p>
        </p:txBody>
      </p:sp>
      <p:sp>
        <p:nvSpPr>
          <p:cNvPr id="28" name="Freeform 9"/>
          <p:cNvSpPr>
            <a:spLocks/>
          </p:cNvSpPr>
          <p:nvPr/>
        </p:nvSpPr>
        <p:spPr bwMode="auto">
          <a:xfrm>
            <a:off x="647415" y="2710237"/>
            <a:ext cx="4320896" cy="335603"/>
          </a:xfrm>
          <a:custGeom>
            <a:avLst/>
            <a:gdLst>
              <a:gd name="T0" fmla="*/ 3061 w 3114"/>
              <a:gd name="T1" fmla="*/ 246 h 246"/>
              <a:gd name="T2" fmla="*/ 56 w 3114"/>
              <a:gd name="T3" fmla="*/ 246 h 246"/>
              <a:gd name="T4" fmla="*/ 0 w 3114"/>
              <a:gd name="T5" fmla="*/ 190 h 246"/>
              <a:gd name="T6" fmla="*/ 0 w 3114"/>
              <a:gd name="T7" fmla="*/ 0 h 246"/>
              <a:gd name="T8" fmla="*/ 3114 w 3114"/>
              <a:gd name="T9" fmla="*/ 0 h 246"/>
              <a:gd name="T10" fmla="*/ 3114 w 3114"/>
              <a:gd name="T11" fmla="*/ 190 h 246"/>
              <a:gd name="T12" fmla="*/ 3061 w 3114"/>
              <a:gd name="T13" fmla="*/ 246 h 246"/>
            </a:gdLst>
            <a:ahLst/>
            <a:cxnLst>
              <a:cxn ang="0">
                <a:pos x="T0" y="T1"/>
              </a:cxn>
              <a:cxn ang="0">
                <a:pos x="T2" y="T3"/>
              </a:cxn>
              <a:cxn ang="0">
                <a:pos x="T4" y="T5"/>
              </a:cxn>
              <a:cxn ang="0">
                <a:pos x="T6" y="T7"/>
              </a:cxn>
              <a:cxn ang="0">
                <a:pos x="T8" y="T9"/>
              </a:cxn>
              <a:cxn ang="0">
                <a:pos x="T10" y="T11"/>
              </a:cxn>
              <a:cxn ang="0">
                <a:pos x="T12" y="T13"/>
              </a:cxn>
            </a:cxnLst>
            <a:rect l="0" t="0" r="r" b="b"/>
            <a:pathLst>
              <a:path w="3114" h="246">
                <a:moveTo>
                  <a:pt x="3061" y="246"/>
                </a:moveTo>
                <a:cubicBezTo>
                  <a:pt x="56" y="246"/>
                  <a:pt x="56" y="246"/>
                  <a:pt x="56" y="246"/>
                </a:cubicBezTo>
                <a:cubicBezTo>
                  <a:pt x="25" y="246"/>
                  <a:pt x="0" y="221"/>
                  <a:pt x="0" y="190"/>
                </a:cubicBezTo>
                <a:cubicBezTo>
                  <a:pt x="0" y="190"/>
                  <a:pt x="0" y="6"/>
                  <a:pt x="0" y="0"/>
                </a:cubicBezTo>
                <a:cubicBezTo>
                  <a:pt x="3114" y="0"/>
                  <a:pt x="3114" y="0"/>
                  <a:pt x="3114" y="0"/>
                </a:cubicBezTo>
                <a:cubicBezTo>
                  <a:pt x="3114" y="3"/>
                  <a:pt x="3114" y="190"/>
                  <a:pt x="3114" y="190"/>
                </a:cubicBezTo>
                <a:cubicBezTo>
                  <a:pt x="3114" y="221"/>
                  <a:pt x="3092" y="246"/>
                  <a:pt x="3061" y="246"/>
                </a:cubicBezTo>
                <a:close/>
              </a:path>
            </a:pathLst>
          </a:custGeom>
          <a:solidFill>
            <a:srgbClr val="EBEAE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392" tIns="45696" rIns="91392" bIns="45696" numCol="1" anchor="t"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endParaRPr>
          </a:p>
        </p:txBody>
      </p:sp>
      <p:sp>
        <p:nvSpPr>
          <p:cNvPr id="29" name="Oval 10"/>
          <p:cNvSpPr>
            <a:spLocks noChangeArrowheads="1"/>
          </p:cNvSpPr>
          <p:nvPr/>
        </p:nvSpPr>
        <p:spPr bwMode="auto">
          <a:xfrm>
            <a:off x="2709980" y="2812316"/>
            <a:ext cx="131445" cy="131445"/>
          </a:xfrm>
          <a:prstGeom prst="ellipse">
            <a:avLst/>
          </a:prstGeom>
          <a:solidFill>
            <a:srgbClr val="D5D3D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392" tIns="45696" rIns="91392" bIns="45696" numCol="1" anchor="t"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endParaRPr>
          </a:p>
        </p:txBody>
      </p:sp>
      <p:sp>
        <p:nvSpPr>
          <p:cNvPr id="30" name="Oval 11"/>
          <p:cNvSpPr>
            <a:spLocks noChangeArrowheads="1"/>
          </p:cNvSpPr>
          <p:nvPr/>
        </p:nvSpPr>
        <p:spPr bwMode="auto">
          <a:xfrm>
            <a:off x="2749134" y="159651"/>
            <a:ext cx="53137" cy="51739"/>
          </a:xfrm>
          <a:prstGeom prst="ellipse">
            <a:avLst/>
          </a:prstGeom>
          <a:solidFill>
            <a:srgbClr val="62626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392" tIns="45696" rIns="91392" bIns="45696" numCol="1" anchor="t" anchorCtr="0" compatLnSpc="1">
            <a:prstTxWarp prst="textNoShape">
              <a:avLst/>
            </a:prstTxWarp>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endParaRPr>
          </a:p>
        </p:txBody>
      </p:sp>
      <p:sp>
        <p:nvSpPr>
          <p:cNvPr id="39" name="Up Ribbon 38"/>
          <p:cNvSpPr/>
          <p:nvPr/>
        </p:nvSpPr>
        <p:spPr>
          <a:xfrm>
            <a:off x="5984882" y="282537"/>
            <a:ext cx="5588236" cy="1368223"/>
          </a:xfrm>
          <a:prstGeom prst="ribbon2">
            <a:avLst>
              <a:gd name="adj1" fmla="val 16667"/>
              <a:gd name="adj2" fmla="val 75000"/>
            </a:avLst>
          </a:prstGeom>
          <a:solidFill>
            <a:schemeClr val="accent4"/>
          </a:solidFill>
          <a:ln w="25400" cap="flat" cmpd="sng" algn="ctr">
            <a:noFill/>
            <a:prstDash val="solid"/>
          </a:ln>
          <a:effectLst/>
        </p:spPr>
        <p:txBody>
          <a:bodyPr rtlCol="0" anchor="t"/>
          <a:lstStyle/>
          <a:p>
            <a:pPr marL="0" marR="0" lvl="0" indent="0" algn="ctr" defTabSz="914126" rtl="0" eaLnBrk="1" fontAlgn="auto" latinLnBrk="0" hangingPunct="1">
              <a:lnSpc>
                <a:spcPct val="100000"/>
              </a:lnSpc>
              <a:spcBef>
                <a:spcPts val="0"/>
              </a:spcBef>
              <a:spcAft>
                <a:spcPts val="0"/>
              </a:spcAft>
              <a:buClrTx/>
              <a:buSzTx/>
              <a:buFontTx/>
              <a:buNone/>
              <a:tabLst/>
              <a:defRPr/>
            </a:pPr>
            <a:endParaRPr kumimoji="0" lang="es-UY" sz="2398"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41" name="TextBox 40"/>
          <p:cNvSpPr txBox="1"/>
          <p:nvPr/>
        </p:nvSpPr>
        <p:spPr>
          <a:xfrm>
            <a:off x="6964268" y="420990"/>
            <a:ext cx="3843579" cy="861774"/>
          </a:xfrm>
          <a:prstGeom prst="rect">
            <a:avLst/>
          </a:prstGeom>
        </p:spPr>
        <p:txBody>
          <a:bodyPr wrap="square">
            <a:spAutoFit/>
          </a:bodyPr>
          <a:lstStyle>
            <a:defPPr>
              <a:defRPr lang="en-US"/>
            </a:defPPr>
            <a:lvl1pPr algn="ctr">
              <a:defRPr sz="2000">
                <a:latin typeface="Segoe UI" panose="020B0502040204020203" pitchFamily="34" charset="0"/>
                <a:ea typeface="Segoe UI" panose="020B0502040204020203" pitchFamily="34" charset="0"/>
                <a:cs typeface="Segoe UI" panose="020B0502040204020203" pitchFamily="34" charset="0"/>
              </a:defRPr>
            </a:lvl1pPr>
          </a:lstStyle>
          <a:p>
            <a:pPr marL="0" marR="0" lvl="0" indent="0" algn="ctr" defTabSz="914126" rtl="0" eaLnBrk="1" fontAlgn="auto" latinLnBrk="0" hangingPunct="1">
              <a:lnSpc>
                <a:spcPct val="100000"/>
              </a:lnSpc>
              <a:spcBef>
                <a:spcPts val="0"/>
              </a:spcBef>
              <a:spcAft>
                <a:spcPts val="0"/>
              </a:spcAft>
              <a:buClrTx/>
              <a:buSzTx/>
              <a:buFontTx/>
              <a:buNone/>
              <a:tabLst/>
              <a:defRPr/>
            </a:pPr>
            <a:r>
              <a:rPr lang="en-US" sz="2500" b="1" kern="0" noProof="0" dirty="0" smtClean="0">
                <a:solidFill>
                  <a:prstClr val="white"/>
                </a:solidFill>
              </a:rPr>
              <a:t>El formato</a:t>
            </a:r>
          </a:p>
          <a:p>
            <a:pPr marL="0" marR="0" lvl="0" indent="0" algn="ctr" defTabSz="914126" rtl="0" eaLnBrk="1" fontAlgn="auto" latinLnBrk="0" hangingPunct="1">
              <a:lnSpc>
                <a:spcPct val="100000"/>
              </a:lnSpc>
              <a:spcBef>
                <a:spcPts val="0"/>
              </a:spcBef>
              <a:spcAft>
                <a:spcPts val="0"/>
              </a:spcAft>
              <a:buClrTx/>
              <a:buSzTx/>
              <a:buFontTx/>
              <a:buNone/>
              <a:tabLst/>
              <a:defRPr/>
            </a:pPr>
            <a:r>
              <a:rPr lang="en-US" sz="2500" b="1" kern="0" dirty="0">
                <a:solidFill>
                  <a:prstClr val="white"/>
                </a:solidFill>
              </a:rPr>
              <a:t>y</a:t>
            </a:r>
            <a:r>
              <a:rPr kumimoji="0" lang="en-US" sz="2500" b="1" i="0" u="none" strike="noStrike" kern="0" cap="none" spc="0" normalizeH="0" baseline="0" dirty="0" smtClean="0">
                <a:ln>
                  <a:noFill/>
                </a:ln>
                <a:solidFill>
                  <a:prstClr val="white"/>
                </a:solidFill>
                <a:effectLst/>
                <a:uLnTx/>
                <a:uFillTx/>
                <a:latin typeface="Segoe UI" panose="020B0502040204020203" pitchFamily="34" charset="0"/>
              </a:rPr>
              <a:t> la plataforma</a:t>
            </a:r>
            <a:endParaRPr kumimoji="0" lang="es-UY" sz="2500" b="1" i="0" u="none" strike="noStrike" kern="0" cap="none" spc="0" normalizeH="0" baseline="0" noProof="0" dirty="0">
              <a:ln>
                <a:noFill/>
              </a:ln>
              <a:solidFill>
                <a:prstClr val="white"/>
              </a:solidFill>
              <a:effectLst/>
              <a:uLnTx/>
              <a:uFillTx/>
              <a:latin typeface="Segoe UI" panose="020B0502040204020203" pitchFamily="34" charset="0"/>
            </a:endParaRPr>
          </a:p>
        </p:txBody>
      </p:sp>
      <p:sp>
        <p:nvSpPr>
          <p:cNvPr id="158" name="Freeform 7"/>
          <p:cNvSpPr>
            <a:spLocks/>
          </p:cNvSpPr>
          <p:nvPr/>
        </p:nvSpPr>
        <p:spPr bwMode="auto">
          <a:xfrm>
            <a:off x="830045" y="276845"/>
            <a:ext cx="3944450" cy="2312373"/>
          </a:xfrm>
          <a:custGeom>
            <a:avLst/>
            <a:gdLst>
              <a:gd name="T0" fmla="*/ 3056 w 3114"/>
              <a:gd name="T1" fmla="*/ 0 h 1928"/>
              <a:gd name="T2" fmla="*/ 56 w 3114"/>
              <a:gd name="T3" fmla="*/ 0 h 1928"/>
              <a:gd name="T4" fmla="*/ 0 w 3114"/>
              <a:gd name="T5" fmla="*/ 56 h 1928"/>
              <a:gd name="T6" fmla="*/ 0 w 3114"/>
              <a:gd name="T7" fmla="*/ 1928 h 1928"/>
              <a:gd name="T8" fmla="*/ 3114 w 3114"/>
              <a:gd name="T9" fmla="*/ 1928 h 1928"/>
              <a:gd name="T10" fmla="*/ 3112 w 3114"/>
              <a:gd name="T11" fmla="*/ 56 h 1928"/>
              <a:gd name="T12" fmla="*/ 3056 w 3114"/>
              <a:gd name="T13" fmla="*/ 0 h 1928"/>
            </a:gdLst>
            <a:ahLst/>
            <a:cxnLst>
              <a:cxn ang="0">
                <a:pos x="T0" y="T1"/>
              </a:cxn>
              <a:cxn ang="0">
                <a:pos x="T2" y="T3"/>
              </a:cxn>
              <a:cxn ang="0">
                <a:pos x="T4" y="T5"/>
              </a:cxn>
              <a:cxn ang="0">
                <a:pos x="T6" y="T7"/>
              </a:cxn>
              <a:cxn ang="0">
                <a:pos x="T8" y="T9"/>
              </a:cxn>
              <a:cxn ang="0">
                <a:pos x="T10" y="T11"/>
              </a:cxn>
              <a:cxn ang="0">
                <a:pos x="T12" y="T13"/>
              </a:cxn>
            </a:cxnLst>
            <a:rect l="0" t="0" r="r" b="b"/>
            <a:pathLst>
              <a:path w="3114" h="1928">
                <a:moveTo>
                  <a:pt x="3056" y="0"/>
                </a:moveTo>
                <a:cubicBezTo>
                  <a:pt x="56" y="0"/>
                  <a:pt x="56" y="0"/>
                  <a:pt x="56" y="0"/>
                </a:cubicBezTo>
                <a:cubicBezTo>
                  <a:pt x="25" y="0"/>
                  <a:pt x="0" y="26"/>
                  <a:pt x="0" y="56"/>
                </a:cubicBezTo>
                <a:cubicBezTo>
                  <a:pt x="0" y="56"/>
                  <a:pt x="0" y="1910"/>
                  <a:pt x="0" y="1928"/>
                </a:cubicBezTo>
                <a:cubicBezTo>
                  <a:pt x="3114" y="1928"/>
                  <a:pt x="3114" y="1928"/>
                  <a:pt x="3114" y="1928"/>
                </a:cubicBezTo>
                <a:cubicBezTo>
                  <a:pt x="3114" y="1896"/>
                  <a:pt x="3112" y="56"/>
                  <a:pt x="3112" y="56"/>
                </a:cubicBezTo>
                <a:cubicBezTo>
                  <a:pt x="3112" y="26"/>
                  <a:pt x="3087" y="0"/>
                  <a:pt x="3056" y="0"/>
                </a:cubicBezTo>
                <a:close/>
              </a:path>
            </a:pathLst>
          </a:custGeom>
          <a:solidFill>
            <a:schemeClr val="bg1">
              <a:lumMod val="95000"/>
            </a:schemeClr>
          </a:solidFill>
          <a:ln w="0">
            <a:noFill/>
            <a:prstDash val="solid"/>
            <a:round/>
            <a:headEnd/>
            <a:tailEnd/>
          </a:ln>
        </p:spPr>
        <p:txBody>
          <a:bodyPr vert="horz" wrap="square" lIns="91416" tIns="45708" rIns="91416" bIns="45708"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1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64" name="Oval 163"/>
          <p:cNvSpPr/>
          <p:nvPr/>
        </p:nvSpPr>
        <p:spPr>
          <a:xfrm>
            <a:off x="1006659" y="2468820"/>
            <a:ext cx="3484948" cy="327453"/>
          </a:xfrm>
          <a:prstGeom prst="ellipse">
            <a:avLst/>
          </a:prstGeom>
          <a:solidFill>
            <a:schemeClr val="tx1">
              <a:alpha val="40000"/>
            </a:schemeClr>
          </a:solidFill>
          <a:ln w="25400" cap="flat" cmpd="sng" algn="ctr">
            <a:noFill/>
            <a:prstDash val="solid"/>
          </a:ln>
          <a:effectLst>
            <a:softEdge rad="292100"/>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ysClr val="window" lastClr="FFFFFF"/>
              </a:solidFill>
              <a:effectLst/>
              <a:uLnTx/>
              <a:uFillTx/>
              <a:latin typeface="Arial" panose="020B0604020202020204" pitchFamily="34" charset="0"/>
              <a:ea typeface="+mn-ea"/>
              <a:cs typeface="Arial" panose="020B0604020202020204" pitchFamily="34" charset="0"/>
            </a:endParaRPr>
          </a:p>
        </p:txBody>
      </p:sp>
      <p:grpSp>
        <p:nvGrpSpPr>
          <p:cNvPr id="63" name="Group 62"/>
          <p:cNvGrpSpPr/>
          <p:nvPr/>
        </p:nvGrpSpPr>
        <p:grpSpPr>
          <a:xfrm>
            <a:off x="684382" y="456158"/>
            <a:ext cx="4250369" cy="1962255"/>
            <a:chOff x="798286" y="994954"/>
            <a:chExt cx="10390586" cy="4868092"/>
          </a:xfrm>
        </p:grpSpPr>
        <p:grpSp>
          <p:nvGrpSpPr>
            <p:cNvPr id="64" name="Group 63"/>
            <p:cNvGrpSpPr/>
            <p:nvPr/>
          </p:nvGrpSpPr>
          <p:grpSpPr>
            <a:xfrm>
              <a:off x="3497940" y="994954"/>
              <a:ext cx="4885509" cy="4868092"/>
              <a:chOff x="3497940" y="1425302"/>
              <a:chExt cx="4885509" cy="4868092"/>
            </a:xfrm>
          </p:grpSpPr>
          <p:sp>
            <p:nvSpPr>
              <p:cNvPr id="82" name="Pie 81"/>
              <p:cNvSpPr/>
              <p:nvPr/>
            </p:nvSpPr>
            <p:spPr>
              <a:xfrm>
                <a:off x="3628569" y="1538514"/>
                <a:ext cx="4754880" cy="4754880"/>
              </a:xfrm>
              <a:prstGeom prst="pie">
                <a:avLst>
                  <a:gd name="adj1" fmla="val 0"/>
                  <a:gd name="adj2" fmla="val 5416976"/>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83" name="Pie 82"/>
              <p:cNvSpPr/>
              <p:nvPr/>
            </p:nvSpPr>
            <p:spPr>
              <a:xfrm flipH="1">
                <a:off x="3497940" y="1538514"/>
                <a:ext cx="4754880" cy="4754880"/>
              </a:xfrm>
              <a:prstGeom prst="pie">
                <a:avLst>
                  <a:gd name="adj1" fmla="val 0"/>
                  <a:gd name="adj2" fmla="val 5416976"/>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84" name="Pie 83"/>
              <p:cNvSpPr/>
              <p:nvPr/>
            </p:nvSpPr>
            <p:spPr>
              <a:xfrm flipH="1" flipV="1">
                <a:off x="3497940" y="1425302"/>
                <a:ext cx="4754880" cy="4754880"/>
              </a:xfrm>
              <a:prstGeom prst="pie">
                <a:avLst>
                  <a:gd name="adj1" fmla="val 0"/>
                  <a:gd name="adj2" fmla="val 5416976"/>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85" name="Pie 84"/>
              <p:cNvSpPr/>
              <p:nvPr/>
            </p:nvSpPr>
            <p:spPr>
              <a:xfrm flipV="1">
                <a:off x="3628569" y="1425302"/>
                <a:ext cx="4754880" cy="4754880"/>
              </a:xfrm>
              <a:prstGeom prst="pie">
                <a:avLst>
                  <a:gd name="adj1" fmla="val 0"/>
                  <a:gd name="adj2" fmla="val 5416976"/>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65" name="TextBox 64"/>
            <p:cNvSpPr txBox="1"/>
            <p:nvPr/>
          </p:nvSpPr>
          <p:spPr>
            <a:xfrm>
              <a:off x="798286" y="1543573"/>
              <a:ext cx="2393216" cy="1756170"/>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dirty="0">
                  <a:ln>
                    <a:noFill/>
                  </a:ln>
                  <a:solidFill>
                    <a:schemeClr val="accent1"/>
                  </a:solidFill>
                  <a:effectLst/>
                  <a:uLnTx/>
                  <a:uFillTx/>
                  <a:latin typeface="Arial" panose="020B0604020202020204" pitchFamily="34" charset="0"/>
                  <a:ea typeface="+mn-ea"/>
                  <a:cs typeface="Arial" panose="020B0604020202020204" pitchFamily="34" charset="0"/>
                </a:rPr>
                <a:t>01</a:t>
              </a:r>
            </a:p>
          </p:txBody>
        </p:sp>
        <p:sp>
          <p:nvSpPr>
            <p:cNvPr id="66" name="TextBox 65"/>
            <p:cNvSpPr txBox="1"/>
            <p:nvPr/>
          </p:nvSpPr>
          <p:spPr>
            <a:xfrm>
              <a:off x="798286" y="3841634"/>
              <a:ext cx="2393216" cy="1756170"/>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dirty="0">
                  <a:ln>
                    <a:noFill/>
                  </a:ln>
                  <a:solidFill>
                    <a:schemeClr val="accent2"/>
                  </a:solidFill>
                  <a:effectLst/>
                  <a:uLnTx/>
                  <a:uFillTx/>
                  <a:latin typeface="Arial" panose="020B0604020202020204" pitchFamily="34" charset="0"/>
                  <a:ea typeface="+mn-ea"/>
                  <a:cs typeface="Arial" panose="020B0604020202020204" pitchFamily="34" charset="0"/>
                </a:rPr>
                <a:t>03</a:t>
              </a:r>
            </a:p>
          </p:txBody>
        </p:sp>
        <p:sp>
          <p:nvSpPr>
            <p:cNvPr id="67" name="TextBox 66"/>
            <p:cNvSpPr txBox="1"/>
            <p:nvPr/>
          </p:nvSpPr>
          <p:spPr>
            <a:xfrm>
              <a:off x="8795656" y="1543573"/>
              <a:ext cx="2393216" cy="175617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dirty="0">
                  <a:ln>
                    <a:noFill/>
                  </a:ln>
                  <a:solidFill>
                    <a:schemeClr val="accent4"/>
                  </a:solidFill>
                  <a:effectLst/>
                  <a:uLnTx/>
                  <a:uFillTx/>
                  <a:latin typeface="Arial" panose="020B0604020202020204" pitchFamily="34" charset="0"/>
                  <a:ea typeface="+mn-ea"/>
                  <a:cs typeface="Arial" panose="020B0604020202020204" pitchFamily="34" charset="0"/>
                </a:rPr>
                <a:t>02</a:t>
              </a:r>
            </a:p>
          </p:txBody>
        </p:sp>
        <p:sp>
          <p:nvSpPr>
            <p:cNvPr id="68" name="TextBox 67"/>
            <p:cNvSpPr txBox="1"/>
            <p:nvPr/>
          </p:nvSpPr>
          <p:spPr>
            <a:xfrm>
              <a:off x="8795656" y="3841634"/>
              <a:ext cx="2393216" cy="175617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4000" b="1" i="0" u="none" strike="noStrike" kern="1200" cap="none" spc="0" normalizeH="0" baseline="0" noProof="0" dirty="0">
                  <a:ln>
                    <a:noFill/>
                  </a:ln>
                  <a:solidFill>
                    <a:schemeClr val="accent3"/>
                  </a:solidFill>
                  <a:effectLst/>
                  <a:uLnTx/>
                  <a:uFillTx/>
                  <a:latin typeface="Arial" panose="020B0604020202020204" pitchFamily="34" charset="0"/>
                  <a:ea typeface="+mn-ea"/>
                  <a:cs typeface="Arial" panose="020B0604020202020204" pitchFamily="34" charset="0"/>
                </a:rPr>
                <a:t>04</a:t>
              </a:r>
            </a:p>
          </p:txBody>
        </p:sp>
        <p:grpSp>
          <p:nvGrpSpPr>
            <p:cNvPr id="69" name="Group 4"/>
            <p:cNvGrpSpPr>
              <a:grpSpLocks noChangeAspect="1"/>
            </p:cNvGrpSpPr>
            <p:nvPr/>
          </p:nvGrpSpPr>
          <p:grpSpPr bwMode="auto">
            <a:xfrm>
              <a:off x="4230742" y="2190416"/>
              <a:ext cx="1400347" cy="766468"/>
              <a:chOff x="1807" y="350"/>
              <a:chExt cx="771" cy="422"/>
            </a:xfrm>
            <a:solidFill>
              <a:schemeClr val="bg1"/>
            </a:solidFill>
          </p:grpSpPr>
          <p:sp>
            <p:nvSpPr>
              <p:cNvPr id="80" name="Freeform 6"/>
              <p:cNvSpPr>
                <a:spLocks noEditPoints="1"/>
              </p:cNvSpPr>
              <p:nvPr/>
            </p:nvSpPr>
            <p:spPr bwMode="auto">
              <a:xfrm>
                <a:off x="1807" y="353"/>
                <a:ext cx="477" cy="416"/>
              </a:xfrm>
              <a:custGeom>
                <a:avLst/>
                <a:gdLst>
                  <a:gd name="T0" fmla="*/ 352 w 2385"/>
                  <a:gd name="T1" fmla="*/ 246 h 2077"/>
                  <a:gd name="T2" fmla="*/ 297 w 2385"/>
                  <a:gd name="T3" fmla="*/ 270 h 2077"/>
                  <a:gd name="T4" fmla="*/ 255 w 2385"/>
                  <a:gd name="T5" fmla="*/ 312 h 2077"/>
                  <a:gd name="T6" fmla="*/ 232 w 2385"/>
                  <a:gd name="T7" fmla="*/ 365 h 2077"/>
                  <a:gd name="T8" fmla="*/ 228 w 2385"/>
                  <a:gd name="T9" fmla="*/ 1290 h 2077"/>
                  <a:gd name="T10" fmla="*/ 240 w 2385"/>
                  <a:gd name="T11" fmla="*/ 1351 h 2077"/>
                  <a:gd name="T12" fmla="*/ 274 w 2385"/>
                  <a:gd name="T13" fmla="*/ 1399 h 2077"/>
                  <a:gd name="T14" fmla="*/ 323 w 2385"/>
                  <a:gd name="T15" fmla="*/ 1432 h 2077"/>
                  <a:gd name="T16" fmla="*/ 383 w 2385"/>
                  <a:gd name="T17" fmla="*/ 1444 h 2077"/>
                  <a:gd name="T18" fmla="*/ 2017 w 2385"/>
                  <a:gd name="T19" fmla="*/ 1441 h 2077"/>
                  <a:gd name="T20" fmla="*/ 2073 w 2385"/>
                  <a:gd name="T21" fmla="*/ 1417 h 2077"/>
                  <a:gd name="T22" fmla="*/ 2113 w 2385"/>
                  <a:gd name="T23" fmla="*/ 1376 h 2077"/>
                  <a:gd name="T24" fmla="*/ 2137 w 2385"/>
                  <a:gd name="T25" fmla="*/ 1321 h 2077"/>
                  <a:gd name="T26" fmla="*/ 2140 w 2385"/>
                  <a:gd name="T27" fmla="*/ 396 h 2077"/>
                  <a:gd name="T28" fmla="*/ 2128 w 2385"/>
                  <a:gd name="T29" fmla="*/ 337 h 2077"/>
                  <a:gd name="T30" fmla="*/ 2095 w 2385"/>
                  <a:gd name="T31" fmla="*/ 289 h 2077"/>
                  <a:gd name="T32" fmla="*/ 2046 w 2385"/>
                  <a:gd name="T33" fmla="*/ 256 h 2077"/>
                  <a:gd name="T34" fmla="*/ 1986 w 2385"/>
                  <a:gd name="T35" fmla="*/ 244 h 2077"/>
                  <a:gd name="T36" fmla="*/ 107 w 2385"/>
                  <a:gd name="T37" fmla="*/ 0 h 2077"/>
                  <a:gd name="T38" fmla="*/ 2298 w 2385"/>
                  <a:gd name="T39" fmla="*/ 3 h 2077"/>
                  <a:gd name="T40" fmla="*/ 2344 w 2385"/>
                  <a:gd name="T41" fmla="*/ 24 h 2077"/>
                  <a:gd name="T42" fmla="*/ 2374 w 2385"/>
                  <a:gd name="T43" fmla="*/ 63 h 2077"/>
                  <a:gd name="T44" fmla="*/ 2385 w 2385"/>
                  <a:gd name="T45" fmla="*/ 116 h 2077"/>
                  <a:gd name="T46" fmla="*/ 2383 w 2385"/>
                  <a:gd name="T47" fmla="*/ 1576 h 2077"/>
                  <a:gd name="T48" fmla="*/ 2361 w 2385"/>
                  <a:gd name="T49" fmla="*/ 1625 h 2077"/>
                  <a:gd name="T50" fmla="*/ 2323 w 2385"/>
                  <a:gd name="T51" fmla="*/ 1658 h 2077"/>
                  <a:gd name="T52" fmla="*/ 2272 w 2385"/>
                  <a:gd name="T53" fmla="*/ 1671 h 2077"/>
                  <a:gd name="T54" fmla="*/ 1290 w 2385"/>
                  <a:gd name="T55" fmla="*/ 1849 h 2077"/>
                  <a:gd name="T56" fmla="*/ 1657 w 2385"/>
                  <a:gd name="T57" fmla="*/ 1853 h 2077"/>
                  <a:gd name="T58" fmla="*/ 1719 w 2385"/>
                  <a:gd name="T59" fmla="*/ 1875 h 2077"/>
                  <a:gd name="T60" fmla="*/ 1769 w 2385"/>
                  <a:gd name="T61" fmla="*/ 1917 h 2077"/>
                  <a:gd name="T62" fmla="*/ 1802 w 2385"/>
                  <a:gd name="T63" fmla="*/ 1973 h 2077"/>
                  <a:gd name="T64" fmla="*/ 1814 w 2385"/>
                  <a:gd name="T65" fmla="*/ 2039 h 2077"/>
                  <a:gd name="T66" fmla="*/ 523 w 2385"/>
                  <a:gd name="T67" fmla="*/ 2077 h 2077"/>
                  <a:gd name="T68" fmla="*/ 526 w 2385"/>
                  <a:gd name="T69" fmla="*/ 2005 h 2077"/>
                  <a:gd name="T70" fmla="*/ 549 w 2385"/>
                  <a:gd name="T71" fmla="*/ 1943 h 2077"/>
                  <a:gd name="T72" fmla="*/ 591 w 2385"/>
                  <a:gd name="T73" fmla="*/ 1894 h 2077"/>
                  <a:gd name="T74" fmla="*/ 648 w 2385"/>
                  <a:gd name="T75" fmla="*/ 1861 h 2077"/>
                  <a:gd name="T76" fmla="*/ 714 w 2385"/>
                  <a:gd name="T77" fmla="*/ 1849 h 2077"/>
                  <a:gd name="T78" fmla="*/ 1045 w 2385"/>
                  <a:gd name="T79" fmla="*/ 1671 h 2077"/>
                  <a:gd name="T80" fmla="*/ 83 w 2385"/>
                  <a:gd name="T81" fmla="*/ 1669 h 2077"/>
                  <a:gd name="T82" fmla="*/ 43 w 2385"/>
                  <a:gd name="T83" fmla="*/ 1650 h 2077"/>
                  <a:gd name="T84" fmla="*/ 17 w 2385"/>
                  <a:gd name="T85" fmla="*/ 1617 h 2077"/>
                  <a:gd name="T86" fmla="*/ 2 w 2385"/>
                  <a:gd name="T87" fmla="*/ 1572 h 2077"/>
                  <a:gd name="T88" fmla="*/ 0 w 2385"/>
                  <a:gd name="T89" fmla="*/ 116 h 2077"/>
                  <a:gd name="T90" fmla="*/ 10 w 2385"/>
                  <a:gd name="T91" fmla="*/ 63 h 2077"/>
                  <a:gd name="T92" fmla="*/ 37 w 2385"/>
                  <a:gd name="T93" fmla="*/ 24 h 2077"/>
                  <a:gd name="T94" fmla="*/ 81 w 2385"/>
                  <a:gd name="T95" fmla="*/ 3 h 20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385" h="2077">
                    <a:moveTo>
                      <a:pt x="383" y="244"/>
                    </a:moveTo>
                    <a:lnTo>
                      <a:pt x="352" y="246"/>
                    </a:lnTo>
                    <a:lnTo>
                      <a:pt x="323" y="256"/>
                    </a:lnTo>
                    <a:lnTo>
                      <a:pt x="297" y="270"/>
                    </a:lnTo>
                    <a:lnTo>
                      <a:pt x="274" y="289"/>
                    </a:lnTo>
                    <a:lnTo>
                      <a:pt x="255" y="312"/>
                    </a:lnTo>
                    <a:lnTo>
                      <a:pt x="240" y="337"/>
                    </a:lnTo>
                    <a:lnTo>
                      <a:pt x="232" y="365"/>
                    </a:lnTo>
                    <a:lnTo>
                      <a:pt x="228" y="396"/>
                    </a:lnTo>
                    <a:lnTo>
                      <a:pt x="228" y="1290"/>
                    </a:lnTo>
                    <a:lnTo>
                      <a:pt x="232" y="1321"/>
                    </a:lnTo>
                    <a:lnTo>
                      <a:pt x="240" y="1351"/>
                    </a:lnTo>
                    <a:lnTo>
                      <a:pt x="255" y="1377"/>
                    </a:lnTo>
                    <a:lnTo>
                      <a:pt x="274" y="1399"/>
                    </a:lnTo>
                    <a:lnTo>
                      <a:pt x="297" y="1417"/>
                    </a:lnTo>
                    <a:lnTo>
                      <a:pt x="323" y="1432"/>
                    </a:lnTo>
                    <a:lnTo>
                      <a:pt x="352" y="1441"/>
                    </a:lnTo>
                    <a:lnTo>
                      <a:pt x="383" y="1444"/>
                    </a:lnTo>
                    <a:lnTo>
                      <a:pt x="1986" y="1444"/>
                    </a:lnTo>
                    <a:lnTo>
                      <a:pt x="2017" y="1441"/>
                    </a:lnTo>
                    <a:lnTo>
                      <a:pt x="2046" y="1432"/>
                    </a:lnTo>
                    <a:lnTo>
                      <a:pt x="2073" y="1417"/>
                    </a:lnTo>
                    <a:lnTo>
                      <a:pt x="2095" y="1398"/>
                    </a:lnTo>
                    <a:lnTo>
                      <a:pt x="2113" y="1376"/>
                    </a:lnTo>
                    <a:lnTo>
                      <a:pt x="2128" y="1349"/>
                    </a:lnTo>
                    <a:lnTo>
                      <a:pt x="2137" y="1321"/>
                    </a:lnTo>
                    <a:lnTo>
                      <a:pt x="2140" y="1290"/>
                    </a:lnTo>
                    <a:lnTo>
                      <a:pt x="2140" y="396"/>
                    </a:lnTo>
                    <a:lnTo>
                      <a:pt x="2137" y="365"/>
                    </a:lnTo>
                    <a:lnTo>
                      <a:pt x="2128" y="337"/>
                    </a:lnTo>
                    <a:lnTo>
                      <a:pt x="2113" y="312"/>
                    </a:lnTo>
                    <a:lnTo>
                      <a:pt x="2095" y="289"/>
                    </a:lnTo>
                    <a:lnTo>
                      <a:pt x="2073" y="270"/>
                    </a:lnTo>
                    <a:lnTo>
                      <a:pt x="2046" y="256"/>
                    </a:lnTo>
                    <a:lnTo>
                      <a:pt x="2017" y="246"/>
                    </a:lnTo>
                    <a:lnTo>
                      <a:pt x="1986" y="244"/>
                    </a:lnTo>
                    <a:lnTo>
                      <a:pt x="383" y="244"/>
                    </a:lnTo>
                    <a:close/>
                    <a:moveTo>
                      <a:pt x="107" y="0"/>
                    </a:moveTo>
                    <a:lnTo>
                      <a:pt x="2272" y="0"/>
                    </a:lnTo>
                    <a:lnTo>
                      <a:pt x="2298" y="3"/>
                    </a:lnTo>
                    <a:lnTo>
                      <a:pt x="2323" y="11"/>
                    </a:lnTo>
                    <a:lnTo>
                      <a:pt x="2344" y="24"/>
                    </a:lnTo>
                    <a:lnTo>
                      <a:pt x="2361" y="42"/>
                    </a:lnTo>
                    <a:lnTo>
                      <a:pt x="2374" y="63"/>
                    </a:lnTo>
                    <a:lnTo>
                      <a:pt x="2383" y="89"/>
                    </a:lnTo>
                    <a:lnTo>
                      <a:pt x="2385" y="116"/>
                    </a:lnTo>
                    <a:lnTo>
                      <a:pt x="2385" y="1549"/>
                    </a:lnTo>
                    <a:lnTo>
                      <a:pt x="2383" y="1576"/>
                    </a:lnTo>
                    <a:lnTo>
                      <a:pt x="2374" y="1601"/>
                    </a:lnTo>
                    <a:lnTo>
                      <a:pt x="2361" y="1625"/>
                    </a:lnTo>
                    <a:lnTo>
                      <a:pt x="2344" y="1644"/>
                    </a:lnTo>
                    <a:lnTo>
                      <a:pt x="2323" y="1658"/>
                    </a:lnTo>
                    <a:lnTo>
                      <a:pt x="2298" y="1668"/>
                    </a:lnTo>
                    <a:lnTo>
                      <a:pt x="2272" y="1671"/>
                    </a:lnTo>
                    <a:lnTo>
                      <a:pt x="1290" y="1671"/>
                    </a:lnTo>
                    <a:lnTo>
                      <a:pt x="1290" y="1849"/>
                    </a:lnTo>
                    <a:lnTo>
                      <a:pt x="1623" y="1849"/>
                    </a:lnTo>
                    <a:lnTo>
                      <a:pt x="1657" y="1853"/>
                    </a:lnTo>
                    <a:lnTo>
                      <a:pt x="1689" y="1861"/>
                    </a:lnTo>
                    <a:lnTo>
                      <a:pt x="1719" y="1875"/>
                    </a:lnTo>
                    <a:lnTo>
                      <a:pt x="1746" y="1894"/>
                    </a:lnTo>
                    <a:lnTo>
                      <a:pt x="1769" y="1917"/>
                    </a:lnTo>
                    <a:lnTo>
                      <a:pt x="1788" y="1943"/>
                    </a:lnTo>
                    <a:lnTo>
                      <a:pt x="1802" y="1973"/>
                    </a:lnTo>
                    <a:lnTo>
                      <a:pt x="1811" y="2005"/>
                    </a:lnTo>
                    <a:lnTo>
                      <a:pt x="1814" y="2039"/>
                    </a:lnTo>
                    <a:lnTo>
                      <a:pt x="1814" y="2077"/>
                    </a:lnTo>
                    <a:lnTo>
                      <a:pt x="523" y="2077"/>
                    </a:lnTo>
                    <a:lnTo>
                      <a:pt x="523" y="2039"/>
                    </a:lnTo>
                    <a:lnTo>
                      <a:pt x="526" y="2005"/>
                    </a:lnTo>
                    <a:lnTo>
                      <a:pt x="535" y="1973"/>
                    </a:lnTo>
                    <a:lnTo>
                      <a:pt x="549" y="1943"/>
                    </a:lnTo>
                    <a:lnTo>
                      <a:pt x="568" y="1917"/>
                    </a:lnTo>
                    <a:lnTo>
                      <a:pt x="591" y="1894"/>
                    </a:lnTo>
                    <a:lnTo>
                      <a:pt x="618" y="1875"/>
                    </a:lnTo>
                    <a:lnTo>
                      <a:pt x="648" y="1861"/>
                    </a:lnTo>
                    <a:lnTo>
                      <a:pt x="679" y="1853"/>
                    </a:lnTo>
                    <a:lnTo>
                      <a:pt x="714" y="1849"/>
                    </a:lnTo>
                    <a:lnTo>
                      <a:pt x="1045" y="1849"/>
                    </a:lnTo>
                    <a:lnTo>
                      <a:pt x="1045" y="1671"/>
                    </a:lnTo>
                    <a:lnTo>
                      <a:pt x="107" y="1671"/>
                    </a:lnTo>
                    <a:lnTo>
                      <a:pt x="83" y="1669"/>
                    </a:lnTo>
                    <a:lnTo>
                      <a:pt x="62" y="1661"/>
                    </a:lnTo>
                    <a:lnTo>
                      <a:pt x="43" y="1650"/>
                    </a:lnTo>
                    <a:lnTo>
                      <a:pt x="29" y="1634"/>
                    </a:lnTo>
                    <a:lnTo>
                      <a:pt x="17" y="1617"/>
                    </a:lnTo>
                    <a:lnTo>
                      <a:pt x="7" y="1595"/>
                    </a:lnTo>
                    <a:lnTo>
                      <a:pt x="2" y="1572"/>
                    </a:lnTo>
                    <a:lnTo>
                      <a:pt x="0" y="1549"/>
                    </a:lnTo>
                    <a:lnTo>
                      <a:pt x="0" y="116"/>
                    </a:lnTo>
                    <a:lnTo>
                      <a:pt x="2" y="89"/>
                    </a:lnTo>
                    <a:lnTo>
                      <a:pt x="10" y="63"/>
                    </a:lnTo>
                    <a:lnTo>
                      <a:pt x="22" y="42"/>
                    </a:lnTo>
                    <a:lnTo>
                      <a:pt x="37" y="24"/>
                    </a:lnTo>
                    <a:lnTo>
                      <a:pt x="56" y="11"/>
                    </a:lnTo>
                    <a:lnTo>
                      <a:pt x="81" y="3"/>
                    </a:lnTo>
                    <a:lnTo>
                      <a:pt x="107"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81" name="Freeform 7"/>
              <p:cNvSpPr>
                <a:spLocks noEditPoints="1"/>
              </p:cNvSpPr>
              <p:nvPr/>
            </p:nvSpPr>
            <p:spPr bwMode="auto">
              <a:xfrm>
                <a:off x="2323" y="350"/>
                <a:ext cx="255" cy="422"/>
              </a:xfrm>
              <a:custGeom>
                <a:avLst/>
                <a:gdLst>
                  <a:gd name="T0" fmla="*/ 641 w 1275"/>
                  <a:gd name="T1" fmla="*/ 1676 h 2109"/>
                  <a:gd name="T2" fmla="*/ 614 w 1275"/>
                  <a:gd name="T3" fmla="*/ 1679 h 2109"/>
                  <a:gd name="T4" fmla="*/ 589 w 1275"/>
                  <a:gd name="T5" fmla="*/ 1689 h 2109"/>
                  <a:gd name="T6" fmla="*/ 567 w 1275"/>
                  <a:gd name="T7" fmla="*/ 1705 h 2109"/>
                  <a:gd name="T8" fmla="*/ 550 w 1275"/>
                  <a:gd name="T9" fmla="*/ 1726 h 2109"/>
                  <a:gd name="T10" fmla="*/ 541 w 1275"/>
                  <a:gd name="T11" fmla="*/ 1749 h 2109"/>
                  <a:gd name="T12" fmla="*/ 536 w 1275"/>
                  <a:gd name="T13" fmla="*/ 1777 h 2109"/>
                  <a:gd name="T14" fmla="*/ 539 w 1275"/>
                  <a:gd name="T15" fmla="*/ 1800 h 2109"/>
                  <a:gd name="T16" fmla="*/ 547 w 1275"/>
                  <a:gd name="T17" fmla="*/ 1821 h 2109"/>
                  <a:gd name="T18" fmla="*/ 559 w 1275"/>
                  <a:gd name="T19" fmla="*/ 1840 h 2109"/>
                  <a:gd name="T20" fmla="*/ 575 w 1275"/>
                  <a:gd name="T21" fmla="*/ 1856 h 2109"/>
                  <a:gd name="T22" fmla="*/ 595 w 1275"/>
                  <a:gd name="T23" fmla="*/ 1868 h 2109"/>
                  <a:gd name="T24" fmla="*/ 617 w 1275"/>
                  <a:gd name="T25" fmla="*/ 1876 h 2109"/>
                  <a:gd name="T26" fmla="*/ 641 w 1275"/>
                  <a:gd name="T27" fmla="*/ 1878 h 2109"/>
                  <a:gd name="T28" fmla="*/ 669 w 1275"/>
                  <a:gd name="T29" fmla="*/ 1875 h 2109"/>
                  <a:gd name="T30" fmla="*/ 693 w 1275"/>
                  <a:gd name="T31" fmla="*/ 1864 h 2109"/>
                  <a:gd name="T32" fmla="*/ 715 w 1275"/>
                  <a:gd name="T33" fmla="*/ 1848 h 2109"/>
                  <a:gd name="T34" fmla="*/ 732 w 1275"/>
                  <a:gd name="T35" fmla="*/ 1828 h 2109"/>
                  <a:gd name="T36" fmla="*/ 741 w 1275"/>
                  <a:gd name="T37" fmla="*/ 1803 h 2109"/>
                  <a:gd name="T38" fmla="*/ 745 w 1275"/>
                  <a:gd name="T39" fmla="*/ 1777 h 2109"/>
                  <a:gd name="T40" fmla="*/ 741 w 1275"/>
                  <a:gd name="T41" fmla="*/ 1749 h 2109"/>
                  <a:gd name="T42" fmla="*/ 732 w 1275"/>
                  <a:gd name="T43" fmla="*/ 1726 h 2109"/>
                  <a:gd name="T44" fmla="*/ 715 w 1275"/>
                  <a:gd name="T45" fmla="*/ 1705 h 2109"/>
                  <a:gd name="T46" fmla="*/ 694 w 1275"/>
                  <a:gd name="T47" fmla="*/ 1689 h 2109"/>
                  <a:gd name="T48" fmla="*/ 669 w 1275"/>
                  <a:gd name="T49" fmla="*/ 1679 h 2109"/>
                  <a:gd name="T50" fmla="*/ 641 w 1275"/>
                  <a:gd name="T51" fmla="*/ 1676 h 2109"/>
                  <a:gd name="T52" fmla="*/ 279 w 1275"/>
                  <a:gd name="T53" fmla="*/ 616 h 2109"/>
                  <a:gd name="T54" fmla="*/ 279 w 1275"/>
                  <a:gd name="T55" fmla="*/ 730 h 2109"/>
                  <a:gd name="T56" fmla="*/ 997 w 1275"/>
                  <a:gd name="T57" fmla="*/ 730 h 2109"/>
                  <a:gd name="T58" fmla="*/ 997 w 1275"/>
                  <a:gd name="T59" fmla="*/ 616 h 2109"/>
                  <a:gd name="T60" fmla="*/ 279 w 1275"/>
                  <a:gd name="T61" fmla="*/ 616 h 2109"/>
                  <a:gd name="T62" fmla="*/ 279 w 1275"/>
                  <a:gd name="T63" fmla="*/ 373 h 2109"/>
                  <a:gd name="T64" fmla="*/ 279 w 1275"/>
                  <a:gd name="T65" fmla="*/ 486 h 2109"/>
                  <a:gd name="T66" fmla="*/ 997 w 1275"/>
                  <a:gd name="T67" fmla="*/ 486 h 2109"/>
                  <a:gd name="T68" fmla="*/ 997 w 1275"/>
                  <a:gd name="T69" fmla="*/ 373 h 2109"/>
                  <a:gd name="T70" fmla="*/ 279 w 1275"/>
                  <a:gd name="T71" fmla="*/ 373 h 2109"/>
                  <a:gd name="T72" fmla="*/ 246 w 1275"/>
                  <a:gd name="T73" fmla="*/ 0 h 2109"/>
                  <a:gd name="T74" fmla="*/ 1084 w 1275"/>
                  <a:gd name="T75" fmla="*/ 0 h 2109"/>
                  <a:gd name="T76" fmla="*/ 1118 w 1275"/>
                  <a:gd name="T77" fmla="*/ 3 h 2109"/>
                  <a:gd name="T78" fmla="*/ 1151 w 1275"/>
                  <a:gd name="T79" fmla="*/ 11 h 2109"/>
                  <a:gd name="T80" fmla="*/ 1180 w 1275"/>
                  <a:gd name="T81" fmla="*/ 26 h 2109"/>
                  <a:gd name="T82" fmla="*/ 1206 w 1275"/>
                  <a:gd name="T83" fmla="*/ 45 h 2109"/>
                  <a:gd name="T84" fmla="*/ 1229 w 1275"/>
                  <a:gd name="T85" fmla="*/ 68 h 2109"/>
                  <a:gd name="T86" fmla="*/ 1248 w 1275"/>
                  <a:gd name="T87" fmla="*/ 94 h 2109"/>
                  <a:gd name="T88" fmla="*/ 1263 w 1275"/>
                  <a:gd name="T89" fmla="*/ 124 h 2109"/>
                  <a:gd name="T90" fmla="*/ 1271 w 1275"/>
                  <a:gd name="T91" fmla="*/ 156 h 2109"/>
                  <a:gd name="T92" fmla="*/ 1275 w 1275"/>
                  <a:gd name="T93" fmla="*/ 189 h 2109"/>
                  <a:gd name="T94" fmla="*/ 1275 w 1275"/>
                  <a:gd name="T95" fmla="*/ 2109 h 2109"/>
                  <a:gd name="T96" fmla="*/ 0 w 1275"/>
                  <a:gd name="T97" fmla="*/ 2109 h 2109"/>
                  <a:gd name="T98" fmla="*/ 0 w 1275"/>
                  <a:gd name="T99" fmla="*/ 243 h 2109"/>
                  <a:gd name="T100" fmla="*/ 3 w 1275"/>
                  <a:gd name="T101" fmla="*/ 204 h 2109"/>
                  <a:gd name="T102" fmla="*/ 13 w 1275"/>
                  <a:gd name="T103" fmla="*/ 167 h 2109"/>
                  <a:gd name="T104" fmla="*/ 27 w 1275"/>
                  <a:gd name="T105" fmla="*/ 132 h 2109"/>
                  <a:gd name="T106" fmla="*/ 48 w 1275"/>
                  <a:gd name="T107" fmla="*/ 100 h 2109"/>
                  <a:gd name="T108" fmla="*/ 72 w 1275"/>
                  <a:gd name="T109" fmla="*/ 71 h 2109"/>
                  <a:gd name="T110" fmla="*/ 101 w 1275"/>
                  <a:gd name="T111" fmla="*/ 47 h 2109"/>
                  <a:gd name="T112" fmla="*/ 133 w 1275"/>
                  <a:gd name="T113" fmla="*/ 27 h 2109"/>
                  <a:gd name="T114" fmla="*/ 168 w 1275"/>
                  <a:gd name="T115" fmla="*/ 13 h 2109"/>
                  <a:gd name="T116" fmla="*/ 205 w 1275"/>
                  <a:gd name="T117" fmla="*/ 3 h 2109"/>
                  <a:gd name="T118" fmla="*/ 246 w 1275"/>
                  <a:gd name="T119" fmla="*/ 0 h 2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275" h="2109">
                    <a:moveTo>
                      <a:pt x="641" y="1676"/>
                    </a:moveTo>
                    <a:lnTo>
                      <a:pt x="614" y="1679"/>
                    </a:lnTo>
                    <a:lnTo>
                      <a:pt x="589" y="1689"/>
                    </a:lnTo>
                    <a:lnTo>
                      <a:pt x="567" y="1705"/>
                    </a:lnTo>
                    <a:lnTo>
                      <a:pt x="550" y="1726"/>
                    </a:lnTo>
                    <a:lnTo>
                      <a:pt x="541" y="1749"/>
                    </a:lnTo>
                    <a:lnTo>
                      <a:pt x="536" y="1777"/>
                    </a:lnTo>
                    <a:lnTo>
                      <a:pt x="539" y="1800"/>
                    </a:lnTo>
                    <a:lnTo>
                      <a:pt x="547" y="1821"/>
                    </a:lnTo>
                    <a:lnTo>
                      <a:pt x="559" y="1840"/>
                    </a:lnTo>
                    <a:lnTo>
                      <a:pt x="575" y="1856"/>
                    </a:lnTo>
                    <a:lnTo>
                      <a:pt x="595" y="1868"/>
                    </a:lnTo>
                    <a:lnTo>
                      <a:pt x="617" y="1876"/>
                    </a:lnTo>
                    <a:lnTo>
                      <a:pt x="641" y="1878"/>
                    </a:lnTo>
                    <a:lnTo>
                      <a:pt x="669" y="1875"/>
                    </a:lnTo>
                    <a:lnTo>
                      <a:pt x="693" y="1864"/>
                    </a:lnTo>
                    <a:lnTo>
                      <a:pt x="715" y="1848"/>
                    </a:lnTo>
                    <a:lnTo>
                      <a:pt x="732" y="1828"/>
                    </a:lnTo>
                    <a:lnTo>
                      <a:pt x="741" y="1803"/>
                    </a:lnTo>
                    <a:lnTo>
                      <a:pt x="745" y="1777"/>
                    </a:lnTo>
                    <a:lnTo>
                      <a:pt x="741" y="1749"/>
                    </a:lnTo>
                    <a:lnTo>
                      <a:pt x="732" y="1726"/>
                    </a:lnTo>
                    <a:lnTo>
                      <a:pt x="715" y="1705"/>
                    </a:lnTo>
                    <a:lnTo>
                      <a:pt x="694" y="1689"/>
                    </a:lnTo>
                    <a:lnTo>
                      <a:pt x="669" y="1679"/>
                    </a:lnTo>
                    <a:lnTo>
                      <a:pt x="641" y="1676"/>
                    </a:lnTo>
                    <a:close/>
                    <a:moveTo>
                      <a:pt x="279" y="616"/>
                    </a:moveTo>
                    <a:lnTo>
                      <a:pt x="279" y="730"/>
                    </a:lnTo>
                    <a:lnTo>
                      <a:pt x="997" y="730"/>
                    </a:lnTo>
                    <a:lnTo>
                      <a:pt x="997" y="616"/>
                    </a:lnTo>
                    <a:lnTo>
                      <a:pt x="279" y="616"/>
                    </a:lnTo>
                    <a:close/>
                    <a:moveTo>
                      <a:pt x="279" y="373"/>
                    </a:moveTo>
                    <a:lnTo>
                      <a:pt x="279" y="486"/>
                    </a:lnTo>
                    <a:lnTo>
                      <a:pt x="997" y="486"/>
                    </a:lnTo>
                    <a:lnTo>
                      <a:pt x="997" y="373"/>
                    </a:lnTo>
                    <a:lnTo>
                      <a:pt x="279" y="373"/>
                    </a:lnTo>
                    <a:close/>
                    <a:moveTo>
                      <a:pt x="246" y="0"/>
                    </a:moveTo>
                    <a:lnTo>
                      <a:pt x="1084" y="0"/>
                    </a:lnTo>
                    <a:lnTo>
                      <a:pt x="1118" y="3"/>
                    </a:lnTo>
                    <a:lnTo>
                      <a:pt x="1151" y="11"/>
                    </a:lnTo>
                    <a:lnTo>
                      <a:pt x="1180" y="26"/>
                    </a:lnTo>
                    <a:lnTo>
                      <a:pt x="1206" y="45"/>
                    </a:lnTo>
                    <a:lnTo>
                      <a:pt x="1229" y="68"/>
                    </a:lnTo>
                    <a:lnTo>
                      <a:pt x="1248" y="94"/>
                    </a:lnTo>
                    <a:lnTo>
                      <a:pt x="1263" y="124"/>
                    </a:lnTo>
                    <a:lnTo>
                      <a:pt x="1271" y="156"/>
                    </a:lnTo>
                    <a:lnTo>
                      <a:pt x="1275" y="189"/>
                    </a:lnTo>
                    <a:lnTo>
                      <a:pt x="1275" y="2109"/>
                    </a:lnTo>
                    <a:lnTo>
                      <a:pt x="0" y="2109"/>
                    </a:lnTo>
                    <a:lnTo>
                      <a:pt x="0" y="243"/>
                    </a:lnTo>
                    <a:lnTo>
                      <a:pt x="3" y="204"/>
                    </a:lnTo>
                    <a:lnTo>
                      <a:pt x="13" y="167"/>
                    </a:lnTo>
                    <a:lnTo>
                      <a:pt x="27" y="132"/>
                    </a:lnTo>
                    <a:lnTo>
                      <a:pt x="48" y="100"/>
                    </a:lnTo>
                    <a:lnTo>
                      <a:pt x="72" y="71"/>
                    </a:lnTo>
                    <a:lnTo>
                      <a:pt x="101" y="47"/>
                    </a:lnTo>
                    <a:lnTo>
                      <a:pt x="133" y="27"/>
                    </a:lnTo>
                    <a:lnTo>
                      <a:pt x="168" y="13"/>
                    </a:lnTo>
                    <a:lnTo>
                      <a:pt x="205" y="3"/>
                    </a:lnTo>
                    <a:lnTo>
                      <a:pt x="246"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sp>
          <p:nvSpPr>
            <p:cNvPr id="70" name="Freeform 12"/>
            <p:cNvSpPr>
              <a:spLocks noEditPoints="1"/>
            </p:cNvSpPr>
            <p:nvPr/>
          </p:nvSpPr>
          <p:spPr bwMode="auto">
            <a:xfrm>
              <a:off x="6471786" y="1813884"/>
              <a:ext cx="1101725" cy="1143000"/>
            </a:xfrm>
            <a:custGeom>
              <a:avLst/>
              <a:gdLst>
                <a:gd name="T0" fmla="*/ 901 w 3472"/>
                <a:gd name="T1" fmla="*/ 2829 h 3599"/>
                <a:gd name="T2" fmla="*/ 1124 w 3472"/>
                <a:gd name="T3" fmla="*/ 846 h 3599"/>
                <a:gd name="T4" fmla="*/ 3116 w 3472"/>
                <a:gd name="T5" fmla="*/ 773 h 3599"/>
                <a:gd name="T6" fmla="*/ 2927 w 3472"/>
                <a:gd name="T7" fmla="*/ 873 h 3599"/>
                <a:gd name="T8" fmla="*/ 2619 w 3472"/>
                <a:gd name="T9" fmla="*/ 1122 h 3599"/>
                <a:gd name="T10" fmla="*/ 2345 w 3472"/>
                <a:gd name="T11" fmla="*/ 1424 h 3599"/>
                <a:gd name="T12" fmla="*/ 2239 w 3472"/>
                <a:gd name="T13" fmla="*/ 1601 h 3599"/>
                <a:gd name="T14" fmla="*/ 2285 w 3472"/>
                <a:gd name="T15" fmla="*/ 1663 h 3599"/>
                <a:gd name="T16" fmla="*/ 2434 w 3472"/>
                <a:gd name="T17" fmla="*/ 1603 h 3599"/>
                <a:gd name="T18" fmla="*/ 2735 w 3472"/>
                <a:gd name="T19" fmla="*/ 1376 h 3599"/>
                <a:gd name="T20" fmla="*/ 3030 w 3472"/>
                <a:gd name="T21" fmla="*/ 1071 h 3599"/>
                <a:gd name="T22" fmla="*/ 3176 w 3472"/>
                <a:gd name="T23" fmla="*/ 856 h 3599"/>
                <a:gd name="T24" fmla="*/ 3147 w 3472"/>
                <a:gd name="T25" fmla="*/ 784 h 3599"/>
                <a:gd name="T26" fmla="*/ 1988 w 3472"/>
                <a:gd name="T27" fmla="*/ 15 h 3599"/>
                <a:gd name="T28" fmla="*/ 2320 w 3472"/>
                <a:gd name="T29" fmla="*/ 249 h 3599"/>
                <a:gd name="T30" fmla="*/ 2665 w 3472"/>
                <a:gd name="T31" fmla="*/ 255 h 3599"/>
                <a:gd name="T32" fmla="*/ 3003 w 3472"/>
                <a:gd name="T33" fmla="*/ 405 h 3599"/>
                <a:gd name="T34" fmla="*/ 3171 w 3472"/>
                <a:gd name="T35" fmla="*/ 491 h 3599"/>
                <a:gd name="T36" fmla="*/ 3293 w 3472"/>
                <a:gd name="T37" fmla="*/ 482 h 3599"/>
                <a:gd name="T38" fmla="*/ 3418 w 3472"/>
                <a:gd name="T39" fmla="*/ 551 h 3599"/>
                <a:gd name="T40" fmla="*/ 3472 w 3472"/>
                <a:gd name="T41" fmla="*/ 716 h 3599"/>
                <a:gd name="T42" fmla="*/ 3402 w 3472"/>
                <a:gd name="T43" fmla="*/ 945 h 3599"/>
                <a:gd name="T44" fmla="*/ 3200 w 3472"/>
                <a:gd name="T45" fmla="*/ 1242 h 3599"/>
                <a:gd name="T46" fmla="*/ 2917 w 3472"/>
                <a:gd name="T47" fmla="*/ 1536 h 3599"/>
                <a:gd name="T48" fmla="*/ 2667 w 3472"/>
                <a:gd name="T49" fmla="*/ 1738 h 3599"/>
                <a:gd name="T50" fmla="*/ 2405 w 3472"/>
                <a:gd name="T51" fmla="*/ 1893 h 3599"/>
                <a:gd name="T52" fmla="*/ 2169 w 3472"/>
                <a:gd name="T53" fmla="*/ 1955 h 3599"/>
                <a:gd name="T54" fmla="*/ 2073 w 3472"/>
                <a:gd name="T55" fmla="*/ 1927 h 3599"/>
                <a:gd name="T56" fmla="*/ 1981 w 3472"/>
                <a:gd name="T57" fmla="*/ 1835 h 3599"/>
                <a:gd name="T58" fmla="*/ 1953 w 3472"/>
                <a:gd name="T59" fmla="*/ 1674 h 3599"/>
                <a:gd name="T60" fmla="*/ 1848 w 3472"/>
                <a:gd name="T61" fmla="*/ 1391 h 3599"/>
                <a:gd name="T62" fmla="*/ 1752 w 3472"/>
                <a:gd name="T63" fmla="*/ 1038 h 3599"/>
                <a:gd name="T64" fmla="*/ 1797 w 3472"/>
                <a:gd name="T65" fmla="*/ 695 h 3599"/>
                <a:gd name="T66" fmla="*/ 1580 w 3472"/>
                <a:gd name="T67" fmla="*/ 1199 h 3599"/>
                <a:gd name="T68" fmla="*/ 1486 w 3472"/>
                <a:gd name="T69" fmla="*/ 1217 h 3599"/>
                <a:gd name="T70" fmla="*/ 944 w 3472"/>
                <a:gd name="T71" fmla="*/ 1739 h 3599"/>
                <a:gd name="T72" fmla="*/ 952 w 3472"/>
                <a:gd name="T73" fmla="*/ 1830 h 3599"/>
                <a:gd name="T74" fmla="*/ 1367 w 3472"/>
                <a:gd name="T75" fmla="*/ 2840 h 3599"/>
                <a:gd name="T76" fmla="*/ 1630 w 3472"/>
                <a:gd name="T77" fmla="*/ 2998 h 3599"/>
                <a:gd name="T78" fmla="*/ 1828 w 3472"/>
                <a:gd name="T79" fmla="*/ 3105 h 3599"/>
                <a:gd name="T80" fmla="*/ 2035 w 3472"/>
                <a:gd name="T81" fmla="*/ 3246 h 3599"/>
                <a:gd name="T82" fmla="*/ 2117 w 3472"/>
                <a:gd name="T83" fmla="*/ 3489 h 3599"/>
                <a:gd name="T84" fmla="*/ 52 w 3472"/>
                <a:gd name="T85" fmla="*/ 3384 h 3599"/>
                <a:gd name="T86" fmla="*/ 192 w 3472"/>
                <a:gd name="T87" fmla="*/ 3174 h 3599"/>
                <a:gd name="T88" fmla="*/ 434 w 3472"/>
                <a:gd name="T89" fmla="*/ 3090 h 3599"/>
                <a:gd name="T90" fmla="*/ 141 w 3472"/>
                <a:gd name="T91" fmla="*/ 2210 h 3599"/>
                <a:gd name="T92" fmla="*/ 35 w 3472"/>
                <a:gd name="T93" fmla="*/ 2178 h 3599"/>
                <a:gd name="T94" fmla="*/ 0 w 3472"/>
                <a:gd name="T95" fmla="*/ 1506 h 3599"/>
                <a:gd name="T96" fmla="*/ 50 w 3472"/>
                <a:gd name="T97" fmla="*/ 1394 h 3599"/>
                <a:gd name="T98" fmla="*/ 186 w 3472"/>
                <a:gd name="T99" fmla="*/ 1361 h 3599"/>
                <a:gd name="T100" fmla="*/ 946 w 3472"/>
                <a:gd name="T101" fmla="*/ 647 h 3599"/>
                <a:gd name="T102" fmla="*/ 976 w 3472"/>
                <a:gd name="T103" fmla="*/ 591 h 3599"/>
                <a:gd name="T104" fmla="*/ 1582 w 3472"/>
                <a:gd name="T105" fmla="*/ 445 h 3599"/>
                <a:gd name="T106" fmla="*/ 1574 w 3472"/>
                <a:gd name="T107" fmla="*/ 260 h 3599"/>
                <a:gd name="T108" fmla="*/ 1772 w 3472"/>
                <a:gd name="T109" fmla="*/ 42 h 3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472" h="3599">
                  <a:moveTo>
                    <a:pt x="640" y="1990"/>
                  </a:moveTo>
                  <a:lnTo>
                    <a:pt x="383" y="2105"/>
                  </a:lnTo>
                  <a:lnTo>
                    <a:pt x="795" y="2871"/>
                  </a:lnTo>
                  <a:lnTo>
                    <a:pt x="847" y="2849"/>
                  </a:lnTo>
                  <a:lnTo>
                    <a:pt x="901" y="2829"/>
                  </a:lnTo>
                  <a:lnTo>
                    <a:pt x="957" y="2814"/>
                  </a:lnTo>
                  <a:lnTo>
                    <a:pt x="1015" y="2804"/>
                  </a:lnTo>
                  <a:lnTo>
                    <a:pt x="1074" y="2798"/>
                  </a:lnTo>
                  <a:lnTo>
                    <a:pt x="640" y="1990"/>
                  </a:lnTo>
                  <a:close/>
                  <a:moveTo>
                    <a:pt x="1124" y="846"/>
                  </a:moveTo>
                  <a:lnTo>
                    <a:pt x="457" y="1491"/>
                  </a:lnTo>
                  <a:lnTo>
                    <a:pt x="686" y="1602"/>
                  </a:lnTo>
                  <a:lnTo>
                    <a:pt x="1288" y="1019"/>
                  </a:lnTo>
                  <a:lnTo>
                    <a:pt x="1124" y="846"/>
                  </a:lnTo>
                  <a:close/>
                  <a:moveTo>
                    <a:pt x="3116" y="773"/>
                  </a:moveTo>
                  <a:lnTo>
                    <a:pt x="3101" y="774"/>
                  </a:lnTo>
                  <a:lnTo>
                    <a:pt x="3085" y="780"/>
                  </a:lnTo>
                  <a:lnTo>
                    <a:pt x="3036" y="807"/>
                  </a:lnTo>
                  <a:lnTo>
                    <a:pt x="2983" y="836"/>
                  </a:lnTo>
                  <a:lnTo>
                    <a:pt x="2927" y="873"/>
                  </a:lnTo>
                  <a:lnTo>
                    <a:pt x="2869" y="913"/>
                  </a:lnTo>
                  <a:lnTo>
                    <a:pt x="2809" y="958"/>
                  </a:lnTo>
                  <a:lnTo>
                    <a:pt x="2747" y="1008"/>
                  </a:lnTo>
                  <a:lnTo>
                    <a:pt x="2684" y="1063"/>
                  </a:lnTo>
                  <a:lnTo>
                    <a:pt x="2619" y="1122"/>
                  </a:lnTo>
                  <a:lnTo>
                    <a:pt x="2551" y="1187"/>
                  </a:lnTo>
                  <a:lnTo>
                    <a:pt x="2491" y="1250"/>
                  </a:lnTo>
                  <a:lnTo>
                    <a:pt x="2436" y="1311"/>
                  </a:lnTo>
                  <a:lnTo>
                    <a:pt x="2387" y="1369"/>
                  </a:lnTo>
                  <a:lnTo>
                    <a:pt x="2345" y="1424"/>
                  </a:lnTo>
                  <a:lnTo>
                    <a:pt x="2308" y="1476"/>
                  </a:lnTo>
                  <a:lnTo>
                    <a:pt x="2276" y="1524"/>
                  </a:lnTo>
                  <a:lnTo>
                    <a:pt x="2248" y="1569"/>
                  </a:lnTo>
                  <a:lnTo>
                    <a:pt x="2242" y="1584"/>
                  </a:lnTo>
                  <a:lnTo>
                    <a:pt x="2239" y="1601"/>
                  </a:lnTo>
                  <a:lnTo>
                    <a:pt x="2242" y="1617"/>
                  </a:lnTo>
                  <a:lnTo>
                    <a:pt x="2247" y="1632"/>
                  </a:lnTo>
                  <a:lnTo>
                    <a:pt x="2258" y="1646"/>
                  </a:lnTo>
                  <a:lnTo>
                    <a:pt x="2270" y="1656"/>
                  </a:lnTo>
                  <a:lnTo>
                    <a:pt x="2285" y="1663"/>
                  </a:lnTo>
                  <a:lnTo>
                    <a:pt x="2301" y="1667"/>
                  </a:lnTo>
                  <a:lnTo>
                    <a:pt x="2317" y="1666"/>
                  </a:lnTo>
                  <a:lnTo>
                    <a:pt x="2333" y="1660"/>
                  </a:lnTo>
                  <a:lnTo>
                    <a:pt x="2382" y="1635"/>
                  </a:lnTo>
                  <a:lnTo>
                    <a:pt x="2434" y="1603"/>
                  </a:lnTo>
                  <a:lnTo>
                    <a:pt x="2490" y="1568"/>
                  </a:lnTo>
                  <a:lnTo>
                    <a:pt x="2548" y="1526"/>
                  </a:lnTo>
                  <a:lnTo>
                    <a:pt x="2608" y="1482"/>
                  </a:lnTo>
                  <a:lnTo>
                    <a:pt x="2671" y="1431"/>
                  </a:lnTo>
                  <a:lnTo>
                    <a:pt x="2735" y="1376"/>
                  </a:lnTo>
                  <a:lnTo>
                    <a:pt x="2800" y="1317"/>
                  </a:lnTo>
                  <a:lnTo>
                    <a:pt x="2867" y="1252"/>
                  </a:lnTo>
                  <a:lnTo>
                    <a:pt x="2927" y="1189"/>
                  </a:lnTo>
                  <a:lnTo>
                    <a:pt x="2981" y="1129"/>
                  </a:lnTo>
                  <a:lnTo>
                    <a:pt x="3030" y="1071"/>
                  </a:lnTo>
                  <a:lnTo>
                    <a:pt x="3073" y="1016"/>
                  </a:lnTo>
                  <a:lnTo>
                    <a:pt x="3110" y="964"/>
                  </a:lnTo>
                  <a:lnTo>
                    <a:pt x="3143" y="916"/>
                  </a:lnTo>
                  <a:lnTo>
                    <a:pt x="3169" y="872"/>
                  </a:lnTo>
                  <a:lnTo>
                    <a:pt x="3176" y="856"/>
                  </a:lnTo>
                  <a:lnTo>
                    <a:pt x="3178" y="840"/>
                  </a:lnTo>
                  <a:lnTo>
                    <a:pt x="3176" y="824"/>
                  </a:lnTo>
                  <a:lnTo>
                    <a:pt x="3170" y="808"/>
                  </a:lnTo>
                  <a:lnTo>
                    <a:pt x="3161" y="794"/>
                  </a:lnTo>
                  <a:lnTo>
                    <a:pt x="3147" y="784"/>
                  </a:lnTo>
                  <a:lnTo>
                    <a:pt x="3132" y="777"/>
                  </a:lnTo>
                  <a:lnTo>
                    <a:pt x="3116" y="773"/>
                  </a:lnTo>
                  <a:close/>
                  <a:moveTo>
                    <a:pt x="1915" y="0"/>
                  </a:moveTo>
                  <a:lnTo>
                    <a:pt x="1952" y="5"/>
                  </a:lnTo>
                  <a:lnTo>
                    <a:pt x="1988" y="15"/>
                  </a:lnTo>
                  <a:lnTo>
                    <a:pt x="2022" y="30"/>
                  </a:lnTo>
                  <a:lnTo>
                    <a:pt x="2053" y="51"/>
                  </a:lnTo>
                  <a:lnTo>
                    <a:pt x="2081" y="77"/>
                  </a:lnTo>
                  <a:lnTo>
                    <a:pt x="2254" y="265"/>
                  </a:lnTo>
                  <a:lnTo>
                    <a:pt x="2320" y="249"/>
                  </a:lnTo>
                  <a:lnTo>
                    <a:pt x="2387" y="238"/>
                  </a:lnTo>
                  <a:lnTo>
                    <a:pt x="2456" y="234"/>
                  </a:lnTo>
                  <a:lnTo>
                    <a:pt x="2525" y="235"/>
                  </a:lnTo>
                  <a:lnTo>
                    <a:pt x="2595" y="242"/>
                  </a:lnTo>
                  <a:lnTo>
                    <a:pt x="2665" y="255"/>
                  </a:lnTo>
                  <a:lnTo>
                    <a:pt x="2735" y="274"/>
                  </a:lnTo>
                  <a:lnTo>
                    <a:pt x="2803" y="298"/>
                  </a:lnTo>
                  <a:lnTo>
                    <a:pt x="2872" y="328"/>
                  </a:lnTo>
                  <a:lnTo>
                    <a:pt x="2938" y="364"/>
                  </a:lnTo>
                  <a:lnTo>
                    <a:pt x="3003" y="405"/>
                  </a:lnTo>
                  <a:lnTo>
                    <a:pt x="3065" y="451"/>
                  </a:lnTo>
                  <a:lnTo>
                    <a:pt x="3126" y="504"/>
                  </a:lnTo>
                  <a:lnTo>
                    <a:pt x="3137" y="501"/>
                  </a:lnTo>
                  <a:lnTo>
                    <a:pt x="3153" y="496"/>
                  </a:lnTo>
                  <a:lnTo>
                    <a:pt x="3171" y="491"/>
                  </a:lnTo>
                  <a:lnTo>
                    <a:pt x="3193" y="487"/>
                  </a:lnTo>
                  <a:lnTo>
                    <a:pt x="3216" y="483"/>
                  </a:lnTo>
                  <a:lnTo>
                    <a:pt x="3241" y="481"/>
                  </a:lnTo>
                  <a:lnTo>
                    <a:pt x="3266" y="480"/>
                  </a:lnTo>
                  <a:lnTo>
                    <a:pt x="3293" y="482"/>
                  </a:lnTo>
                  <a:lnTo>
                    <a:pt x="3319" y="488"/>
                  </a:lnTo>
                  <a:lnTo>
                    <a:pt x="3345" y="497"/>
                  </a:lnTo>
                  <a:lnTo>
                    <a:pt x="3372" y="510"/>
                  </a:lnTo>
                  <a:lnTo>
                    <a:pt x="3396" y="528"/>
                  </a:lnTo>
                  <a:lnTo>
                    <a:pt x="3418" y="551"/>
                  </a:lnTo>
                  <a:lnTo>
                    <a:pt x="3439" y="579"/>
                  </a:lnTo>
                  <a:lnTo>
                    <a:pt x="3455" y="610"/>
                  </a:lnTo>
                  <a:lnTo>
                    <a:pt x="3465" y="643"/>
                  </a:lnTo>
                  <a:lnTo>
                    <a:pt x="3471" y="678"/>
                  </a:lnTo>
                  <a:lnTo>
                    <a:pt x="3472" y="716"/>
                  </a:lnTo>
                  <a:lnTo>
                    <a:pt x="3468" y="756"/>
                  </a:lnTo>
                  <a:lnTo>
                    <a:pt x="3459" y="800"/>
                  </a:lnTo>
                  <a:lnTo>
                    <a:pt x="3446" y="844"/>
                  </a:lnTo>
                  <a:lnTo>
                    <a:pt x="3427" y="893"/>
                  </a:lnTo>
                  <a:lnTo>
                    <a:pt x="3402" y="945"/>
                  </a:lnTo>
                  <a:lnTo>
                    <a:pt x="3374" y="997"/>
                  </a:lnTo>
                  <a:lnTo>
                    <a:pt x="3337" y="1057"/>
                  </a:lnTo>
                  <a:lnTo>
                    <a:pt x="3295" y="1118"/>
                  </a:lnTo>
                  <a:lnTo>
                    <a:pt x="3250" y="1179"/>
                  </a:lnTo>
                  <a:lnTo>
                    <a:pt x="3200" y="1242"/>
                  </a:lnTo>
                  <a:lnTo>
                    <a:pt x="3145" y="1306"/>
                  </a:lnTo>
                  <a:lnTo>
                    <a:pt x="3088" y="1369"/>
                  </a:lnTo>
                  <a:lnTo>
                    <a:pt x="3026" y="1432"/>
                  </a:lnTo>
                  <a:lnTo>
                    <a:pt x="2963" y="1493"/>
                  </a:lnTo>
                  <a:lnTo>
                    <a:pt x="2917" y="1536"/>
                  </a:lnTo>
                  <a:lnTo>
                    <a:pt x="2869" y="1578"/>
                  </a:lnTo>
                  <a:lnTo>
                    <a:pt x="2820" y="1620"/>
                  </a:lnTo>
                  <a:lnTo>
                    <a:pt x="2770" y="1660"/>
                  </a:lnTo>
                  <a:lnTo>
                    <a:pt x="2719" y="1700"/>
                  </a:lnTo>
                  <a:lnTo>
                    <a:pt x="2667" y="1738"/>
                  </a:lnTo>
                  <a:lnTo>
                    <a:pt x="2614" y="1775"/>
                  </a:lnTo>
                  <a:lnTo>
                    <a:pt x="2561" y="1808"/>
                  </a:lnTo>
                  <a:lnTo>
                    <a:pt x="2508" y="1839"/>
                  </a:lnTo>
                  <a:lnTo>
                    <a:pt x="2456" y="1868"/>
                  </a:lnTo>
                  <a:lnTo>
                    <a:pt x="2405" y="1893"/>
                  </a:lnTo>
                  <a:lnTo>
                    <a:pt x="2354" y="1915"/>
                  </a:lnTo>
                  <a:lnTo>
                    <a:pt x="2304" y="1932"/>
                  </a:lnTo>
                  <a:lnTo>
                    <a:pt x="2258" y="1945"/>
                  </a:lnTo>
                  <a:lnTo>
                    <a:pt x="2212" y="1953"/>
                  </a:lnTo>
                  <a:lnTo>
                    <a:pt x="2169" y="1955"/>
                  </a:lnTo>
                  <a:lnTo>
                    <a:pt x="2152" y="1954"/>
                  </a:lnTo>
                  <a:lnTo>
                    <a:pt x="2133" y="1951"/>
                  </a:lnTo>
                  <a:lnTo>
                    <a:pt x="2114" y="1945"/>
                  </a:lnTo>
                  <a:lnTo>
                    <a:pt x="2094" y="1937"/>
                  </a:lnTo>
                  <a:lnTo>
                    <a:pt x="2073" y="1927"/>
                  </a:lnTo>
                  <a:lnTo>
                    <a:pt x="2053" y="1913"/>
                  </a:lnTo>
                  <a:lnTo>
                    <a:pt x="2032" y="1898"/>
                  </a:lnTo>
                  <a:lnTo>
                    <a:pt x="2014" y="1879"/>
                  </a:lnTo>
                  <a:lnTo>
                    <a:pt x="1997" y="1858"/>
                  </a:lnTo>
                  <a:lnTo>
                    <a:pt x="1981" y="1835"/>
                  </a:lnTo>
                  <a:lnTo>
                    <a:pt x="1968" y="1808"/>
                  </a:lnTo>
                  <a:lnTo>
                    <a:pt x="1959" y="1778"/>
                  </a:lnTo>
                  <a:lnTo>
                    <a:pt x="1953" y="1747"/>
                  </a:lnTo>
                  <a:lnTo>
                    <a:pt x="1951" y="1712"/>
                  </a:lnTo>
                  <a:lnTo>
                    <a:pt x="1953" y="1674"/>
                  </a:lnTo>
                  <a:lnTo>
                    <a:pt x="1961" y="1633"/>
                  </a:lnTo>
                  <a:lnTo>
                    <a:pt x="1974" y="1590"/>
                  </a:lnTo>
                  <a:lnTo>
                    <a:pt x="1926" y="1525"/>
                  </a:lnTo>
                  <a:lnTo>
                    <a:pt x="1884" y="1459"/>
                  </a:lnTo>
                  <a:lnTo>
                    <a:pt x="1848" y="1391"/>
                  </a:lnTo>
                  <a:lnTo>
                    <a:pt x="1818" y="1322"/>
                  </a:lnTo>
                  <a:lnTo>
                    <a:pt x="1793" y="1252"/>
                  </a:lnTo>
                  <a:lnTo>
                    <a:pt x="1773" y="1180"/>
                  </a:lnTo>
                  <a:lnTo>
                    <a:pt x="1760" y="1109"/>
                  </a:lnTo>
                  <a:lnTo>
                    <a:pt x="1752" y="1038"/>
                  </a:lnTo>
                  <a:lnTo>
                    <a:pt x="1750" y="966"/>
                  </a:lnTo>
                  <a:lnTo>
                    <a:pt x="1753" y="896"/>
                  </a:lnTo>
                  <a:lnTo>
                    <a:pt x="1762" y="827"/>
                  </a:lnTo>
                  <a:lnTo>
                    <a:pt x="1777" y="761"/>
                  </a:lnTo>
                  <a:lnTo>
                    <a:pt x="1797" y="695"/>
                  </a:lnTo>
                  <a:lnTo>
                    <a:pt x="1701" y="591"/>
                  </a:lnTo>
                  <a:lnTo>
                    <a:pt x="1609" y="1147"/>
                  </a:lnTo>
                  <a:lnTo>
                    <a:pt x="1603" y="1166"/>
                  </a:lnTo>
                  <a:lnTo>
                    <a:pt x="1593" y="1184"/>
                  </a:lnTo>
                  <a:lnTo>
                    <a:pt x="1580" y="1199"/>
                  </a:lnTo>
                  <a:lnTo>
                    <a:pt x="1564" y="1211"/>
                  </a:lnTo>
                  <a:lnTo>
                    <a:pt x="1546" y="1219"/>
                  </a:lnTo>
                  <a:lnTo>
                    <a:pt x="1526" y="1223"/>
                  </a:lnTo>
                  <a:lnTo>
                    <a:pt x="1506" y="1222"/>
                  </a:lnTo>
                  <a:lnTo>
                    <a:pt x="1486" y="1217"/>
                  </a:lnTo>
                  <a:lnTo>
                    <a:pt x="1469" y="1208"/>
                  </a:lnTo>
                  <a:lnTo>
                    <a:pt x="1453" y="1194"/>
                  </a:lnTo>
                  <a:lnTo>
                    <a:pt x="915" y="1715"/>
                  </a:lnTo>
                  <a:lnTo>
                    <a:pt x="931" y="1725"/>
                  </a:lnTo>
                  <a:lnTo>
                    <a:pt x="944" y="1739"/>
                  </a:lnTo>
                  <a:lnTo>
                    <a:pt x="953" y="1756"/>
                  </a:lnTo>
                  <a:lnTo>
                    <a:pt x="960" y="1774"/>
                  </a:lnTo>
                  <a:lnTo>
                    <a:pt x="961" y="1793"/>
                  </a:lnTo>
                  <a:lnTo>
                    <a:pt x="959" y="1813"/>
                  </a:lnTo>
                  <a:lnTo>
                    <a:pt x="952" y="1830"/>
                  </a:lnTo>
                  <a:lnTo>
                    <a:pt x="942" y="1846"/>
                  </a:lnTo>
                  <a:lnTo>
                    <a:pt x="928" y="1860"/>
                  </a:lnTo>
                  <a:lnTo>
                    <a:pt x="911" y="1869"/>
                  </a:lnTo>
                  <a:lnTo>
                    <a:pt x="859" y="1893"/>
                  </a:lnTo>
                  <a:lnTo>
                    <a:pt x="1367" y="2840"/>
                  </a:lnTo>
                  <a:lnTo>
                    <a:pt x="1425" y="2863"/>
                  </a:lnTo>
                  <a:lnTo>
                    <a:pt x="1481" y="2890"/>
                  </a:lnTo>
                  <a:lnTo>
                    <a:pt x="1533" y="2921"/>
                  </a:lnTo>
                  <a:lnTo>
                    <a:pt x="1583" y="2958"/>
                  </a:lnTo>
                  <a:lnTo>
                    <a:pt x="1630" y="2998"/>
                  </a:lnTo>
                  <a:lnTo>
                    <a:pt x="1673" y="3042"/>
                  </a:lnTo>
                  <a:lnTo>
                    <a:pt x="1713" y="3090"/>
                  </a:lnTo>
                  <a:lnTo>
                    <a:pt x="1723" y="3090"/>
                  </a:lnTo>
                  <a:lnTo>
                    <a:pt x="1777" y="3094"/>
                  </a:lnTo>
                  <a:lnTo>
                    <a:pt x="1828" y="3105"/>
                  </a:lnTo>
                  <a:lnTo>
                    <a:pt x="1877" y="3123"/>
                  </a:lnTo>
                  <a:lnTo>
                    <a:pt x="1923" y="3146"/>
                  </a:lnTo>
                  <a:lnTo>
                    <a:pt x="1965" y="3174"/>
                  </a:lnTo>
                  <a:lnTo>
                    <a:pt x="2002" y="3208"/>
                  </a:lnTo>
                  <a:lnTo>
                    <a:pt x="2035" y="3246"/>
                  </a:lnTo>
                  <a:lnTo>
                    <a:pt x="2064" y="3288"/>
                  </a:lnTo>
                  <a:lnTo>
                    <a:pt x="2087" y="3334"/>
                  </a:lnTo>
                  <a:lnTo>
                    <a:pt x="2104" y="3384"/>
                  </a:lnTo>
                  <a:lnTo>
                    <a:pt x="2114" y="3435"/>
                  </a:lnTo>
                  <a:lnTo>
                    <a:pt x="2117" y="3489"/>
                  </a:lnTo>
                  <a:lnTo>
                    <a:pt x="2117" y="3599"/>
                  </a:lnTo>
                  <a:lnTo>
                    <a:pt x="39" y="3599"/>
                  </a:lnTo>
                  <a:lnTo>
                    <a:pt x="39" y="3489"/>
                  </a:lnTo>
                  <a:lnTo>
                    <a:pt x="42" y="3435"/>
                  </a:lnTo>
                  <a:lnTo>
                    <a:pt x="52" y="3384"/>
                  </a:lnTo>
                  <a:lnTo>
                    <a:pt x="69" y="3334"/>
                  </a:lnTo>
                  <a:lnTo>
                    <a:pt x="92" y="3288"/>
                  </a:lnTo>
                  <a:lnTo>
                    <a:pt x="121" y="3246"/>
                  </a:lnTo>
                  <a:lnTo>
                    <a:pt x="155" y="3208"/>
                  </a:lnTo>
                  <a:lnTo>
                    <a:pt x="192" y="3174"/>
                  </a:lnTo>
                  <a:lnTo>
                    <a:pt x="235" y="3146"/>
                  </a:lnTo>
                  <a:lnTo>
                    <a:pt x="280" y="3123"/>
                  </a:lnTo>
                  <a:lnTo>
                    <a:pt x="329" y="3105"/>
                  </a:lnTo>
                  <a:lnTo>
                    <a:pt x="380" y="3094"/>
                  </a:lnTo>
                  <a:lnTo>
                    <a:pt x="434" y="3090"/>
                  </a:lnTo>
                  <a:lnTo>
                    <a:pt x="526" y="3090"/>
                  </a:lnTo>
                  <a:lnTo>
                    <a:pt x="560" y="3049"/>
                  </a:lnTo>
                  <a:lnTo>
                    <a:pt x="598" y="3010"/>
                  </a:lnTo>
                  <a:lnTo>
                    <a:pt x="164" y="2201"/>
                  </a:lnTo>
                  <a:lnTo>
                    <a:pt x="141" y="2210"/>
                  </a:lnTo>
                  <a:lnTo>
                    <a:pt x="118" y="2212"/>
                  </a:lnTo>
                  <a:lnTo>
                    <a:pt x="96" y="2211"/>
                  </a:lnTo>
                  <a:lnTo>
                    <a:pt x="74" y="2204"/>
                  </a:lnTo>
                  <a:lnTo>
                    <a:pt x="53" y="2193"/>
                  </a:lnTo>
                  <a:lnTo>
                    <a:pt x="35" y="2178"/>
                  </a:lnTo>
                  <a:lnTo>
                    <a:pt x="20" y="2160"/>
                  </a:lnTo>
                  <a:lnTo>
                    <a:pt x="9" y="2141"/>
                  </a:lnTo>
                  <a:lnTo>
                    <a:pt x="2" y="2118"/>
                  </a:lnTo>
                  <a:lnTo>
                    <a:pt x="0" y="2095"/>
                  </a:lnTo>
                  <a:lnTo>
                    <a:pt x="0" y="1506"/>
                  </a:lnTo>
                  <a:lnTo>
                    <a:pt x="2" y="1480"/>
                  </a:lnTo>
                  <a:lnTo>
                    <a:pt x="9" y="1456"/>
                  </a:lnTo>
                  <a:lnTo>
                    <a:pt x="18" y="1433"/>
                  </a:lnTo>
                  <a:lnTo>
                    <a:pt x="33" y="1413"/>
                  </a:lnTo>
                  <a:lnTo>
                    <a:pt x="50" y="1394"/>
                  </a:lnTo>
                  <a:lnTo>
                    <a:pt x="69" y="1378"/>
                  </a:lnTo>
                  <a:lnTo>
                    <a:pt x="97" y="1365"/>
                  </a:lnTo>
                  <a:lnTo>
                    <a:pt x="126" y="1357"/>
                  </a:lnTo>
                  <a:lnTo>
                    <a:pt x="156" y="1356"/>
                  </a:lnTo>
                  <a:lnTo>
                    <a:pt x="186" y="1361"/>
                  </a:lnTo>
                  <a:lnTo>
                    <a:pt x="213" y="1371"/>
                  </a:lnTo>
                  <a:lnTo>
                    <a:pt x="228" y="1378"/>
                  </a:lnTo>
                  <a:lnTo>
                    <a:pt x="959" y="671"/>
                  </a:lnTo>
                  <a:lnTo>
                    <a:pt x="951" y="659"/>
                  </a:lnTo>
                  <a:lnTo>
                    <a:pt x="946" y="647"/>
                  </a:lnTo>
                  <a:lnTo>
                    <a:pt x="945" y="633"/>
                  </a:lnTo>
                  <a:lnTo>
                    <a:pt x="948" y="619"/>
                  </a:lnTo>
                  <a:lnTo>
                    <a:pt x="954" y="608"/>
                  </a:lnTo>
                  <a:lnTo>
                    <a:pt x="965" y="597"/>
                  </a:lnTo>
                  <a:lnTo>
                    <a:pt x="976" y="591"/>
                  </a:lnTo>
                  <a:lnTo>
                    <a:pt x="990" y="588"/>
                  </a:lnTo>
                  <a:lnTo>
                    <a:pt x="1645" y="531"/>
                  </a:lnTo>
                  <a:lnTo>
                    <a:pt x="1624" y="508"/>
                  </a:lnTo>
                  <a:lnTo>
                    <a:pt x="1600" y="478"/>
                  </a:lnTo>
                  <a:lnTo>
                    <a:pt x="1582" y="445"/>
                  </a:lnTo>
                  <a:lnTo>
                    <a:pt x="1570" y="410"/>
                  </a:lnTo>
                  <a:lnTo>
                    <a:pt x="1562" y="373"/>
                  </a:lnTo>
                  <a:lnTo>
                    <a:pt x="1559" y="335"/>
                  </a:lnTo>
                  <a:lnTo>
                    <a:pt x="1564" y="297"/>
                  </a:lnTo>
                  <a:lnTo>
                    <a:pt x="1574" y="260"/>
                  </a:lnTo>
                  <a:lnTo>
                    <a:pt x="1590" y="227"/>
                  </a:lnTo>
                  <a:lnTo>
                    <a:pt x="1611" y="195"/>
                  </a:lnTo>
                  <a:lnTo>
                    <a:pt x="1636" y="167"/>
                  </a:lnTo>
                  <a:lnTo>
                    <a:pt x="1743" y="66"/>
                  </a:lnTo>
                  <a:lnTo>
                    <a:pt x="1772" y="42"/>
                  </a:lnTo>
                  <a:lnTo>
                    <a:pt x="1805" y="23"/>
                  </a:lnTo>
                  <a:lnTo>
                    <a:pt x="1841" y="10"/>
                  </a:lnTo>
                  <a:lnTo>
                    <a:pt x="1877" y="3"/>
                  </a:lnTo>
                  <a:lnTo>
                    <a:pt x="19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nvGrpSpPr>
            <p:cNvPr id="71" name="Group 15"/>
            <p:cNvGrpSpPr>
              <a:grpSpLocks noChangeAspect="1"/>
            </p:cNvGrpSpPr>
            <p:nvPr/>
          </p:nvGrpSpPr>
          <p:grpSpPr bwMode="auto">
            <a:xfrm>
              <a:off x="4362672" y="3841634"/>
              <a:ext cx="1136486" cy="1214554"/>
              <a:chOff x="2785" y="2376"/>
              <a:chExt cx="757" cy="809"/>
            </a:xfrm>
            <a:solidFill>
              <a:schemeClr val="bg1"/>
            </a:solidFill>
          </p:grpSpPr>
          <p:sp>
            <p:nvSpPr>
              <p:cNvPr id="78" name="Freeform 17"/>
              <p:cNvSpPr>
                <a:spLocks noEditPoints="1"/>
              </p:cNvSpPr>
              <p:nvPr/>
            </p:nvSpPr>
            <p:spPr bwMode="auto">
              <a:xfrm>
                <a:off x="2785" y="2376"/>
                <a:ext cx="757" cy="809"/>
              </a:xfrm>
              <a:custGeom>
                <a:avLst/>
                <a:gdLst>
                  <a:gd name="T0" fmla="*/ 1295 w 3027"/>
                  <a:gd name="T1" fmla="*/ 2679 h 3239"/>
                  <a:gd name="T2" fmla="*/ 1466 w 3027"/>
                  <a:gd name="T3" fmla="*/ 2998 h 3239"/>
                  <a:gd name="T4" fmla="*/ 1600 w 3027"/>
                  <a:gd name="T5" fmla="*/ 2952 h 3239"/>
                  <a:gd name="T6" fmla="*/ 1776 w 3027"/>
                  <a:gd name="T7" fmla="*/ 2539 h 3239"/>
                  <a:gd name="T8" fmla="*/ 1176 w 3027"/>
                  <a:gd name="T9" fmla="*/ 2171 h 3239"/>
                  <a:gd name="T10" fmla="*/ 1853 w 3027"/>
                  <a:gd name="T11" fmla="*/ 2163 h 3239"/>
                  <a:gd name="T12" fmla="*/ 421 w 3027"/>
                  <a:gd name="T13" fmla="*/ 2023 h 3239"/>
                  <a:gd name="T14" fmla="*/ 229 w 3027"/>
                  <a:gd name="T15" fmla="*/ 2312 h 3239"/>
                  <a:gd name="T16" fmla="*/ 310 w 3027"/>
                  <a:gd name="T17" fmla="*/ 2371 h 3239"/>
                  <a:gd name="T18" fmla="*/ 749 w 3027"/>
                  <a:gd name="T19" fmla="*/ 2317 h 3239"/>
                  <a:gd name="T20" fmla="*/ 772 w 3027"/>
                  <a:gd name="T21" fmla="*/ 1818 h 3239"/>
                  <a:gd name="T22" fmla="*/ 2058 w 3027"/>
                  <a:gd name="T23" fmla="*/ 2239 h 3239"/>
                  <a:gd name="T24" fmla="*/ 2597 w 3027"/>
                  <a:gd name="T25" fmla="*/ 2357 h 3239"/>
                  <a:gd name="T26" fmla="*/ 2807 w 3027"/>
                  <a:gd name="T27" fmla="*/ 2336 h 3239"/>
                  <a:gd name="T28" fmla="*/ 2718 w 3027"/>
                  <a:gd name="T29" fmla="*/ 2137 h 3239"/>
                  <a:gd name="T30" fmla="*/ 2335 w 3027"/>
                  <a:gd name="T31" fmla="*/ 1751 h 3239"/>
                  <a:gd name="T32" fmla="*/ 2159 w 3027"/>
                  <a:gd name="T33" fmla="*/ 1617 h 3239"/>
                  <a:gd name="T34" fmla="*/ 1140 w 3027"/>
                  <a:gd name="T35" fmla="*/ 1620 h 3239"/>
                  <a:gd name="T36" fmla="*/ 1721 w 3027"/>
                  <a:gd name="T37" fmla="*/ 1901 h 3239"/>
                  <a:gd name="T38" fmla="*/ 1717 w 3027"/>
                  <a:gd name="T39" fmla="*/ 1337 h 3239"/>
                  <a:gd name="T40" fmla="*/ 1174 w 3027"/>
                  <a:gd name="T41" fmla="*/ 1077 h 3239"/>
                  <a:gd name="T42" fmla="*/ 375 w 3027"/>
                  <a:gd name="T43" fmla="*/ 880 h 3239"/>
                  <a:gd name="T44" fmla="*/ 214 w 3027"/>
                  <a:gd name="T45" fmla="*/ 907 h 3239"/>
                  <a:gd name="T46" fmla="*/ 340 w 3027"/>
                  <a:gd name="T47" fmla="*/ 1143 h 3239"/>
                  <a:gd name="T48" fmla="*/ 770 w 3027"/>
                  <a:gd name="T49" fmla="*/ 1431 h 3239"/>
                  <a:gd name="T50" fmla="*/ 748 w 3027"/>
                  <a:gd name="T51" fmla="*/ 935 h 3239"/>
                  <a:gd name="T52" fmla="*/ 2598 w 3027"/>
                  <a:gd name="T53" fmla="*/ 873 h 3239"/>
                  <a:gd name="T54" fmla="*/ 2057 w 3027"/>
                  <a:gd name="T55" fmla="*/ 995 h 3239"/>
                  <a:gd name="T56" fmla="*/ 2459 w 3027"/>
                  <a:gd name="T57" fmla="*/ 1369 h 3239"/>
                  <a:gd name="T58" fmla="*/ 2759 w 3027"/>
                  <a:gd name="T59" fmla="*/ 1016 h 3239"/>
                  <a:gd name="T60" fmla="*/ 2778 w 3027"/>
                  <a:gd name="T61" fmla="*/ 884 h 3239"/>
                  <a:gd name="T62" fmla="*/ 1484 w 3027"/>
                  <a:gd name="T63" fmla="*/ 227 h 3239"/>
                  <a:gd name="T64" fmla="*/ 1316 w 3027"/>
                  <a:gd name="T65" fmla="*/ 504 h 3239"/>
                  <a:gd name="T66" fmla="*/ 1510 w 3027"/>
                  <a:gd name="T67" fmla="*/ 988 h 3239"/>
                  <a:gd name="T68" fmla="*/ 1711 w 3027"/>
                  <a:gd name="T69" fmla="*/ 501 h 3239"/>
                  <a:gd name="T70" fmla="*/ 1543 w 3027"/>
                  <a:gd name="T71" fmla="*/ 227 h 3239"/>
                  <a:gd name="T72" fmla="*/ 1703 w 3027"/>
                  <a:gd name="T73" fmla="*/ 88 h 3239"/>
                  <a:gd name="T74" fmla="*/ 1950 w 3027"/>
                  <a:gd name="T75" fmla="*/ 533 h 3239"/>
                  <a:gd name="T76" fmla="*/ 2397 w 3027"/>
                  <a:gd name="T77" fmla="*/ 677 h 3239"/>
                  <a:gd name="T78" fmla="*/ 2839 w 3027"/>
                  <a:gd name="T79" fmla="*/ 675 h 3239"/>
                  <a:gd name="T80" fmla="*/ 3018 w 3027"/>
                  <a:gd name="T81" fmla="*/ 866 h 3239"/>
                  <a:gd name="T82" fmla="*/ 2893 w 3027"/>
                  <a:gd name="T83" fmla="*/ 1202 h 3239"/>
                  <a:gd name="T84" fmla="*/ 2506 w 3027"/>
                  <a:gd name="T85" fmla="*/ 1614 h 3239"/>
                  <a:gd name="T86" fmla="*/ 2898 w 3027"/>
                  <a:gd name="T87" fmla="*/ 2021 h 3239"/>
                  <a:gd name="T88" fmla="*/ 3027 w 3027"/>
                  <a:gd name="T89" fmla="*/ 2355 h 3239"/>
                  <a:gd name="T90" fmla="*/ 2845 w 3027"/>
                  <a:gd name="T91" fmla="*/ 2550 h 3239"/>
                  <a:gd name="T92" fmla="*/ 2397 w 3027"/>
                  <a:gd name="T93" fmla="*/ 2550 h 3239"/>
                  <a:gd name="T94" fmla="*/ 1952 w 3027"/>
                  <a:gd name="T95" fmla="*/ 2700 h 3239"/>
                  <a:gd name="T96" fmla="*/ 1705 w 3027"/>
                  <a:gd name="T97" fmla="*/ 3151 h 3239"/>
                  <a:gd name="T98" fmla="*/ 1397 w 3027"/>
                  <a:gd name="T99" fmla="*/ 3207 h 3239"/>
                  <a:gd name="T100" fmla="*/ 1130 w 3027"/>
                  <a:gd name="T101" fmla="*/ 2849 h 3239"/>
                  <a:gd name="T102" fmla="*/ 774 w 3027"/>
                  <a:gd name="T103" fmla="*/ 2532 h 3239"/>
                  <a:gd name="T104" fmla="*/ 274 w 3027"/>
                  <a:gd name="T105" fmla="*/ 2583 h 3239"/>
                  <a:gd name="T106" fmla="*/ 26 w 3027"/>
                  <a:gd name="T107" fmla="*/ 2439 h 3239"/>
                  <a:gd name="T108" fmla="*/ 76 w 3027"/>
                  <a:gd name="T109" fmla="*/ 2132 h 3239"/>
                  <a:gd name="T110" fmla="*/ 403 w 3027"/>
                  <a:gd name="T111" fmla="*/ 1733 h 3239"/>
                  <a:gd name="T112" fmla="*/ 205 w 3027"/>
                  <a:gd name="T113" fmla="*/ 1316 h 3239"/>
                  <a:gd name="T114" fmla="*/ 4 w 3027"/>
                  <a:gd name="T115" fmla="*/ 958 h 3239"/>
                  <a:gd name="T116" fmla="*/ 108 w 3027"/>
                  <a:gd name="T117" fmla="*/ 720 h 3239"/>
                  <a:gd name="T118" fmla="*/ 496 w 3027"/>
                  <a:gd name="T119" fmla="*/ 672 h 3239"/>
                  <a:gd name="T120" fmla="*/ 1029 w 3027"/>
                  <a:gd name="T121" fmla="*/ 700 h 3239"/>
                  <a:gd name="T122" fmla="*/ 1252 w 3027"/>
                  <a:gd name="T123" fmla="*/ 169 h 3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27" h="3239">
                    <a:moveTo>
                      <a:pt x="1517" y="2251"/>
                    </a:moveTo>
                    <a:lnTo>
                      <a:pt x="1415" y="2300"/>
                    </a:lnTo>
                    <a:lnTo>
                      <a:pt x="1314" y="2345"/>
                    </a:lnTo>
                    <a:lnTo>
                      <a:pt x="1214" y="2386"/>
                    </a:lnTo>
                    <a:lnTo>
                      <a:pt x="1233" y="2468"/>
                    </a:lnTo>
                    <a:lnTo>
                      <a:pt x="1252" y="2544"/>
                    </a:lnTo>
                    <a:lnTo>
                      <a:pt x="1273" y="2614"/>
                    </a:lnTo>
                    <a:lnTo>
                      <a:pt x="1295" y="2679"/>
                    </a:lnTo>
                    <a:lnTo>
                      <a:pt x="1317" y="2739"/>
                    </a:lnTo>
                    <a:lnTo>
                      <a:pt x="1340" y="2793"/>
                    </a:lnTo>
                    <a:lnTo>
                      <a:pt x="1361" y="2840"/>
                    </a:lnTo>
                    <a:lnTo>
                      <a:pt x="1384" y="2884"/>
                    </a:lnTo>
                    <a:lnTo>
                      <a:pt x="1406" y="2920"/>
                    </a:lnTo>
                    <a:lnTo>
                      <a:pt x="1427" y="2953"/>
                    </a:lnTo>
                    <a:lnTo>
                      <a:pt x="1448" y="2979"/>
                    </a:lnTo>
                    <a:lnTo>
                      <a:pt x="1466" y="2998"/>
                    </a:lnTo>
                    <a:lnTo>
                      <a:pt x="1484" y="3013"/>
                    </a:lnTo>
                    <a:lnTo>
                      <a:pt x="1500" y="3021"/>
                    </a:lnTo>
                    <a:lnTo>
                      <a:pt x="1513" y="3024"/>
                    </a:lnTo>
                    <a:lnTo>
                      <a:pt x="1528" y="3021"/>
                    </a:lnTo>
                    <a:lnTo>
                      <a:pt x="1543" y="3013"/>
                    </a:lnTo>
                    <a:lnTo>
                      <a:pt x="1561" y="2998"/>
                    </a:lnTo>
                    <a:lnTo>
                      <a:pt x="1581" y="2977"/>
                    </a:lnTo>
                    <a:lnTo>
                      <a:pt x="1600" y="2952"/>
                    </a:lnTo>
                    <a:lnTo>
                      <a:pt x="1622" y="2919"/>
                    </a:lnTo>
                    <a:lnTo>
                      <a:pt x="1644" y="2882"/>
                    </a:lnTo>
                    <a:lnTo>
                      <a:pt x="1666" y="2839"/>
                    </a:lnTo>
                    <a:lnTo>
                      <a:pt x="1689" y="2791"/>
                    </a:lnTo>
                    <a:lnTo>
                      <a:pt x="1712" y="2735"/>
                    </a:lnTo>
                    <a:lnTo>
                      <a:pt x="1733" y="2675"/>
                    </a:lnTo>
                    <a:lnTo>
                      <a:pt x="1755" y="2610"/>
                    </a:lnTo>
                    <a:lnTo>
                      <a:pt x="1776" y="2539"/>
                    </a:lnTo>
                    <a:lnTo>
                      <a:pt x="1796" y="2462"/>
                    </a:lnTo>
                    <a:lnTo>
                      <a:pt x="1814" y="2380"/>
                    </a:lnTo>
                    <a:lnTo>
                      <a:pt x="1717" y="2341"/>
                    </a:lnTo>
                    <a:lnTo>
                      <a:pt x="1618" y="2298"/>
                    </a:lnTo>
                    <a:lnTo>
                      <a:pt x="1517" y="2251"/>
                    </a:lnTo>
                    <a:close/>
                    <a:moveTo>
                      <a:pt x="1163" y="2066"/>
                    </a:moveTo>
                    <a:lnTo>
                      <a:pt x="1169" y="2119"/>
                    </a:lnTo>
                    <a:lnTo>
                      <a:pt x="1176" y="2171"/>
                    </a:lnTo>
                    <a:lnTo>
                      <a:pt x="1225" y="2150"/>
                    </a:lnTo>
                    <a:lnTo>
                      <a:pt x="1275" y="2129"/>
                    </a:lnTo>
                    <a:lnTo>
                      <a:pt x="1205" y="2090"/>
                    </a:lnTo>
                    <a:lnTo>
                      <a:pt x="1163" y="2066"/>
                    </a:lnTo>
                    <a:close/>
                    <a:moveTo>
                      <a:pt x="1864" y="2065"/>
                    </a:moveTo>
                    <a:lnTo>
                      <a:pt x="1828" y="2086"/>
                    </a:lnTo>
                    <a:lnTo>
                      <a:pt x="1760" y="2125"/>
                    </a:lnTo>
                    <a:lnTo>
                      <a:pt x="1853" y="2163"/>
                    </a:lnTo>
                    <a:lnTo>
                      <a:pt x="1858" y="2115"/>
                    </a:lnTo>
                    <a:lnTo>
                      <a:pt x="1864" y="2065"/>
                    </a:lnTo>
                    <a:close/>
                    <a:moveTo>
                      <a:pt x="695" y="1762"/>
                    </a:moveTo>
                    <a:lnTo>
                      <a:pt x="630" y="1818"/>
                    </a:lnTo>
                    <a:lnTo>
                      <a:pt x="571" y="1872"/>
                    </a:lnTo>
                    <a:lnTo>
                      <a:pt x="515" y="1924"/>
                    </a:lnTo>
                    <a:lnTo>
                      <a:pt x="466" y="1975"/>
                    </a:lnTo>
                    <a:lnTo>
                      <a:pt x="421" y="2023"/>
                    </a:lnTo>
                    <a:lnTo>
                      <a:pt x="381" y="2069"/>
                    </a:lnTo>
                    <a:lnTo>
                      <a:pt x="346" y="2112"/>
                    </a:lnTo>
                    <a:lnTo>
                      <a:pt x="316" y="2153"/>
                    </a:lnTo>
                    <a:lnTo>
                      <a:pt x="290" y="2191"/>
                    </a:lnTo>
                    <a:lnTo>
                      <a:pt x="268" y="2226"/>
                    </a:lnTo>
                    <a:lnTo>
                      <a:pt x="250" y="2258"/>
                    </a:lnTo>
                    <a:lnTo>
                      <a:pt x="238" y="2287"/>
                    </a:lnTo>
                    <a:lnTo>
                      <a:pt x="229" y="2312"/>
                    </a:lnTo>
                    <a:lnTo>
                      <a:pt x="224" y="2332"/>
                    </a:lnTo>
                    <a:lnTo>
                      <a:pt x="223" y="2349"/>
                    </a:lnTo>
                    <a:lnTo>
                      <a:pt x="229" y="2352"/>
                    </a:lnTo>
                    <a:lnTo>
                      <a:pt x="237" y="2355"/>
                    </a:lnTo>
                    <a:lnTo>
                      <a:pt x="249" y="2359"/>
                    </a:lnTo>
                    <a:lnTo>
                      <a:pt x="265" y="2364"/>
                    </a:lnTo>
                    <a:lnTo>
                      <a:pt x="285" y="2368"/>
                    </a:lnTo>
                    <a:lnTo>
                      <a:pt x="310" y="2371"/>
                    </a:lnTo>
                    <a:lnTo>
                      <a:pt x="340" y="2374"/>
                    </a:lnTo>
                    <a:lnTo>
                      <a:pt x="375" y="2374"/>
                    </a:lnTo>
                    <a:lnTo>
                      <a:pt x="429" y="2373"/>
                    </a:lnTo>
                    <a:lnTo>
                      <a:pt x="487" y="2368"/>
                    </a:lnTo>
                    <a:lnTo>
                      <a:pt x="548" y="2359"/>
                    </a:lnTo>
                    <a:lnTo>
                      <a:pt x="612" y="2349"/>
                    </a:lnTo>
                    <a:lnTo>
                      <a:pt x="680" y="2334"/>
                    </a:lnTo>
                    <a:lnTo>
                      <a:pt x="749" y="2317"/>
                    </a:lnTo>
                    <a:lnTo>
                      <a:pt x="821" y="2297"/>
                    </a:lnTo>
                    <a:lnTo>
                      <a:pt x="895" y="2274"/>
                    </a:lnTo>
                    <a:lnTo>
                      <a:pt x="971" y="2249"/>
                    </a:lnTo>
                    <a:lnTo>
                      <a:pt x="956" y="2145"/>
                    </a:lnTo>
                    <a:lnTo>
                      <a:pt x="945" y="2038"/>
                    </a:lnTo>
                    <a:lnTo>
                      <a:pt x="935" y="1928"/>
                    </a:lnTo>
                    <a:lnTo>
                      <a:pt x="852" y="1873"/>
                    </a:lnTo>
                    <a:lnTo>
                      <a:pt x="772" y="1818"/>
                    </a:lnTo>
                    <a:lnTo>
                      <a:pt x="695" y="1762"/>
                    </a:lnTo>
                    <a:close/>
                    <a:moveTo>
                      <a:pt x="2335" y="1751"/>
                    </a:moveTo>
                    <a:lnTo>
                      <a:pt x="2257" y="1809"/>
                    </a:lnTo>
                    <a:lnTo>
                      <a:pt x="2176" y="1866"/>
                    </a:lnTo>
                    <a:lnTo>
                      <a:pt x="2092" y="1923"/>
                    </a:lnTo>
                    <a:lnTo>
                      <a:pt x="2084" y="2031"/>
                    </a:lnTo>
                    <a:lnTo>
                      <a:pt x="2071" y="2136"/>
                    </a:lnTo>
                    <a:lnTo>
                      <a:pt x="2058" y="2239"/>
                    </a:lnTo>
                    <a:lnTo>
                      <a:pt x="2133" y="2263"/>
                    </a:lnTo>
                    <a:lnTo>
                      <a:pt x="2207" y="2285"/>
                    </a:lnTo>
                    <a:lnTo>
                      <a:pt x="2279" y="2304"/>
                    </a:lnTo>
                    <a:lnTo>
                      <a:pt x="2348" y="2321"/>
                    </a:lnTo>
                    <a:lnTo>
                      <a:pt x="2415" y="2334"/>
                    </a:lnTo>
                    <a:lnTo>
                      <a:pt x="2479" y="2345"/>
                    </a:lnTo>
                    <a:lnTo>
                      <a:pt x="2540" y="2353"/>
                    </a:lnTo>
                    <a:lnTo>
                      <a:pt x="2597" y="2357"/>
                    </a:lnTo>
                    <a:lnTo>
                      <a:pt x="2652" y="2359"/>
                    </a:lnTo>
                    <a:lnTo>
                      <a:pt x="2688" y="2358"/>
                    </a:lnTo>
                    <a:lnTo>
                      <a:pt x="2720" y="2356"/>
                    </a:lnTo>
                    <a:lnTo>
                      <a:pt x="2746" y="2352"/>
                    </a:lnTo>
                    <a:lnTo>
                      <a:pt x="2766" y="2349"/>
                    </a:lnTo>
                    <a:lnTo>
                      <a:pt x="2784" y="2344"/>
                    </a:lnTo>
                    <a:lnTo>
                      <a:pt x="2798" y="2340"/>
                    </a:lnTo>
                    <a:lnTo>
                      <a:pt x="2807" y="2336"/>
                    </a:lnTo>
                    <a:lnTo>
                      <a:pt x="2813" y="2332"/>
                    </a:lnTo>
                    <a:lnTo>
                      <a:pt x="2812" y="2315"/>
                    </a:lnTo>
                    <a:lnTo>
                      <a:pt x="2807" y="2294"/>
                    </a:lnTo>
                    <a:lnTo>
                      <a:pt x="2798" y="2269"/>
                    </a:lnTo>
                    <a:lnTo>
                      <a:pt x="2784" y="2241"/>
                    </a:lnTo>
                    <a:lnTo>
                      <a:pt x="2766" y="2209"/>
                    </a:lnTo>
                    <a:lnTo>
                      <a:pt x="2745" y="2175"/>
                    </a:lnTo>
                    <a:lnTo>
                      <a:pt x="2718" y="2137"/>
                    </a:lnTo>
                    <a:lnTo>
                      <a:pt x="2686" y="2097"/>
                    </a:lnTo>
                    <a:lnTo>
                      <a:pt x="2651" y="2053"/>
                    </a:lnTo>
                    <a:lnTo>
                      <a:pt x="2610" y="2008"/>
                    </a:lnTo>
                    <a:lnTo>
                      <a:pt x="2566" y="1961"/>
                    </a:lnTo>
                    <a:lnTo>
                      <a:pt x="2516" y="1911"/>
                    </a:lnTo>
                    <a:lnTo>
                      <a:pt x="2461" y="1859"/>
                    </a:lnTo>
                    <a:lnTo>
                      <a:pt x="2401" y="1806"/>
                    </a:lnTo>
                    <a:lnTo>
                      <a:pt x="2335" y="1751"/>
                    </a:lnTo>
                    <a:close/>
                    <a:moveTo>
                      <a:pt x="925" y="1586"/>
                    </a:moveTo>
                    <a:lnTo>
                      <a:pt x="871" y="1625"/>
                    </a:lnTo>
                    <a:lnTo>
                      <a:pt x="925" y="1663"/>
                    </a:lnTo>
                    <a:lnTo>
                      <a:pt x="925" y="1620"/>
                    </a:lnTo>
                    <a:lnTo>
                      <a:pt x="925" y="1586"/>
                    </a:lnTo>
                    <a:close/>
                    <a:moveTo>
                      <a:pt x="2102" y="1576"/>
                    </a:moveTo>
                    <a:lnTo>
                      <a:pt x="2102" y="1658"/>
                    </a:lnTo>
                    <a:lnTo>
                      <a:pt x="2159" y="1617"/>
                    </a:lnTo>
                    <a:lnTo>
                      <a:pt x="2102" y="1576"/>
                    </a:lnTo>
                    <a:close/>
                    <a:moveTo>
                      <a:pt x="1514" y="1229"/>
                    </a:moveTo>
                    <a:lnTo>
                      <a:pt x="1410" y="1284"/>
                    </a:lnTo>
                    <a:lnTo>
                      <a:pt x="1306" y="1342"/>
                    </a:lnTo>
                    <a:lnTo>
                      <a:pt x="1223" y="1391"/>
                    </a:lnTo>
                    <a:lnTo>
                      <a:pt x="1143" y="1440"/>
                    </a:lnTo>
                    <a:lnTo>
                      <a:pt x="1141" y="1528"/>
                    </a:lnTo>
                    <a:lnTo>
                      <a:pt x="1140" y="1620"/>
                    </a:lnTo>
                    <a:lnTo>
                      <a:pt x="1141" y="1714"/>
                    </a:lnTo>
                    <a:lnTo>
                      <a:pt x="1143" y="1806"/>
                    </a:lnTo>
                    <a:lnTo>
                      <a:pt x="1225" y="1855"/>
                    </a:lnTo>
                    <a:lnTo>
                      <a:pt x="1310" y="1903"/>
                    </a:lnTo>
                    <a:lnTo>
                      <a:pt x="1413" y="1959"/>
                    </a:lnTo>
                    <a:lnTo>
                      <a:pt x="1517" y="2012"/>
                    </a:lnTo>
                    <a:lnTo>
                      <a:pt x="1619" y="1958"/>
                    </a:lnTo>
                    <a:lnTo>
                      <a:pt x="1721" y="1901"/>
                    </a:lnTo>
                    <a:lnTo>
                      <a:pt x="1804" y="1852"/>
                    </a:lnTo>
                    <a:lnTo>
                      <a:pt x="1884" y="1804"/>
                    </a:lnTo>
                    <a:lnTo>
                      <a:pt x="1886" y="1713"/>
                    </a:lnTo>
                    <a:lnTo>
                      <a:pt x="1887" y="1620"/>
                    </a:lnTo>
                    <a:lnTo>
                      <a:pt x="1886" y="1525"/>
                    </a:lnTo>
                    <a:lnTo>
                      <a:pt x="1884" y="1435"/>
                    </a:lnTo>
                    <a:lnTo>
                      <a:pt x="1802" y="1386"/>
                    </a:lnTo>
                    <a:lnTo>
                      <a:pt x="1717" y="1337"/>
                    </a:lnTo>
                    <a:lnTo>
                      <a:pt x="1616" y="1282"/>
                    </a:lnTo>
                    <a:lnTo>
                      <a:pt x="1514" y="1229"/>
                    </a:lnTo>
                    <a:close/>
                    <a:moveTo>
                      <a:pt x="1174" y="1077"/>
                    </a:moveTo>
                    <a:lnTo>
                      <a:pt x="1163" y="1174"/>
                    </a:lnTo>
                    <a:lnTo>
                      <a:pt x="1199" y="1153"/>
                    </a:lnTo>
                    <a:lnTo>
                      <a:pt x="1234" y="1134"/>
                    </a:lnTo>
                    <a:lnTo>
                      <a:pt x="1267" y="1115"/>
                    </a:lnTo>
                    <a:lnTo>
                      <a:pt x="1174" y="1077"/>
                    </a:lnTo>
                    <a:close/>
                    <a:moveTo>
                      <a:pt x="1852" y="1073"/>
                    </a:moveTo>
                    <a:lnTo>
                      <a:pt x="1757" y="1114"/>
                    </a:lnTo>
                    <a:lnTo>
                      <a:pt x="1822" y="1149"/>
                    </a:lnTo>
                    <a:lnTo>
                      <a:pt x="1844" y="1161"/>
                    </a:lnTo>
                    <a:lnTo>
                      <a:pt x="1864" y="1173"/>
                    </a:lnTo>
                    <a:lnTo>
                      <a:pt x="1858" y="1122"/>
                    </a:lnTo>
                    <a:lnTo>
                      <a:pt x="1852" y="1073"/>
                    </a:lnTo>
                    <a:close/>
                    <a:moveTo>
                      <a:pt x="375" y="880"/>
                    </a:moveTo>
                    <a:lnTo>
                      <a:pt x="339" y="881"/>
                    </a:lnTo>
                    <a:lnTo>
                      <a:pt x="308" y="883"/>
                    </a:lnTo>
                    <a:lnTo>
                      <a:pt x="282" y="887"/>
                    </a:lnTo>
                    <a:lnTo>
                      <a:pt x="260" y="892"/>
                    </a:lnTo>
                    <a:lnTo>
                      <a:pt x="243" y="896"/>
                    </a:lnTo>
                    <a:lnTo>
                      <a:pt x="230" y="900"/>
                    </a:lnTo>
                    <a:lnTo>
                      <a:pt x="220" y="904"/>
                    </a:lnTo>
                    <a:lnTo>
                      <a:pt x="214" y="907"/>
                    </a:lnTo>
                    <a:lnTo>
                      <a:pt x="215" y="925"/>
                    </a:lnTo>
                    <a:lnTo>
                      <a:pt x="220" y="946"/>
                    </a:lnTo>
                    <a:lnTo>
                      <a:pt x="230" y="971"/>
                    </a:lnTo>
                    <a:lnTo>
                      <a:pt x="243" y="999"/>
                    </a:lnTo>
                    <a:lnTo>
                      <a:pt x="261" y="1031"/>
                    </a:lnTo>
                    <a:lnTo>
                      <a:pt x="283" y="1065"/>
                    </a:lnTo>
                    <a:lnTo>
                      <a:pt x="310" y="1104"/>
                    </a:lnTo>
                    <a:lnTo>
                      <a:pt x="340" y="1143"/>
                    </a:lnTo>
                    <a:lnTo>
                      <a:pt x="376" y="1187"/>
                    </a:lnTo>
                    <a:lnTo>
                      <a:pt x="416" y="1232"/>
                    </a:lnTo>
                    <a:lnTo>
                      <a:pt x="461" y="1280"/>
                    </a:lnTo>
                    <a:lnTo>
                      <a:pt x="511" y="1329"/>
                    </a:lnTo>
                    <a:lnTo>
                      <a:pt x="566" y="1381"/>
                    </a:lnTo>
                    <a:lnTo>
                      <a:pt x="627" y="1434"/>
                    </a:lnTo>
                    <a:lnTo>
                      <a:pt x="692" y="1489"/>
                    </a:lnTo>
                    <a:lnTo>
                      <a:pt x="770" y="1431"/>
                    </a:lnTo>
                    <a:lnTo>
                      <a:pt x="851" y="1374"/>
                    </a:lnTo>
                    <a:lnTo>
                      <a:pt x="935" y="1316"/>
                    </a:lnTo>
                    <a:lnTo>
                      <a:pt x="944" y="1208"/>
                    </a:lnTo>
                    <a:lnTo>
                      <a:pt x="955" y="1104"/>
                    </a:lnTo>
                    <a:lnTo>
                      <a:pt x="970" y="1001"/>
                    </a:lnTo>
                    <a:lnTo>
                      <a:pt x="894" y="977"/>
                    </a:lnTo>
                    <a:lnTo>
                      <a:pt x="820" y="955"/>
                    </a:lnTo>
                    <a:lnTo>
                      <a:pt x="748" y="935"/>
                    </a:lnTo>
                    <a:lnTo>
                      <a:pt x="680" y="919"/>
                    </a:lnTo>
                    <a:lnTo>
                      <a:pt x="612" y="905"/>
                    </a:lnTo>
                    <a:lnTo>
                      <a:pt x="549" y="895"/>
                    </a:lnTo>
                    <a:lnTo>
                      <a:pt x="487" y="886"/>
                    </a:lnTo>
                    <a:lnTo>
                      <a:pt x="429" y="882"/>
                    </a:lnTo>
                    <a:lnTo>
                      <a:pt x="375" y="880"/>
                    </a:lnTo>
                    <a:close/>
                    <a:moveTo>
                      <a:pt x="2653" y="872"/>
                    </a:moveTo>
                    <a:lnTo>
                      <a:pt x="2598" y="873"/>
                    </a:lnTo>
                    <a:lnTo>
                      <a:pt x="2541" y="878"/>
                    </a:lnTo>
                    <a:lnTo>
                      <a:pt x="2480" y="886"/>
                    </a:lnTo>
                    <a:lnTo>
                      <a:pt x="2415" y="897"/>
                    </a:lnTo>
                    <a:lnTo>
                      <a:pt x="2349" y="911"/>
                    </a:lnTo>
                    <a:lnTo>
                      <a:pt x="2279" y="928"/>
                    </a:lnTo>
                    <a:lnTo>
                      <a:pt x="2206" y="948"/>
                    </a:lnTo>
                    <a:lnTo>
                      <a:pt x="2132" y="971"/>
                    </a:lnTo>
                    <a:lnTo>
                      <a:pt x="2057" y="995"/>
                    </a:lnTo>
                    <a:lnTo>
                      <a:pt x="2071" y="1098"/>
                    </a:lnTo>
                    <a:lnTo>
                      <a:pt x="2083" y="1203"/>
                    </a:lnTo>
                    <a:lnTo>
                      <a:pt x="2092" y="1311"/>
                    </a:lnTo>
                    <a:lnTo>
                      <a:pt x="2175" y="1367"/>
                    </a:lnTo>
                    <a:lnTo>
                      <a:pt x="2256" y="1422"/>
                    </a:lnTo>
                    <a:lnTo>
                      <a:pt x="2334" y="1480"/>
                    </a:lnTo>
                    <a:lnTo>
                      <a:pt x="2400" y="1423"/>
                    </a:lnTo>
                    <a:lnTo>
                      <a:pt x="2459" y="1369"/>
                    </a:lnTo>
                    <a:lnTo>
                      <a:pt x="2513" y="1318"/>
                    </a:lnTo>
                    <a:lnTo>
                      <a:pt x="2563" y="1267"/>
                    </a:lnTo>
                    <a:lnTo>
                      <a:pt x="2607" y="1219"/>
                    </a:lnTo>
                    <a:lnTo>
                      <a:pt x="2647" y="1173"/>
                    </a:lnTo>
                    <a:lnTo>
                      <a:pt x="2681" y="1129"/>
                    </a:lnTo>
                    <a:lnTo>
                      <a:pt x="2712" y="1089"/>
                    </a:lnTo>
                    <a:lnTo>
                      <a:pt x="2737" y="1052"/>
                    </a:lnTo>
                    <a:lnTo>
                      <a:pt x="2759" y="1016"/>
                    </a:lnTo>
                    <a:lnTo>
                      <a:pt x="2777" y="985"/>
                    </a:lnTo>
                    <a:lnTo>
                      <a:pt x="2789" y="956"/>
                    </a:lnTo>
                    <a:lnTo>
                      <a:pt x="2799" y="931"/>
                    </a:lnTo>
                    <a:lnTo>
                      <a:pt x="2803" y="910"/>
                    </a:lnTo>
                    <a:lnTo>
                      <a:pt x="2804" y="893"/>
                    </a:lnTo>
                    <a:lnTo>
                      <a:pt x="2799" y="891"/>
                    </a:lnTo>
                    <a:lnTo>
                      <a:pt x="2790" y="887"/>
                    </a:lnTo>
                    <a:lnTo>
                      <a:pt x="2778" y="884"/>
                    </a:lnTo>
                    <a:lnTo>
                      <a:pt x="2762" y="880"/>
                    </a:lnTo>
                    <a:lnTo>
                      <a:pt x="2742" y="877"/>
                    </a:lnTo>
                    <a:lnTo>
                      <a:pt x="2718" y="874"/>
                    </a:lnTo>
                    <a:lnTo>
                      <a:pt x="2687" y="872"/>
                    </a:lnTo>
                    <a:lnTo>
                      <a:pt x="2653" y="872"/>
                    </a:lnTo>
                    <a:close/>
                    <a:moveTo>
                      <a:pt x="1513" y="215"/>
                    </a:moveTo>
                    <a:lnTo>
                      <a:pt x="1500" y="218"/>
                    </a:lnTo>
                    <a:lnTo>
                      <a:pt x="1484" y="227"/>
                    </a:lnTo>
                    <a:lnTo>
                      <a:pt x="1466" y="241"/>
                    </a:lnTo>
                    <a:lnTo>
                      <a:pt x="1447" y="262"/>
                    </a:lnTo>
                    <a:lnTo>
                      <a:pt x="1427" y="288"/>
                    </a:lnTo>
                    <a:lnTo>
                      <a:pt x="1405" y="320"/>
                    </a:lnTo>
                    <a:lnTo>
                      <a:pt x="1383" y="358"/>
                    </a:lnTo>
                    <a:lnTo>
                      <a:pt x="1361" y="401"/>
                    </a:lnTo>
                    <a:lnTo>
                      <a:pt x="1339" y="450"/>
                    </a:lnTo>
                    <a:lnTo>
                      <a:pt x="1316" y="504"/>
                    </a:lnTo>
                    <a:lnTo>
                      <a:pt x="1294" y="564"/>
                    </a:lnTo>
                    <a:lnTo>
                      <a:pt x="1272" y="630"/>
                    </a:lnTo>
                    <a:lnTo>
                      <a:pt x="1251" y="702"/>
                    </a:lnTo>
                    <a:lnTo>
                      <a:pt x="1231" y="778"/>
                    </a:lnTo>
                    <a:lnTo>
                      <a:pt x="1213" y="860"/>
                    </a:lnTo>
                    <a:lnTo>
                      <a:pt x="1310" y="899"/>
                    </a:lnTo>
                    <a:lnTo>
                      <a:pt x="1409" y="943"/>
                    </a:lnTo>
                    <a:lnTo>
                      <a:pt x="1510" y="988"/>
                    </a:lnTo>
                    <a:lnTo>
                      <a:pt x="1612" y="939"/>
                    </a:lnTo>
                    <a:lnTo>
                      <a:pt x="1714" y="895"/>
                    </a:lnTo>
                    <a:lnTo>
                      <a:pt x="1813" y="853"/>
                    </a:lnTo>
                    <a:lnTo>
                      <a:pt x="1795" y="771"/>
                    </a:lnTo>
                    <a:lnTo>
                      <a:pt x="1775" y="695"/>
                    </a:lnTo>
                    <a:lnTo>
                      <a:pt x="1754" y="626"/>
                    </a:lnTo>
                    <a:lnTo>
                      <a:pt x="1732" y="560"/>
                    </a:lnTo>
                    <a:lnTo>
                      <a:pt x="1711" y="501"/>
                    </a:lnTo>
                    <a:lnTo>
                      <a:pt x="1688" y="447"/>
                    </a:lnTo>
                    <a:lnTo>
                      <a:pt x="1665" y="399"/>
                    </a:lnTo>
                    <a:lnTo>
                      <a:pt x="1643" y="356"/>
                    </a:lnTo>
                    <a:lnTo>
                      <a:pt x="1621" y="319"/>
                    </a:lnTo>
                    <a:lnTo>
                      <a:pt x="1600" y="287"/>
                    </a:lnTo>
                    <a:lnTo>
                      <a:pt x="1580" y="262"/>
                    </a:lnTo>
                    <a:lnTo>
                      <a:pt x="1561" y="241"/>
                    </a:lnTo>
                    <a:lnTo>
                      <a:pt x="1543" y="227"/>
                    </a:lnTo>
                    <a:lnTo>
                      <a:pt x="1528" y="218"/>
                    </a:lnTo>
                    <a:lnTo>
                      <a:pt x="1513" y="215"/>
                    </a:lnTo>
                    <a:close/>
                    <a:moveTo>
                      <a:pt x="1513" y="0"/>
                    </a:moveTo>
                    <a:lnTo>
                      <a:pt x="1554" y="4"/>
                    </a:lnTo>
                    <a:lnTo>
                      <a:pt x="1592" y="15"/>
                    </a:lnTo>
                    <a:lnTo>
                      <a:pt x="1631" y="33"/>
                    </a:lnTo>
                    <a:lnTo>
                      <a:pt x="1667" y="56"/>
                    </a:lnTo>
                    <a:lnTo>
                      <a:pt x="1703" y="88"/>
                    </a:lnTo>
                    <a:lnTo>
                      <a:pt x="1739" y="124"/>
                    </a:lnTo>
                    <a:lnTo>
                      <a:pt x="1773" y="167"/>
                    </a:lnTo>
                    <a:lnTo>
                      <a:pt x="1806" y="214"/>
                    </a:lnTo>
                    <a:lnTo>
                      <a:pt x="1837" y="268"/>
                    </a:lnTo>
                    <a:lnTo>
                      <a:pt x="1867" y="328"/>
                    </a:lnTo>
                    <a:lnTo>
                      <a:pt x="1897" y="391"/>
                    </a:lnTo>
                    <a:lnTo>
                      <a:pt x="1924" y="461"/>
                    </a:lnTo>
                    <a:lnTo>
                      <a:pt x="1950" y="533"/>
                    </a:lnTo>
                    <a:lnTo>
                      <a:pt x="1973" y="611"/>
                    </a:lnTo>
                    <a:lnTo>
                      <a:pt x="1996" y="692"/>
                    </a:lnTo>
                    <a:lnTo>
                      <a:pt x="2016" y="777"/>
                    </a:lnTo>
                    <a:lnTo>
                      <a:pt x="2097" y="751"/>
                    </a:lnTo>
                    <a:lnTo>
                      <a:pt x="2176" y="729"/>
                    </a:lnTo>
                    <a:lnTo>
                      <a:pt x="2252" y="709"/>
                    </a:lnTo>
                    <a:lnTo>
                      <a:pt x="2327" y="691"/>
                    </a:lnTo>
                    <a:lnTo>
                      <a:pt x="2397" y="677"/>
                    </a:lnTo>
                    <a:lnTo>
                      <a:pt x="2466" y="666"/>
                    </a:lnTo>
                    <a:lnTo>
                      <a:pt x="2532" y="658"/>
                    </a:lnTo>
                    <a:lnTo>
                      <a:pt x="2594" y="653"/>
                    </a:lnTo>
                    <a:lnTo>
                      <a:pt x="2653" y="652"/>
                    </a:lnTo>
                    <a:lnTo>
                      <a:pt x="2704" y="653"/>
                    </a:lnTo>
                    <a:lnTo>
                      <a:pt x="2753" y="657"/>
                    </a:lnTo>
                    <a:lnTo>
                      <a:pt x="2798" y="664"/>
                    </a:lnTo>
                    <a:lnTo>
                      <a:pt x="2839" y="675"/>
                    </a:lnTo>
                    <a:lnTo>
                      <a:pt x="2877" y="688"/>
                    </a:lnTo>
                    <a:lnTo>
                      <a:pt x="2910" y="705"/>
                    </a:lnTo>
                    <a:lnTo>
                      <a:pt x="2940" y="723"/>
                    </a:lnTo>
                    <a:lnTo>
                      <a:pt x="2965" y="746"/>
                    </a:lnTo>
                    <a:lnTo>
                      <a:pt x="2986" y="771"/>
                    </a:lnTo>
                    <a:lnTo>
                      <a:pt x="3001" y="800"/>
                    </a:lnTo>
                    <a:lnTo>
                      <a:pt x="3012" y="831"/>
                    </a:lnTo>
                    <a:lnTo>
                      <a:pt x="3018" y="866"/>
                    </a:lnTo>
                    <a:lnTo>
                      <a:pt x="3018" y="901"/>
                    </a:lnTo>
                    <a:lnTo>
                      <a:pt x="3014" y="939"/>
                    </a:lnTo>
                    <a:lnTo>
                      <a:pt x="3005" y="979"/>
                    </a:lnTo>
                    <a:lnTo>
                      <a:pt x="2992" y="1020"/>
                    </a:lnTo>
                    <a:lnTo>
                      <a:pt x="2973" y="1063"/>
                    </a:lnTo>
                    <a:lnTo>
                      <a:pt x="2950" y="1108"/>
                    </a:lnTo>
                    <a:lnTo>
                      <a:pt x="2924" y="1154"/>
                    </a:lnTo>
                    <a:lnTo>
                      <a:pt x="2893" y="1202"/>
                    </a:lnTo>
                    <a:lnTo>
                      <a:pt x="2858" y="1250"/>
                    </a:lnTo>
                    <a:lnTo>
                      <a:pt x="2818" y="1300"/>
                    </a:lnTo>
                    <a:lnTo>
                      <a:pt x="2776" y="1351"/>
                    </a:lnTo>
                    <a:lnTo>
                      <a:pt x="2728" y="1403"/>
                    </a:lnTo>
                    <a:lnTo>
                      <a:pt x="2678" y="1455"/>
                    </a:lnTo>
                    <a:lnTo>
                      <a:pt x="2624" y="1507"/>
                    </a:lnTo>
                    <a:lnTo>
                      <a:pt x="2566" y="1561"/>
                    </a:lnTo>
                    <a:lnTo>
                      <a:pt x="2506" y="1614"/>
                    </a:lnTo>
                    <a:lnTo>
                      <a:pt x="2567" y="1667"/>
                    </a:lnTo>
                    <a:lnTo>
                      <a:pt x="2625" y="1718"/>
                    </a:lnTo>
                    <a:lnTo>
                      <a:pt x="2680" y="1770"/>
                    </a:lnTo>
                    <a:lnTo>
                      <a:pt x="2731" y="1822"/>
                    </a:lnTo>
                    <a:lnTo>
                      <a:pt x="2779" y="1873"/>
                    </a:lnTo>
                    <a:lnTo>
                      <a:pt x="2822" y="1923"/>
                    </a:lnTo>
                    <a:lnTo>
                      <a:pt x="2862" y="1972"/>
                    </a:lnTo>
                    <a:lnTo>
                      <a:pt x="2898" y="2021"/>
                    </a:lnTo>
                    <a:lnTo>
                      <a:pt x="2930" y="2068"/>
                    </a:lnTo>
                    <a:lnTo>
                      <a:pt x="2958" y="2113"/>
                    </a:lnTo>
                    <a:lnTo>
                      <a:pt x="2980" y="2158"/>
                    </a:lnTo>
                    <a:lnTo>
                      <a:pt x="2999" y="2200"/>
                    </a:lnTo>
                    <a:lnTo>
                      <a:pt x="3013" y="2242"/>
                    </a:lnTo>
                    <a:lnTo>
                      <a:pt x="3022" y="2282"/>
                    </a:lnTo>
                    <a:lnTo>
                      <a:pt x="3027" y="2320"/>
                    </a:lnTo>
                    <a:lnTo>
                      <a:pt x="3027" y="2355"/>
                    </a:lnTo>
                    <a:lnTo>
                      <a:pt x="3022" y="2390"/>
                    </a:lnTo>
                    <a:lnTo>
                      <a:pt x="3012" y="2421"/>
                    </a:lnTo>
                    <a:lnTo>
                      <a:pt x="2996" y="2450"/>
                    </a:lnTo>
                    <a:lnTo>
                      <a:pt x="2974" y="2476"/>
                    </a:lnTo>
                    <a:lnTo>
                      <a:pt x="2949" y="2500"/>
                    </a:lnTo>
                    <a:lnTo>
                      <a:pt x="2919" y="2519"/>
                    </a:lnTo>
                    <a:lnTo>
                      <a:pt x="2884" y="2536"/>
                    </a:lnTo>
                    <a:lnTo>
                      <a:pt x="2845" y="2550"/>
                    </a:lnTo>
                    <a:lnTo>
                      <a:pt x="2803" y="2560"/>
                    </a:lnTo>
                    <a:lnTo>
                      <a:pt x="2756" y="2568"/>
                    </a:lnTo>
                    <a:lnTo>
                      <a:pt x="2705" y="2572"/>
                    </a:lnTo>
                    <a:lnTo>
                      <a:pt x="2651" y="2573"/>
                    </a:lnTo>
                    <a:lnTo>
                      <a:pt x="2593" y="2572"/>
                    </a:lnTo>
                    <a:lnTo>
                      <a:pt x="2530" y="2567"/>
                    </a:lnTo>
                    <a:lnTo>
                      <a:pt x="2465" y="2560"/>
                    </a:lnTo>
                    <a:lnTo>
                      <a:pt x="2397" y="2550"/>
                    </a:lnTo>
                    <a:lnTo>
                      <a:pt x="2326" y="2536"/>
                    </a:lnTo>
                    <a:lnTo>
                      <a:pt x="2253" y="2519"/>
                    </a:lnTo>
                    <a:lnTo>
                      <a:pt x="2177" y="2500"/>
                    </a:lnTo>
                    <a:lnTo>
                      <a:pt x="2099" y="2478"/>
                    </a:lnTo>
                    <a:lnTo>
                      <a:pt x="2018" y="2453"/>
                    </a:lnTo>
                    <a:lnTo>
                      <a:pt x="1998" y="2539"/>
                    </a:lnTo>
                    <a:lnTo>
                      <a:pt x="1977" y="2622"/>
                    </a:lnTo>
                    <a:lnTo>
                      <a:pt x="1952" y="2700"/>
                    </a:lnTo>
                    <a:lnTo>
                      <a:pt x="1927" y="2774"/>
                    </a:lnTo>
                    <a:lnTo>
                      <a:pt x="1899" y="2843"/>
                    </a:lnTo>
                    <a:lnTo>
                      <a:pt x="1870" y="2909"/>
                    </a:lnTo>
                    <a:lnTo>
                      <a:pt x="1839" y="2968"/>
                    </a:lnTo>
                    <a:lnTo>
                      <a:pt x="1808" y="3022"/>
                    </a:lnTo>
                    <a:lnTo>
                      <a:pt x="1775" y="3071"/>
                    </a:lnTo>
                    <a:lnTo>
                      <a:pt x="1741" y="3115"/>
                    </a:lnTo>
                    <a:lnTo>
                      <a:pt x="1705" y="3151"/>
                    </a:lnTo>
                    <a:lnTo>
                      <a:pt x="1668" y="3182"/>
                    </a:lnTo>
                    <a:lnTo>
                      <a:pt x="1631" y="3207"/>
                    </a:lnTo>
                    <a:lnTo>
                      <a:pt x="1592" y="3225"/>
                    </a:lnTo>
                    <a:lnTo>
                      <a:pt x="1554" y="3235"/>
                    </a:lnTo>
                    <a:lnTo>
                      <a:pt x="1513" y="3239"/>
                    </a:lnTo>
                    <a:lnTo>
                      <a:pt x="1474" y="3235"/>
                    </a:lnTo>
                    <a:lnTo>
                      <a:pt x="1435" y="3225"/>
                    </a:lnTo>
                    <a:lnTo>
                      <a:pt x="1397" y="3207"/>
                    </a:lnTo>
                    <a:lnTo>
                      <a:pt x="1359" y="3183"/>
                    </a:lnTo>
                    <a:lnTo>
                      <a:pt x="1323" y="3152"/>
                    </a:lnTo>
                    <a:lnTo>
                      <a:pt x="1288" y="3116"/>
                    </a:lnTo>
                    <a:lnTo>
                      <a:pt x="1253" y="3073"/>
                    </a:lnTo>
                    <a:lnTo>
                      <a:pt x="1221" y="3025"/>
                    </a:lnTo>
                    <a:lnTo>
                      <a:pt x="1189" y="2971"/>
                    </a:lnTo>
                    <a:lnTo>
                      <a:pt x="1159" y="2912"/>
                    </a:lnTo>
                    <a:lnTo>
                      <a:pt x="1130" y="2849"/>
                    </a:lnTo>
                    <a:lnTo>
                      <a:pt x="1103" y="2780"/>
                    </a:lnTo>
                    <a:lnTo>
                      <a:pt x="1077" y="2706"/>
                    </a:lnTo>
                    <a:lnTo>
                      <a:pt x="1053" y="2629"/>
                    </a:lnTo>
                    <a:lnTo>
                      <a:pt x="1031" y="2547"/>
                    </a:lnTo>
                    <a:lnTo>
                      <a:pt x="1010" y="2462"/>
                    </a:lnTo>
                    <a:lnTo>
                      <a:pt x="930" y="2488"/>
                    </a:lnTo>
                    <a:lnTo>
                      <a:pt x="851" y="2511"/>
                    </a:lnTo>
                    <a:lnTo>
                      <a:pt x="774" y="2532"/>
                    </a:lnTo>
                    <a:lnTo>
                      <a:pt x="700" y="2548"/>
                    </a:lnTo>
                    <a:lnTo>
                      <a:pt x="629" y="2563"/>
                    </a:lnTo>
                    <a:lnTo>
                      <a:pt x="560" y="2573"/>
                    </a:lnTo>
                    <a:lnTo>
                      <a:pt x="496" y="2582"/>
                    </a:lnTo>
                    <a:lnTo>
                      <a:pt x="433" y="2587"/>
                    </a:lnTo>
                    <a:lnTo>
                      <a:pt x="374" y="2588"/>
                    </a:lnTo>
                    <a:lnTo>
                      <a:pt x="322" y="2587"/>
                    </a:lnTo>
                    <a:lnTo>
                      <a:pt x="274" y="2583"/>
                    </a:lnTo>
                    <a:lnTo>
                      <a:pt x="229" y="2575"/>
                    </a:lnTo>
                    <a:lnTo>
                      <a:pt x="188" y="2565"/>
                    </a:lnTo>
                    <a:lnTo>
                      <a:pt x="151" y="2552"/>
                    </a:lnTo>
                    <a:lnTo>
                      <a:pt x="116" y="2536"/>
                    </a:lnTo>
                    <a:lnTo>
                      <a:pt x="87" y="2516"/>
                    </a:lnTo>
                    <a:lnTo>
                      <a:pt x="62" y="2493"/>
                    </a:lnTo>
                    <a:lnTo>
                      <a:pt x="42" y="2468"/>
                    </a:lnTo>
                    <a:lnTo>
                      <a:pt x="26" y="2439"/>
                    </a:lnTo>
                    <a:lnTo>
                      <a:pt x="16" y="2408"/>
                    </a:lnTo>
                    <a:lnTo>
                      <a:pt x="9" y="2374"/>
                    </a:lnTo>
                    <a:lnTo>
                      <a:pt x="8" y="2339"/>
                    </a:lnTo>
                    <a:lnTo>
                      <a:pt x="12" y="2301"/>
                    </a:lnTo>
                    <a:lnTo>
                      <a:pt x="22" y="2261"/>
                    </a:lnTo>
                    <a:lnTo>
                      <a:pt x="35" y="2219"/>
                    </a:lnTo>
                    <a:lnTo>
                      <a:pt x="53" y="2177"/>
                    </a:lnTo>
                    <a:lnTo>
                      <a:pt x="76" y="2132"/>
                    </a:lnTo>
                    <a:lnTo>
                      <a:pt x="103" y="2085"/>
                    </a:lnTo>
                    <a:lnTo>
                      <a:pt x="134" y="2037"/>
                    </a:lnTo>
                    <a:lnTo>
                      <a:pt x="169" y="1990"/>
                    </a:lnTo>
                    <a:lnTo>
                      <a:pt x="208" y="1940"/>
                    </a:lnTo>
                    <a:lnTo>
                      <a:pt x="251" y="1889"/>
                    </a:lnTo>
                    <a:lnTo>
                      <a:pt x="298" y="1837"/>
                    </a:lnTo>
                    <a:lnTo>
                      <a:pt x="349" y="1785"/>
                    </a:lnTo>
                    <a:lnTo>
                      <a:pt x="403" y="1733"/>
                    </a:lnTo>
                    <a:lnTo>
                      <a:pt x="460" y="1679"/>
                    </a:lnTo>
                    <a:lnTo>
                      <a:pt x="522" y="1626"/>
                    </a:lnTo>
                    <a:lnTo>
                      <a:pt x="459" y="1573"/>
                    </a:lnTo>
                    <a:lnTo>
                      <a:pt x="401" y="1521"/>
                    </a:lnTo>
                    <a:lnTo>
                      <a:pt x="347" y="1469"/>
                    </a:lnTo>
                    <a:lnTo>
                      <a:pt x="296" y="1417"/>
                    </a:lnTo>
                    <a:lnTo>
                      <a:pt x="248" y="1366"/>
                    </a:lnTo>
                    <a:lnTo>
                      <a:pt x="205" y="1316"/>
                    </a:lnTo>
                    <a:lnTo>
                      <a:pt x="164" y="1268"/>
                    </a:lnTo>
                    <a:lnTo>
                      <a:pt x="129" y="1219"/>
                    </a:lnTo>
                    <a:lnTo>
                      <a:pt x="98" y="1172"/>
                    </a:lnTo>
                    <a:lnTo>
                      <a:pt x="70" y="1126"/>
                    </a:lnTo>
                    <a:lnTo>
                      <a:pt x="47" y="1082"/>
                    </a:lnTo>
                    <a:lnTo>
                      <a:pt x="28" y="1039"/>
                    </a:lnTo>
                    <a:lnTo>
                      <a:pt x="14" y="998"/>
                    </a:lnTo>
                    <a:lnTo>
                      <a:pt x="4" y="958"/>
                    </a:lnTo>
                    <a:lnTo>
                      <a:pt x="0" y="921"/>
                    </a:lnTo>
                    <a:lnTo>
                      <a:pt x="0" y="884"/>
                    </a:lnTo>
                    <a:lnTo>
                      <a:pt x="5" y="851"/>
                    </a:lnTo>
                    <a:lnTo>
                      <a:pt x="16" y="819"/>
                    </a:lnTo>
                    <a:lnTo>
                      <a:pt x="31" y="790"/>
                    </a:lnTo>
                    <a:lnTo>
                      <a:pt x="52" y="764"/>
                    </a:lnTo>
                    <a:lnTo>
                      <a:pt x="78" y="741"/>
                    </a:lnTo>
                    <a:lnTo>
                      <a:pt x="108" y="720"/>
                    </a:lnTo>
                    <a:lnTo>
                      <a:pt x="142" y="704"/>
                    </a:lnTo>
                    <a:lnTo>
                      <a:pt x="182" y="690"/>
                    </a:lnTo>
                    <a:lnTo>
                      <a:pt x="224" y="680"/>
                    </a:lnTo>
                    <a:lnTo>
                      <a:pt x="271" y="671"/>
                    </a:lnTo>
                    <a:lnTo>
                      <a:pt x="321" y="667"/>
                    </a:lnTo>
                    <a:lnTo>
                      <a:pt x="375" y="666"/>
                    </a:lnTo>
                    <a:lnTo>
                      <a:pt x="434" y="667"/>
                    </a:lnTo>
                    <a:lnTo>
                      <a:pt x="496" y="672"/>
                    </a:lnTo>
                    <a:lnTo>
                      <a:pt x="561" y="680"/>
                    </a:lnTo>
                    <a:lnTo>
                      <a:pt x="630" y="690"/>
                    </a:lnTo>
                    <a:lnTo>
                      <a:pt x="700" y="704"/>
                    </a:lnTo>
                    <a:lnTo>
                      <a:pt x="774" y="720"/>
                    </a:lnTo>
                    <a:lnTo>
                      <a:pt x="850" y="740"/>
                    </a:lnTo>
                    <a:lnTo>
                      <a:pt x="928" y="763"/>
                    </a:lnTo>
                    <a:lnTo>
                      <a:pt x="1008" y="788"/>
                    </a:lnTo>
                    <a:lnTo>
                      <a:pt x="1029" y="700"/>
                    </a:lnTo>
                    <a:lnTo>
                      <a:pt x="1051" y="618"/>
                    </a:lnTo>
                    <a:lnTo>
                      <a:pt x="1075" y="539"/>
                    </a:lnTo>
                    <a:lnTo>
                      <a:pt x="1101" y="466"/>
                    </a:lnTo>
                    <a:lnTo>
                      <a:pt x="1128" y="396"/>
                    </a:lnTo>
                    <a:lnTo>
                      <a:pt x="1157" y="332"/>
                    </a:lnTo>
                    <a:lnTo>
                      <a:pt x="1187" y="271"/>
                    </a:lnTo>
                    <a:lnTo>
                      <a:pt x="1219" y="217"/>
                    </a:lnTo>
                    <a:lnTo>
                      <a:pt x="1252" y="169"/>
                    </a:lnTo>
                    <a:lnTo>
                      <a:pt x="1287" y="125"/>
                    </a:lnTo>
                    <a:lnTo>
                      <a:pt x="1322" y="89"/>
                    </a:lnTo>
                    <a:lnTo>
                      <a:pt x="1358" y="57"/>
                    </a:lnTo>
                    <a:lnTo>
                      <a:pt x="1396" y="33"/>
                    </a:lnTo>
                    <a:lnTo>
                      <a:pt x="1434" y="15"/>
                    </a:lnTo>
                    <a:lnTo>
                      <a:pt x="1474" y="4"/>
                    </a:lnTo>
                    <a:lnTo>
                      <a:pt x="151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79" name="Freeform 18"/>
              <p:cNvSpPr>
                <a:spLocks/>
              </p:cNvSpPr>
              <p:nvPr/>
            </p:nvSpPr>
            <p:spPr bwMode="auto">
              <a:xfrm>
                <a:off x="3111" y="2725"/>
                <a:ext cx="105" cy="105"/>
              </a:xfrm>
              <a:custGeom>
                <a:avLst/>
                <a:gdLst>
                  <a:gd name="T0" fmla="*/ 210 w 421"/>
                  <a:gd name="T1" fmla="*/ 0 h 420"/>
                  <a:gd name="T2" fmla="*/ 244 w 421"/>
                  <a:gd name="T3" fmla="*/ 4 h 420"/>
                  <a:gd name="T4" fmla="*/ 277 w 421"/>
                  <a:gd name="T5" fmla="*/ 11 h 420"/>
                  <a:gd name="T6" fmla="*/ 307 w 421"/>
                  <a:gd name="T7" fmla="*/ 23 h 420"/>
                  <a:gd name="T8" fmla="*/ 335 w 421"/>
                  <a:gd name="T9" fmla="*/ 41 h 420"/>
                  <a:gd name="T10" fmla="*/ 360 w 421"/>
                  <a:gd name="T11" fmla="*/ 62 h 420"/>
                  <a:gd name="T12" fmla="*/ 381 w 421"/>
                  <a:gd name="T13" fmla="*/ 87 h 420"/>
                  <a:gd name="T14" fmla="*/ 397 w 421"/>
                  <a:gd name="T15" fmla="*/ 114 h 420"/>
                  <a:gd name="T16" fmla="*/ 411 w 421"/>
                  <a:gd name="T17" fmla="*/ 144 h 420"/>
                  <a:gd name="T18" fmla="*/ 418 w 421"/>
                  <a:gd name="T19" fmla="*/ 176 h 420"/>
                  <a:gd name="T20" fmla="*/ 421 w 421"/>
                  <a:gd name="T21" fmla="*/ 210 h 420"/>
                  <a:gd name="T22" fmla="*/ 418 w 421"/>
                  <a:gd name="T23" fmla="*/ 245 h 420"/>
                  <a:gd name="T24" fmla="*/ 411 w 421"/>
                  <a:gd name="T25" fmla="*/ 277 h 420"/>
                  <a:gd name="T26" fmla="*/ 397 w 421"/>
                  <a:gd name="T27" fmla="*/ 307 h 420"/>
                  <a:gd name="T28" fmla="*/ 381 w 421"/>
                  <a:gd name="T29" fmla="*/ 334 h 420"/>
                  <a:gd name="T30" fmla="*/ 360 w 421"/>
                  <a:gd name="T31" fmla="*/ 359 h 420"/>
                  <a:gd name="T32" fmla="*/ 335 w 421"/>
                  <a:gd name="T33" fmla="*/ 380 h 420"/>
                  <a:gd name="T34" fmla="*/ 307 w 421"/>
                  <a:gd name="T35" fmla="*/ 397 h 420"/>
                  <a:gd name="T36" fmla="*/ 277 w 421"/>
                  <a:gd name="T37" fmla="*/ 410 h 420"/>
                  <a:gd name="T38" fmla="*/ 244 w 421"/>
                  <a:gd name="T39" fmla="*/ 418 h 420"/>
                  <a:gd name="T40" fmla="*/ 210 w 421"/>
                  <a:gd name="T41" fmla="*/ 420 h 420"/>
                  <a:gd name="T42" fmla="*/ 177 w 421"/>
                  <a:gd name="T43" fmla="*/ 418 h 420"/>
                  <a:gd name="T44" fmla="*/ 145 w 421"/>
                  <a:gd name="T45" fmla="*/ 410 h 420"/>
                  <a:gd name="T46" fmla="*/ 113 w 421"/>
                  <a:gd name="T47" fmla="*/ 397 h 420"/>
                  <a:gd name="T48" fmla="*/ 86 w 421"/>
                  <a:gd name="T49" fmla="*/ 380 h 420"/>
                  <a:gd name="T50" fmla="*/ 61 w 421"/>
                  <a:gd name="T51" fmla="*/ 359 h 420"/>
                  <a:gd name="T52" fmla="*/ 41 w 421"/>
                  <a:gd name="T53" fmla="*/ 334 h 420"/>
                  <a:gd name="T54" fmla="*/ 24 w 421"/>
                  <a:gd name="T55" fmla="*/ 307 h 420"/>
                  <a:gd name="T56" fmla="*/ 11 w 421"/>
                  <a:gd name="T57" fmla="*/ 277 h 420"/>
                  <a:gd name="T58" fmla="*/ 3 w 421"/>
                  <a:gd name="T59" fmla="*/ 245 h 420"/>
                  <a:gd name="T60" fmla="*/ 0 w 421"/>
                  <a:gd name="T61" fmla="*/ 210 h 420"/>
                  <a:gd name="T62" fmla="*/ 3 w 421"/>
                  <a:gd name="T63" fmla="*/ 176 h 420"/>
                  <a:gd name="T64" fmla="*/ 11 w 421"/>
                  <a:gd name="T65" fmla="*/ 144 h 420"/>
                  <a:gd name="T66" fmla="*/ 24 w 421"/>
                  <a:gd name="T67" fmla="*/ 114 h 420"/>
                  <a:gd name="T68" fmla="*/ 41 w 421"/>
                  <a:gd name="T69" fmla="*/ 87 h 420"/>
                  <a:gd name="T70" fmla="*/ 61 w 421"/>
                  <a:gd name="T71" fmla="*/ 62 h 420"/>
                  <a:gd name="T72" fmla="*/ 86 w 421"/>
                  <a:gd name="T73" fmla="*/ 41 h 420"/>
                  <a:gd name="T74" fmla="*/ 113 w 421"/>
                  <a:gd name="T75" fmla="*/ 23 h 420"/>
                  <a:gd name="T76" fmla="*/ 145 w 421"/>
                  <a:gd name="T77" fmla="*/ 11 h 420"/>
                  <a:gd name="T78" fmla="*/ 177 w 421"/>
                  <a:gd name="T79" fmla="*/ 4 h 420"/>
                  <a:gd name="T80" fmla="*/ 210 w 421"/>
                  <a:gd name="T81" fmla="*/ 0 h 4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421" h="420">
                    <a:moveTo>
                      <a:pt x="210" y="0"/>
                    </a:moveTo>
                    <a:lnTo>
                      <a:pt x="244" y="4"/>
                    </a:lnTo>
                    <a:lnTo>
                      <a:pt x="277" y="11"/>
                    </a:lnTo>
                    <a:lnTo>
                      <a:pt x="307" y="23"/>
                    </a:lnTo>
                    <a:lnTo>
                      <a:pt x="335" y="41"/>
                    </a:lnTo>
                    <a:lnTo>
                      <a:pt x="360" y="62"/>
                    </a:lnTo>
                    <a:lnTo>
                      <a:pt x="381" y="87"/>
                    </a:lnTo>
                    <a:lnTo>
                      <a:pt x="397" y="114"/>
                    </a:lnTo>
                    <a:lnTo>
                      <a:pt x="411" y="144"/>
                    </a:lnTo>
                    <a:lnTo>
                      <a:pt x="418" y="176"/>
                    </a:lnTo>
                    <a:lnTo>
                      <a:pt x="421" y="210"/>
                    </a:lnTo>
                    <a:lnTo>
                      <a:pt x="418" y="245"/>
                    </a:lnTo>
                    <a:lnTo>
                      <a:pt x="411" y="277"/>
                    </a:lnTo>
                    <a:lnTo>
                      <a:pt x="397" y="307"/>
                    </a:lnTo>
                    <a:lnTo>
                      <a:pt x="381" y="334"/>
                    </a:lnTo>
                    <a:lnTo>
                      <a:pt x="360" y="359"/>
                    </a:lnTo>
                    <a:lnTo>
                      <a:pt x="335" y="380"/>
                    </a:lnTo>
                    <a:lnTo>
                      <a:pt x="307" y="397"/>
                    </a:lnTo>
                    <a:lnTo>
                      <a:pt x="277" y="410"/>
                    </a:lnTo>
                    <a:lnTo>
                      <a:pt x="244" y="418"/>
                    </a:lnTo>
                    <a:lnTo>
                      <a:pt x="210" y="420"/>
                    </a:lnTo>
                    <a:lnTo>
                      <a:pt x="177" y="418"/>
                    </a:lnTo>
                    <a:lnTo>
                      <a:pt x="145" y="410"/>
                    </a:lnTo>
                    <a:lnTo>
                      <a:pt x="113" y="397"/>
                    </a:lnTo>
                    <a:lnTo>
                      <a:pt x="86" y="380"/>
                    </a:lnTo>
                    <a:lnTo>
                      <a:pt x="61" y="359"/>
                    </a:lnTo>
                    <a:lnTo>
                      <a:pt x="41" y="334"/>
                    </a:lnTo>
                    <a:lnTo>
                      <a:pt x="24" y="307"/>
                    </a:lnTo>
                    <a:lnTo>
                      <a:pt x="11" y="277"/>
                    </a:lnTo>
                    <a:lnTo>
                      <a:pt x="3" y="245"/>
                    </a:lnTo>
                    <a:lnTo>
                      <a:pt x="0" y="210"/>
                    </a:lnTo>
                    <a:lnTo>
                      <a:pt x="3" y="176"/>
                    </a:lnTo>
                    <a:lnTo>
                      <a:pt x="11" y="144"/>
                    </a:lnTo>
                    <a:lnTo>
                      <a:pt x="24" y="114"/>
                    </a:lnTo>
                    <a:lnTo>
                      <a:pt x="41" y="87"/>
                    </a:lnTo>
                    <a:lnTo>
                      <a:pt x="61" y="62"/>
                    </a:lnTo>
                    <a:lnTo>
                      <a:pt x="86" y="41"/>
                    </a:lnTo>
                    <a:lnTo>
                      <a:pt x="113" y="23"/>
                    </a:lnTo>
                    <a:lnTo>
                      <a:pt x="145" y="11"/>
                    </a:lnTo>
                    <a:lnTo>
                      <a:pt x="177" y="4"/>
                    </a:lnTo>
                    <a:lnTo>
                      <a:pt x="210"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grpSp>
          <p:nvGrpSpPr>
            <p:cNvPr id="72" name="Group 21"/>
            <p:cNvGrpSpPr>
              <a:grpSpLocks noChangeAspect="1"/>
            </p:cNvGrpSpPr>
            <p:nvPr/>
          </p:nvGrpSpPr>
          <p:grpSpPr bwMode="auto">
            <a:xfrm>
              <a:off x="6564654" y="3990917"/>
              <a:ext cx="915988" cy="915988"/>
              <a:chOff x="4082" y="2554"/>
              <a:chExt cx="577" cy="577"/>
            </a:xfrm>
            <a:solidFill>
              <a:schemeClr val="bg1"/>
            </a:solidFill>
          </p:grpSpPr>
          <p:sp>
            <p:nvSpPr>
              <p:cNvPr id="73" name="Freeform 23"/>
              <p:cNvSpPr>
                <a:spLocks noEditPoints="1"/>
              </p:cNvSpPr>
              <p:nvPr/>
            </p:nvSpPr>
            <p:spPr bwMode="auto">
              <a:xfrm>
                <a:off x="4310" y="2591"/>
                <a:ext cx="284" cy="289"/>
              </a:xfrm>
              <a:custGeom>
                <a:avLst/>
                <a:gdLst>
                  <a:gd name="T0" fmla="*/ 936 w 1705"/>
                  <a:gd name="T1" fmla="*/ 308 h 1731"/>
                  <a:gd name="T2" fmla="*/ 922 w 1705"/>
                  <a:gd name="T3" fmla="*/ 311 h 1731"/>
                  <a:gd name="T4" fmla="*/ 907 w 1705"/>
                  <a:gd name="T5" fmla="*/ 318 h 1731"/>
                  <a:gd name="T6" fmla="*/ 896 w 1705"/>
                  <a:gd name="T7" fmla="*/ 328 h 1731"/>
                  <a:gd name="T8" fmla="*/ 375 w 1705"/>
                  <a:gd name="T9" fmla="*/ 912 h 1731"/>
                  <a:gd name="T10" fmla="*/ 366 w 1705"/>
                  <a:gd name="T11" fmla="*/ 926 h 1731"/>
                  <a:gd name="T12" fmla="*/ 361 w 1705"/>
                  <a:gd name="T13" fmla="*/ 940 h 1731"/>
                  <a:gd name="T14" fmla="*/ 360 w 1705"/>
                  <a:gd name="T15" fmla="*/ 956 h 1731"/>
                  <a:gd name="T16" fmla="*/ 363 w 1705"/>
                  <a:gd name="T17" fmla="*/ 970 h 1731"/>
                  <a:gd name="T18" fmla="*/ 370 w 1705"/>
                  <a:gd name="T19" fmla="*/ 985 h 1731"/>
                  <a:gd name="T20" fmla="*/ 380 w 1705"/>
                  <a:gd name="T21" fmla="*/ 997 h 1731"/>
                  <a:gd name="T22" fmla="*/ 419 w 1705"/>
                  <a:gd name="T23" fmla="*/ 1030 h 1731"/>
                  <a:gd name="T24" fmla="*/ 432 w 1705"/>
                  <a:gd name="T25" fmla="*/ 1039 h 1731"/>
                  <a:gd name="T26" fmla="*/ 447 w 1705"/>
                  <a:gd name="T27" fmla="*/ 1044 h 1731"/>
                  <a:gd name="T28" fmla="*/ 463 w 1705"/>
                  <a:gd name="T29" fmla="*/ 1046 h 1731"/>
                  <a:gd name="T30" fmla="*/ 478 w 1705"/>
                  <a:gd name="T31" fmla="*/ 1042 h 1731"/>
                  <a:gd name="T32" fmla="*/ 492 w 1705"/>
                  <a:gd name="T33" fmla="*/ 1036 h 1731"/>
                  <a:gd name="T34" fmla="*/ 504 w 1705"/>
                  <a:gd name="T35" fmla="*/ 1026 h 1731"/>
                  <a:gd name="T36" fmla="*/ 1025 w 1705"/>
                  <a:gd name="T37" fmla="*/ 441 h 1731"/>
                  <a:gd name="T38" fmla="*/ 1034 w 1705"/>
                  <a:gd name="T39" fmla="*/ 428 h 1731"/>
                  <a:gd name="T40" fmla="*/ 1038 w 1705"/>
                  <a:gd name="T41" fmla="*/ 413 h 1731"/>
                  <a:gd name="T42" fmla="*/ 1039 w 1705"/>
                  <a:gd name="T43" fmla="*/ 398 h 1731"/>
                  <a:gd name="T44" fmla="*/ 1036 w 1705"/>
                  <a:gd name="T45" fmla="*/ 382 h 1731"/>
                  <a:gd name="T46" fmla="*/ 1029 w 1705"/>
                  <a:gd name="T47" fmla="*/ 369 h 1731"/>
                  <a:gd name="T48" fmla="*/ 1019 w 1705"/>
                  <a:gd name="T49" fmla="*/ 357 h 1731"/>
                  <a:gd name="T50" fmla="*/ 980 w 1705"/>
                  <a:gd name="T51" fmla="*/ 322 h 1731"/>
                  <a:gd name="T52" fmla="*/ 968 w 1705"/>
                  <a:gd name="T53" fmla="*/ 315 h 1731"/>
                  <a:gd name="T54" fmla="*/ 953 w 1705"/>
                  <a:gd name="T55" fmla="*/ 309 h 1731"/>
                  <a:gd name="T56" fmla="*/ 936 w 1705"/>
                  <a:gd name="T57" fmla="*/ 308 h 1731"/>
                  <a:gd name="T58" fmla="*/ 981 w 1705"/>
                  <a:gd name="T59" fmla="*/ 0 h 1731"/>
                  <a:gd name="T60" fmla="*/ 1705 w 1705"/>
                  <a:gd name="T61" fmla="*/ 632 h 1731"/>
                  <a:gd name="T62" fmla="*/ 724 w 1705"/>
                  <a:gd name="T63" fmla="*/ 1731 h 1731"/>
                  <a:gd name="T64" fmla="*/ 0 w 1705"/>
                  <a:gd name="T65" fmla="*/ 1100 h 1731"/>
                  <a:gd name="T66" fmla="*/ 981 w 1705"/>
                  <a:gd name="T67" fmla="*/ 0 h 17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705" h="1731">
                    <a:moveTo>
                      <a:pt x="936" y="308"/>
                    </a:moveTo>
                    <a:lnTo>
                      <a:pt x="922" y="311"/>
                    </a:lnTo>
                    <a:lnTo>
                      <a:pt x="907" y="318"/>
                    </a:lnTo>
                    <a:lnTo>
                      <a:pt x="896" y="328"/>
                    </a:lnTo>
                    <a:lnTo>
                      <a:pt x="375" y="912"/>
                    </a:lnTo>
                    <a:lnTo>
                      <a:pt x="366" y="926"/>
                    </a:lnTo>
                    <a:lnTo>
                      <a:pt x="361" y="940"/>
                    </a:lnTo>
                    <a:lnTo>
                      <a:pt x="360" y="956"/>
                    </a:lnTo>
                    <a:lnTo>
                      <a:pt x="363" y="970"/>
                    </a:lnTo>
                    <a:lnTo>
                      <a:pt x="370" y="985"/>
                    </a:lnTo>
                    <a:lnTo>
                      <a:pt x="380" y="997"/>
                    </a:lnTo>
                    <a:lnTo>
                      <a:pt x="419" y="1030"/>
                    </a:lnTo>
                    <a:lnTo>
                      <a:pt x="432" y="1039"/>
                    </a:lnTo>
                    <a:lnTo>
                      <a:pt x="447" y="1044"/>
                    </a:lnTo>
                    <a:lnTo>
                      <a:pt x="463" y="1046"/>
                    </a:lnTo>
                    <a:lnTo>
                      <a:pt x="478" y="1042"/>
                    </a:lnTo>
                    <a:lnTo>
                      <a:pt x="492" y="1036"/>
                    </a:lnTo>
                    <a:lnTo>
                      <a:pt x="504" y="1026"/>
                    </a:lnTo>
                    <a:lnTo>
                      <a:pt x="1025" y="441"/>
                    </a:lnTo>
                    <a:lnTo>
                      <a:pt x="1034" y="428"/>
                    </a:lnTo>
                    <a:lnTo>
                      <a:pt x="1038" y="413"/>
                    </a:lnTo>
                    <a:lnTo>
                      <a:pt x="1039" y="398"/>
                    </a:lnTo>
                    <a:lnTo>
                      <a:pt x="1036" y="382"/>
                    </a:lnTo>
                    <a:lnTo>
                      <a:pt x="1029" y="369"/>
                    </a:lnTo>
                    <a:lnTo>
                      <a:pt x="1019" y="357"/>
                    </a:lnTo>
                    <a:lnTo>
                      <a:pt x="980" y="322"/>
                    </a:lnTo>
                    <a:lnTo>
                      <a:pt x="968" y="315"/>
                    </a:lnTo>
                    <a:lnTo>
                      <a:pt x="953" y="309"/>
                    </a:lnTo>
                    <a:lnTo>
                      <a:pt x="936" y="308"/>
                    </a:lnTo>
                    <a:close/>
                    <a:moveTo>
                      <a:pt x="981" y="0"/>
                    </a:moveTo>
                    <a:lnTo>
                      <a:pt x="1705" y="632"/>
                    </a:lnTo>
                    <a:lnTo>
                      <a:pt x="724" y="1731"/>
                    </a:lnTo>
                    <a:lnTo>
                      <a:pt x="0" y="1100"/>
                    </a:lnTo>
                    <a:lnTo>
                      <a:pt x="98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74" name="Freeform 24"/>
              <p:cNvSpPr>
                <a:spLocks noEditPoints="1"/>
              </p:cNvSpPr>
              <p:nvPr/>
            </p:nvSpPr>
            <p:spPr bwMode="auto">
              <a:xfrm>
                <a:off x="4082" y="2994"/>
                <a:ext cx="136" cy="137"/>
              </a:xfrm>
              <a:custGeom>
                <a:avLst/>
                <a:gdLst>
                  <a:gd name="T0" fmla="*/ 268 w 816"/>
                  <a:gd name="T1" fmla="*/ 241 h 825"/>
                  <a:gd name="T2" fmla="*/ 180 w 816"/>
                  <a:gd name="T3" fmla="*/ 562 h 825"/>
                  <a:gd name="T4" fmla="*/ 179 w 816"/>
                  <a:gd name="T5" fmla="*/ 577 h 825"/>
                  <a:gd name="T6" fmla="*/ 181 w 816"/>
                  <a:gd name="T7" fmla="*/ 592 h 825"/>
                  <a:gd name="T8" fmla="*/ 187 w 816"/>
                  <a:gd name="T9" fmla="*/ 605 h 825"/>
                  <a:gd name="T10" fmla="*/ 197 w 816"/>
                  <a:gd name="T11" fmla="*/ 616 h 825"/>
                  <a:gd name="T12" fmla="*/ 210 w 816"/>
                  <a:gd name="T13" fmla="*/ 624 h 825"/>
                  <a:gd name="T14" fmla="*/ 224 w 816"/>
                  <a:gd name="T15" fmla="*/ 629 h 825"/>
                  <a:gd name="T16" fmla="*/ 238 w 816"/>
                  <a:gd name="T17" fmla="*/ 629 h 825"/>
                  <a:gd name="T18" fmla="*/ 253 w 816"/>
                  <a:gd name="T19" fmla="*/ 625 h 825"/>
                  <a:gd name="T20" fmla="*/ 564 w 816"/>
                  <a:gd name="T21" fmla="*/ 501 h 825"/>
                  <a:gd name="T22" fmla="*/ 268 w 816"/>
                  <a:gd name="T23" fmla="*/ 241 h 825"/>
                  <a:gd name="T24" fmla="*/ 193 w 816"/>
                  <a:gd name="T25" fmla="*/ 0 h 825"/>
                  <a:gd name="T26" fmla="*/ 816 w 816"/>
                  <a:gd name="T27" fmla="*/ 543 h 825"/>
                  <a:gd name="T28" fmla="*/ 134 w 816"/>
                  <a:gd name="T29" fmla="*/ 817 h 825"/>
                  <a:gd name="T30" fmla="*/ 113 w 816"/>
                  <a:gd name="T31" fmla="*/ 824 h 825"/>
                  <a:gd name="T32" fmla="*/ 92 w 816"/>
                  <a:gd name="T33" fmla="*/ 825 h 825"/>
                  <a:gd name="T34" fmla="*/ 70 w 816"/>
                  <a:gd name="T35" fmla="*/ 820 h 825"/>
                  <a:gd name="T36" fmla="*/ 51 w 816"/>
                  <a:gd name="T37" fmla="*/ 812 h 825"/>
                  <a:gd name="T38" fmla="*/ 33 w 816"/>
                  <a:gd name="T39" fmla="*/ 800 h 825"/>
                  <a:gd name="T40" fmla="*/ 19 w 816"/>
                  <a:gd name="T41" fmla="*/ 785 h 825"/>
                  <a:gd name="T42" fmla="*/ 8 w 816"/>
                  <a:gd name="T43" fmla="*/ 766 h 825"/>
                  <a:gd name="T44" fmla="*/ 2 w 816"/>
                  <a:gd name="T45" fmla="*/ 746 h 825"/>
                  <a:gd name="T46" fmla="*/ 0 w 816"/>
                  <a:gd name="T47" fmla="*/ 725 h 825"/>
                  <a:gd name="T48" fmla="*/ 0 w 816"/>
                  <a:gd name="T49" fmla="*/ 724 h 825"/>
                  <a:gd name="T50" fmla="*/ 3 w 816"/>
                  <a:gd name="T51" fmla="*/ 703 h 825"/>
                  <a:gd name="T52" fmla="*/ 193 w 816"/>
                  <a:gd name="T53" fmla="*/ 0 h 8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16" h="825">
                    <a:moveTo>
                      <a:pt x="268" y="241"/>
                    </a:moveTo>
                    <a:lnTo>
                      <a:pt x="180" y="562"/>
                    </a:lnTo>
                    <a:lnTo>
                      <a:pt x="179" y="577"/>
                    </a:lnTo>
                    <a:lnTo>
                      <a:pt x="181" y="592"/>
                    </a:lnTo>
                    <a:lnTo>
                      <a:pt x="187" y="605"/>
                    </a:lnTo>
                    <a:lnTo>
                      <a:pt x="197" y="616"/>
                    </a:lnTo>
                    <a:lnTo>
                      <a:pt x="210" y="624"/>
                    </a:lnTo>
                    <a:lnTo>
                      <a:pt x="224" y="629"/>
                    </a:lnTo>
                    <a:lnTo>
                      <a:pt x="238" y="629"/>
                    </a:lnTo>
                    <a:lnTo>
                      <a:pt x="253" y="625"/>
                    </a:lnTo>
                    <a:lnTo>
                      <a:pt x="564" y="501"/>
                    </a:lnTo>
                    <a:lnTo>
                      <a:pt x="268" y="241"/>
                    </a:lnTo>
                    <a:close/>
                    <a:moveTo>
                      <a:pt x="193" y="0"/>
                    </a:moveTo>
                    <a:lnTo>
                      <a:pt x="816" y="543"/>
                    </a:lnTo>
                    <a:lnTo>
                      <a:pt x="134" y="817"/>
                    </a:lnTo>
                    <a:lnTo>
                      <a:pt x="113" y="824"/>
                    </a:lnTo>
                    <a:lnTo>
                      <a:pt x="92" y="825"/>
                    </a:lnTo>
                    <a:lnTo>
                      <a:pt x="70" y="820"/>
                    </a:lnTo>
                    <a:lnTo>
                      <a:pt x="51" y="812"/>
                    </a:lnTo>
                    <a:lnTo>
                      <a:pt x="33" y="800"/>
                    </a:lnTo>
                    <a:lnTo>
                      <a:pt x="19" y="785"/>
                    </a:lnTo>
                    <a:lnTo>
                      <a:pt x="8" y="766"/>
                    </a:lnTo>
                    <a:lnTo>
                      <a:pt x="2" y="746"/>
                    </a:lnTo>
                    <a:lnTo>
                      <a:pt x="0" y="725"/>
                    </a:lnTo>
                    <a:lnTo>
                      <a:pt x="0" y="724"/>
                    </a:lnTo>
                    <a:lnTo>
                      <a:pt x="3" y="703"/>
                    </a:lnTo>
                    <a:lnTo>
                      <a:pt x="193"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75" name="Freeform 25"/>
              <p:cNvSpPr>
                <a:spLocks noEditPoints="1"/>
              </p:cNvSpPr>
              <p:nvPr/>
            </p:nvSpPr>
            <p:spPr bwMode="auto">
              <a:xfrm>
                <a:off x="4132" y="2791"/>
                <a:ext cx="263" cy="271"/>
              </a:xfrm>
              <a:custGeom>
                <a:avLst/>
                <a:gdLst>
                  <a:gd name="T0" fmla="*/ 968 w 1581"/>
                  <a:gd name="T1" fmla="*/ 294 h 1626"/>
                  <a:gd name="T2" fmla="*/ 952 w 1581"/>
                  <a:gd name="T3" fmla="*/ 297 h 1626"/>
                  <a:gd name="T4" fmla="*/ 938 w 1581"/>
                  <a:gd name="T5" fmla="*/ 304 h 1626"/>
                  <a:gd name="T6" fmla="*/ 926 w 1581"/>
                  <a:gd name="T7" fmla="*/ 314 h 1626"/>
                  <a:gd name="T8" fmla="*/ 316 w 1581"/>
                  <a:gd name="T9" fmla="*/ 999 h 1626"/>
                  <a:gd name="T10" fmla="*/ 307 w 1581"/>
                  <a:gd name="T11" fmla="*/ 1011 h 1626"/>
                  <a:gd name="T12" fmla="*/ 302 w 1581"/>
                  <a:gd name="T13" fmla="*/ 1027 h 1626"/>
                  <a:gd name="T14" fmla="*/ 301 w 1581"/>
                  <a:gd name="T15" fmla="*/ 1042 h 1626"/>
                  <a:gd name="T16" fmla="*/ 305 w 1581"/>
                  <a:gd name="T17" fmla="*/ 1057 h 1626"/>
                  <a:gd name="T18" fmla="*/ 311 w 1581"/>
                  <a:gd name="T19" fmla="*/ 1071 h 1626"/>
                  <a:gd name="T20" fmla="*/ 321 w 1581"/>
                  <a:gd name="T21" fmla="*/ 1082 h 1626"/>
                  <a:gd name="T22" fmla="*/ 361 w 1581"/>
                  <a:gd name="T23" fmla="*/ 1117 h 1626"/>
                  <a:gd name="T24" fmla="*/ 374 w 1581"/>
                  <a:gd name="T25" fmla="*/ 1125 h 1626"/>
                  <a:gd name="T26" fmla="*/ 389 w 1581"/>
                  <a:gd name="T27" fmla="*/ 1130 h 1626"/>
                  <a:gd name="T28" fmla="*/ 403 w 1581"/>
                  <a:gd name="T29" fmla="*/ 1131 h 1626"/>
                  <a:gd name="T30" fmla="*/ 419 w 1581"/>
                  <a:gd name="T31" fmla="*/ 1129 h 1626"/>
                  <a:gd name="T32" fmla="*/ 432 w 1581"/>
                  <a:gd name="T33" fmla="*/ 1122 h 1626"/>
                  <a:gd name="T34" fmla="*/ 445 w 1581"/>
                  <a:gd name="T35" fmla="*/ 1111 h 1626"/>
                  <a:gd name="T36" fmla="*/ 1055 w 1581"/>
                  <a:gd name="T37" fmla="*/ 427 h 1626"/>
                  <a:gd name="T38" fmla="*/ 1064 w 1581"/>
                  <a:gd name="T39" fmla="*/ 413 h 1626"/>
                  <a:gd name="T40" fmla="*/ 1068 w 1581"/>
                  <a:gd name="T41" fmla="*/ 399 h 1626"/>
                  <a:gd name="T42" fmla="*/ 1069 w 1581"/>
                  <a:gd name="T43" fmla="*/ 383 h 1626"/>
                  <a:gd name="T44" fmla="*/ 1067 w 1581"/>
                  <a:gd name="T45" fmla="*/ 368 h 1626"/>
                  <a:gd name="T46" fmla="*/ 1060 w 1581"/>
                  <a:gd name="T47" fmla="*/ 355 h 1626"/>
                  <a:gd name="T48" fmla="*/ 1050 w 1581"/>
                  <a:gd name="T49" fmla="*/ 342 h 1626"/>
                  <a:gd name="T50" fmla="*/ 1011 w 1581"/>
                  <a:gd name="T51" fmla="*/ 308 h 1626"/>
                  <a:gd name="T52" fmla="*/ 998 w 1581"/>
                  <a:gd name="T53" fmla="*/ 299 h 1626"/>
                  <a:gd name="T54" fmla="*/ 983 w 1581"/>
                  <a:gd name="T55" fmla="*/ 295 h 1626"/>
                  <a:gd name="T56" fmla="*/ 968 w 1581"/>
                  <a:gd name="T57" fmla="*/ 294 h 1626"/>
                  <a:gd name="T58" fmla="*/ 979 w 1581"/>
                  <a:gd name="T59" fmla="*/ 0 h 1626"/>
                  <a:gd name="T60" fmla="*/ 1581 w 1581"/>
                  <a:gd name="T61" fmla="*/ 527 h 1626"/>
                  <a:gd name="T62" fmla="*/ 602 w 1581"/>
                  <a:gd name="T63" fmla="*/ 1626 h 1626"/>
                  <a:gd name="T64" fmla="*/ 0 w 1581"/>
                  <a:gd name="T65" fmla="*/ 1099 h 1626"/>
                  <a:gd name="T66" fmla="*/ 979 w 1581"/>
                  <a:gd name="T67" fmla="*/ 0 h 16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581" h="1626">
                    <a:moveTo>
                      <a:pt x="968" y="294"/>
                    </a:moveTo>
                    <a:lnTo>
                      <a:pt x="952" y="297"/>
                    </a:lnTo>
                    <a:lnTo>
                      <a:pt x="938" y="304"/>
                    </a:lnTo>
                    <a:lnTo>
                      <a:pt x="926" y="314"/>
                    </a:lnTo>
                    <a:lnTo>
                      <a:pt x="316" y="999"/>
                    </a:lnTo>
                    <a:lnTo>
                      <a:pt x="307" y="1011"/>
                    </a:lnTo>
                    <a:lnTo>
                      <a:pt x="302" y="1027"/>
                    </a:lnTo>
                    <a:lnTo>
                      <a:pt x="301" y="1042"/>
                    </a:lnTo>
                    <a:lnTo>
                      <a:pt x="305" y="1057"/>
                    </a:lnTo>
                    <a:lnTo>
                      <a:pt x="311" y="1071"/>
                    </a:lnTo>
                    <a:lnTo>
                      <a:pt x="321" y="1082"/>
                    </a:lnTo>
                    <a:lnTo>
                      <a:pt x="361" y="1117"/>
                    </a:lnTo>
                    <a:lnTo>
                      <a:pt x="374" y="1125"/>
                    </a:lnTo>
                    <a:lnTo>
                      <a:pt x="389" y="1130"/>
                    </a:lnTo>
                    <a:lnTo>
                      <a:pt x="403" y="1131"/>
                    </a:lnTo>
                    <a:lnTo>
                      <a:pt x="419" y="1129"/>
                    </a:lnTo>
                    <a:lnTo>
                      <a:pt x="432" y="1122"/>
                    </a:lnTo>
                    <a:lnTo>
                      <a:pt x="445" y="1111"/>
                    </a:lnTo>
                    <a:lnTo>
                      <a:pt x="1055" y="427"/>
                    </a:lnTo>
                    <a:lnTo>
                      <a:pt x="1064" y="413"/>
                    </a:lnTo>
                    <a:lnTo>
                      <a:pt x="1068" y="399"/>
                    </a:lnTo>
                    <a:lnTo>
                      <a:pt x="1069" y="383"/>
                    </a:lnTo>
                    <a:lnTo>
                      <a:pt x="1067" y="368"/>
                    </a:lnTo>
                    <a:lnTo>
                      <a:pt x="1060" y="355"/>
                    </a:lnTo>
                    <a:lnTo>
                      <a:pt x="1050" y="342"/>
                    </a:lnTo>
                    <a:lnTo>
                      <a:pt x="1011" y="308"/>
                    </a:lnTo>
                    <a:lnTo>
                      <a:pt x="998" y="299"/>
                    </a:lnTo>
                    <a:lnTo>
                      <a:pt x="983" y="295"/>
                    </a:lnTo>
                    <a:lnTo>
                      <a:pt x="968" y="294"/>
                    </a:lnTo>
                    <a:close/>
                    <a:moveTo>
                      <a:pt x="979" y="0"/>
                    </a:moveTo>
                    <a:lnTo>
                      <a:pt x="1581" y="527"/>
                    </a:lnTo>
                    <a:lnTo>
                      <a:pt x="602" y="1626"/>
                    </a:lnTo>
                    <a:lnTo>
                      <a:pt x="0" y="1099"/>
                    </a:lnTo>
                    <a:lnTo>
                      <a:pt x="979"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76" name="Freeform 26"/>
              <p:cNvSpPr>
                <a:spLocks/>
              </p:cNvSpPr>
              <p:nvPr/>
            </p:nvSpPr>
            <p:spPr bwMode="auto">
              <a:xfrm>
                <a:off x="4343" y="2680"/>
                <a:ext cx="316" cy="355"/>
              </a:xfrm>
              <a:custGeom>
                <a:avLst/>
                <a:gdLst>
                  <a:gd name="T0" fmla="*/ 1748 w 1893"/>
                  <a:gd name="T1" fmla="*/ 0 h 2127"/>
                  <a:gd name="T2" fmla="*/ 1829 w 1893"/>
                  <a:gd name="T3" fmla="*/ 70 h 2127"/>
                  <a:gd name="T4" fmla="*/ 1852 w 1893"/>
                  <a:gd name="T5" fmla="*/ 95 h 2127"/>
                  <a:gd name="T6" fmla="*/ 1870 w 1893"/>
                  <a:gd name="T7" fmla="*/ 122 h 2127"/>
                  <a:gd name="T8" fmla="*/ 1882 w 1893"/>
                  <a:gd name="T9" fmla="*/ 151 h 2127"/>
                  <a:gd name="T10" fmla="*/ 1890 w 1893"/>
                  <a:gd name="T11" fmla="*/ 183 h 2127"/>
                  <a:gd name="T12" fmla="*/ 1893 w 1893"/>
                  <a:gd name="T13" fmla="*/ 214 h 2127"/>
                  <a:gd name="T14" fmla="*/ 1889 w 1893"/>
                  <a:gd name="T15" fmla="*/ 246 h 2127"/>
                  <a:gd name="T16" fmla="*/ 1880 w 1893"/>
                  <a:gd name="T17" fmla="*/ 277 h 2127"/>
                  <a:gd name="T18" fmla="*/ 1866 w 1893"/>
                  <a:gd name="T19" fmla="*/ 306 h 2127"/>
                  <a:gd name="T20" fmla="*/ 1846 w 1893"/>
                  <a:gd name="T21" fmla="*/ 333 h 2127"/>
                  <a:gd name="T22" fmla="*/ 277 w 1893"/>
                  <a:gd name="T23" fmla="*/ 2093 h 2127"/>
                  <a:gd name="T24" fmla="*/ 262 w 1893"/>
                  <a:gd name="T25" fmla="*/ 2107 h 2127"/>
                  <a:gd name="T26" fmla="*/ 245 w 1893"/>
                  <a:gd name="T27" fmla="*/ 2117 h 2127"/>
                  <a:gd name="T28" fmla="*/ 227 w 1893"/>
                  <a:gd name="T29" fmla="*/ 2123 h 2127"/>
                  <a:gd name="T30" fmla="*/ 208 w 1893"/>
                  <a:gd name="T31" fmla="*/ 2127 h 2127"/>
                  <a:gd name="T32" fmla="*/ 188 w 1893"/>
                  <a:gd name="T33" fmla="*/ 2126 h 2127"/>
                  <a:gd name="T34" fmla="*/ 169 w 1893"/>
                  <a:gd name="T35" fmla="*/ 2121 h 2127"/>
                  <a:gd name="T36" fmla="*/ 151 w 1893"/>
                  <a:gd name="T37" fmla="*/ 2113 h 2127"/>
                  <a:gd name="T38" fmla="*/ 135 w 1893"/>
                  <a:gd name="T39" fmla="*/ 2102 h 2127"/>
                  <a:gd name="T40" fmla="*/ 84 w 1893"/>
                  <a:gd name="T41" fmla="*/ 2057 h 2127"/>
                  <a:gd name="T42" fmla="*/ 57 w 1893"/>
                  <a:gd name="T43" fmla="*/ 2029 h 2127"/>
                  <a:gd name="T44" fmla="*/ 35 w 1893"/>
                  <a:gd name="T45" fmla="*/ 1997 h 2127"/>
                  <a:gd name="T46" fmla="*/ 18 w 1893"/>
                  <a:gd name="T47" fmla="*/ 1963 h 2127"/>
                  <a:gd name="T48" fmla="*/ 5 w 1893"/>
                  <a:gd name="T49" fmla="*/ 1926 h 2127"/>
                  <a:gd name="T50" fmla="*/ 0 w 1893"/>
                  <a:gd name="T51" fmla="*/ 1888 h 2127"/>
                  <a:gd name="T52" fmla="*/ 1 w 1893"/>
                  <a:gd name="T53" fmla="*/ 1849 h 2127"/>
                  <a:gd name="T54" fmla="*/ 8 w 1893"/>
                  <a:gd name="T55" fmla="*/ 1812 h 2127"/>
                  <a:gd name="T56" fmla="*/ 20 w 1893"/>
                  <a:gd name="T57" fmla="*/ 1775 h 2127"/>
                  <a:gd name="T58" fmla="*/ 38 w 1893"/>
                  <a:gd name="T59" fmla="*/ 1741 h 2127"/>
                  <a:gd name="T60" fmla="*/ 61 w 1893"/>
                  <a:gd name="T61" fmla="*/ 1710 h 2127"/>
                  <a:gd name="T62" fmla="*/ 279 w 1893"/>
                  <a:gd name="T63" fmla="*/ 1467 h 2127"/>
                  <a:gd name="T64" fmla="*/ 296 w 1893"/>
                  <a:gd name="T65" fmla="*/ 1451 h 2127"/>
                  <a:gd name="T66" fmla="*/ 315 w 1893"/>
                  <a:gd name="T67" fmla="*/ 1441 h 2127"/>
                  <a:gd name="T68" fmla="*/ 335 w 1893"/>
                  <a:gd name="T69" fmla="*/ 1436 h 2127"/>
                  <a:gd name="T70" fmla="*/ 356 w 1893"/>
                  <a:gd name="T71" fmla="*/ 1435 h 2127"/>
                  <a:gd name="T72" fmla="*/ 377 w 1893"/>
                  <a:gd name="T73" fmla="*/ 1438 h 2127"/>
                  <a:gd name="T74" fmla="*/ 397 w 1893"/>
                  <a:gd name="T75" fmla="*/ 1446 h 2127"/>
                  <a:gd name="T76" fmla="*/ 417 w 1893"/>
                  <a:gd name="T77" fmla="*/ 1458 h 2127"/>
                  <a:gd name="T78" fmla="*/ 434 w 1893"/>
                  <a:gd name="T79" fmla="*/ 1475 h 2127"/>
                  <a:gd name="T80" fmla="*/ 1748 w 1893"/>
                  <a:gd name="T81" fmla="*/ 0 h 2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1893" h="2127">
                    <a:moveTo>
                      <a:pt x="1748" y="0"/>
                    </a:moveTo>
                    <a:lnTo>
                      <a:pt x="1829" y="70"/>
                    </a:lnTo>
                    <a:lnTo>
                      <a:pt x="1852" y="95"/>
                    </a:lnTo>
                    <a:lnTo>
                      <a:pt x="1870" y="122"/>
                    </a:lnTo>
                    <a:lnTo>
                      <a:pt x="1882" y="151"/>
                    </a:lnTo>
                    <a:lnTo>
                      <a:pt x="1890" y="183"/>
                    </a:lnTo>
                    <a:lnTo>
                      <a:pt x="1893" y="214"/>
                    </a:lnTo>
                    <a:lnTo>
                      <a:pt x="1889" y="246"/>
                    </a:lnTo>
                    <a:lnTo>
                      <a:pt x="1880" y="277"/>
                    </a:lnTo>
                    <a:lnTo>
                      <a:pt x="1866" y="306"/>
                    </a:lnTo>
                    <a:lnTo>
                      <a:pt x="1846" y="333"/>
                    </a:lnTo>
                    <a:lnTo>
                      <a:pt x="277" y="2093"/>
                    </a:lnTo>
                    <a:lnTo>
                      <a:pt x="262" y="2107"/>
                    </a:lnTo>
                    <a:lnTo>
                      <a:pt x="245" y="2117"/>
                    </a:lnTo>
                    <a:lnTo>
                      <a:pt x="227" y="2123"/>
                    </a:lnTo>
                    <a:lnTo>
                      <a:pt x="208" y="2127"/>
                    </a:lnTo>
                    <a:lnTo>
                      <a:pt x="188" y="2126"/>
                    </a:lnTo>
                    <a:lnTo>
                      <a:pt x="169" y="2121"/>
                    </a:lnTo>
                    <a:lnTo>
                      <a:pt x="151" y="2113"/>
                    </a:lnTo>
                    <a:lnTo>
                      <a:pt x="135" y="2102"/>
                    </a:lnTo>
                    <a:lnTo>
                      <a:pt x="84" y="2057"/>
                    </a:lnTo>
                    <a:lnTo>
                      <a:pt x="57" y="2029"/>
                    </a:lnTo>
                    <a:lnTo>
                      <a:pt x="35" y="1997"/>
                    </a:lnTo>
                    <a:lnTo>
                      <a:pt x="18" y="1963"/>
                    </a:lnTo>
                    <a:lnTo>
                      <a:pt x="5" y="1926"/>
                    </a:lnTo>
                    <a:lnTo>
                      <a:pt x="0" y="1888"/>
                    </a:lnTo>
                    <a:lnTo>
                      <a:pt x="1" y="1849"/>
                    </a:lnTo>
                    <a:lnTo>
                      <a:pt x="8" y="1812"/>
                    </a:lnTo>
                    <a:lnTo>
                      <a:pt x="20" y="1775"/>
                    </a:lnTo>
                    <a:lnTo>
                      <a:pt x="38" y="1741"/>
                    </a:lnTo>
                    <a:lnTo>
                      <a:pt x="61" y="1710"/>
                    </a:lnTo>
                    <a:lnTo>
                      <a:pt x="279" y="1467"/>
                    </a:lnTo>
                    <a:lnTo>
                      <a:pt x="296" y="1451"/>
                    </a:lnTo>
                    <a:lnTo>
                      <a:pt x="315" y="1441"/>
                    </a:lnTo>
                    <a:lnTo>
                      <a:pt x="335" y="1436"/>
                    </a:lnTo>
                    <a:lnTo>
                      <a:pt x="356" y="1435"/>
                    </a:lnTo>
                    <a:lnTo>
                      <a:pt x="377" y="1438"/>
                    </a:lnTo>
                    <a:lnTo>
                      <a:pt x="397" y="1446"/>
                    </a:lnTo>
                    <a:lnTo>
                      <a:pt x="417" y="1458"/>
                    </a:lnTo>
                    <a:lnTo>
                      <a:pt x="434" y="1475"/>
                    </a:lnTo>
                    <a:lnTo>
                      <a:pt x="1748"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77" name="Freeform 27"/>
              <p:cNvSpPr>
                <a:spLocks/>
              </p:cNvSpPr>
              <p:nvPr/>
            </p:nvSpPr>
            <p:spPr bwMode="auto">
              <a:xfrm>
                <a:off x="4491" y="2554"/>
                <a:ext cx="117" cy="111"/>
              </a:xfrm>
              <a:custGeom>
                <a:avLst/>
                <a:gdLst>
                  <a:gd name="T0" fmla="*/ 321 w 706"/>
                  <a:gd name="T1" fmla="*/ 0 h 663"/>
                  <a:gd name="T2" fmla="*/ 366 w 706"/>
                  <a:gd name="T3" fmla="*/ 5 h 663"/>
                  <a:gd name="T4" fmla="*/ 409 w 706"/>
                  <a:gd name="T5" fmla="*/ 13 h 663"/>
                  <a:gd name="T6" fmla="*/ 452 w 706"/>
                  <a:gd name="T7" fmla="*/ 28 h 663"/>
                  <a:gd name="T8" fmla="*/ 493 w 706"/>
                  <a:gd name="T9" fmla="*/ 47 h 663"/>
                  <a:gd name="T10" fmla="*/ 533 w 706"/>
                  <a:gd name="T11" fmla="*/ 70 h 663"/>
                  <a:gd name="T12" fmla="*/ 570 w 706"/>
                  <a:gd name="T13" fmla="*/ 99 h 663"/>
                  <a:gd name="T14" fmla="*/ 603 w 706"/>
                  <a:gd name="T15" fmla="*/ 132 h 663"/>
                  <a:gd name="T16" fmla="*/ 632 w 706"/>
                  <a:gd name="T17" fmla="*/ 168 h 663"/>
                  <a:gd name="T18" fmla="*/ 656 w 706"/>
                  <a:gd name="T19" fmla="*/ 206 h 663"/>
                  <a:gd name="T20" fmla="*/ 676 w 706"/>
                  <a:gd name="T21" fmla="*/ 246 h 663"/>
                  <a:gd name="T22" fmla="*/ 691 w 706"/>
                  <a:gd name="T23" fmla="*/ 287 h 663"/>
                  <a:gd name="T24" fmla="*/ 701 w 706"/>
                  <a:gd name="T25" fmla="*/ 331 h 663"/>
                  <a:gd name="T26" fmla="*/ 705 w 706"/>
                  <a:gd name="T27" fmla="*/ 374 h 663"/>
                  <a:gd name="T28" fmla="*/ 706 w 706"/>
                  <a:gd name="T29" fmla="*/ 418 h 663"/>
                  <a:gd name="T30" fmla="*/ 702 w 706"/>
                  <a:gd name="T31" fmla="*/ 461 h 663"/>
                  <a:gd name="T32" fmla="*/ 692 w 706"/>
                  <a:gd name="T33" fmla="*/ 505 h 663"/>
                  <a:gd name="T34" fmla="*/ 677 w 706"/>
                  <a:gd name="T35" fmla="*/ 547 h 663"/>
                  <a:gd name="T36" fmla="*/ 658 w 706"/>
                  <a:gd name="T37" fmla="*/ 588 h 663"/>
                  <a:gd name="T38" fmla="*/ 635 w 706"/>
                  <a:gd name="T39" fmla="*/ 627 h 663"/>
                  <a:gd name="T40" fmla="*/ 605 w 706"/>
                  <a:gd name="T41" fmla="*/ 663 h 663"/>
                  <a:gd name="T42" fmla="*/ 0 w 706"/>
                  <a:gd name="T43" fmla="*/ 134 h 663"/>
                  <a:gd name="T44" fmla="*/ 33 w 706"/>
                  <a:gd name="T45" fmla="*/ 101 h 663"/>
                  <a:gd name="T46" fmla="*/ 69 w 706"/>
                  <a:gd name="T47" fmla="*/ 73 h 663"/>
                  <a:gd name="T48" fmla="*/ 107 w 706"/>
                  <a:gd name="T49" fmla="*/ 49 h 663"/>
                  <a:gd name="T50" fmla="*/ 147 w 706"/>
                  <a:gd name="T51" fmla="*/ 30 h 663"/>
                  <a:gd name="T52" fmla="*/ 190 w 706"/>
                  <a:gd name="T53" fmla="*/ 15 h 663"/>
                  <a:gd name="T54" fmla="*/ 234 w 706"/>
                  <a:gd name="T55" fmla="*/ 6 h 663"/>
                  <a:gd name="T56" fmla="*/ 277 w 706"/>
                  <a:gd name="T57" fmla="*/ 0 h 663"/>
                  <a:gd name="T58" fmla="*/ 321 w 706"/>
                  <a:gd name="T59" fmla="*/ 0 h 6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706" h="663">
                    <a:moveTo>
                      <a:pt x="321" y="0"/>
                    </a:moveTo>
                    <a:lnTo>
                      <a:pt x="366" y="5"/>
                    </a:lnTo>
                    <a:lnTo>
                      <a:pt x="409" y="13"/>
                    </a:lnTo>
                    <a:lnTo>
                      <a:pt x="452" y="28"/>
                    </a:lnTo>
                    <a:lnTo>
                      <a:pt x="493" y="47"/>
                    </a:lnTo>
                    <a:lnTo>
                      <a:pt x="533" y="70"/>
                    </a:lnTo>
                    <a:lnTo>
                      <a:pt x="570" y="99"/>
                    </a:lnTo>
                    <a:lnTo>
                      <a:pt x="603" y="132"/>
                    </a:lnTo>
                    <a:lnTo>
                      <a:pt x="632" y="168"/>
                    </a:lnTo>
                    <a:lnTo>
                      <a:pt x="656" y="206"/>
                    </a:lnTo>
                    <a:lnTo>
                      <a:pt x="676" y="246"/>
                    </a:lnTo>
                    <a:lnTo>
                      <a:pt x="691" y="287"/>
                    </a:lnTo>
                    <a:lnTo>
                      <a:pt x="701" y="331"/>
                    </a:lnTo>
                    <a:lnTo>
                      <a:pt x="705" y="374"/>
                    </a:lnTo>
                    <a:lnTo>
                      <a:pt x="706" y="418"/>
                    </a:lnTo>
                    <a:lnTo>
                      <a:pt x="702" y="461"/>
                    </a:lnTo>
                    <a:lnTo>
                      <a:pt x="692" y="505"/>
                    </a:lnTo>
                    <a:lnTo>
                      <a:pt x="677" y="547"/>
                    </a:lnTo>
                    <a:lnTo>
                      <a:pt x="658" y="588"/>
                    </a:lnTo>
                    <a:lnTo>
                      <a:pt x="635" y="627"/>
                    </a:lnTo>
                    <a:lnTo>
                      <a:pt x="605" y="663"/>
                    </a:lnTo>
                    <a:lnTo>
                      <a:pt x="0" y="134"/>
                    </a:lnTo>
                    <a:lnTo>
                      <a:pt x="33" y="101"/>
                    </a:lnTo>
                    <a:lnTo>
                      <a:pt x="69" y="73"/>
                    </a:lnTo>
                    <a:lnTo>
                      <a:pt x="107" y="49"/>
                    </a:lnTo>
                    <a:lnTo>
                      <a:pt x="147" y="30"/>
                    </a:lnTo>
                    <a:lnTo>
                      <a:pt x="190" y="15"/>
                    </a:lnTo>
                    <a:lnTo>
                      <a:pt x="234" y="6"/>
                    </a:lnTo>
                    <a:lnTo>
                      <a:pt x="277" y="0"/>
                    </a:lnTo>
                    <a:lnTo>
                      <a:pt x="321" y="0"/>
                    </a:lnTo>
                    <a:close/>
                  </a:path>
                </a:pathLst>
              </a:custGeom>
              <a:grp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grpSp>
      </p:grpSp>
      <p:sp>
        <p:nvSpPr>
          <p:cNvPr id="46" name="Rectangle 45">
            <a:extLst>
              <a:ext uri="{FF2B5EF4-FFF2-40B4-BE49-F238E27FC236}">
                <a16:creationId xmlns:a16="http://schemas.microsoft.com/office/drawing/2014/main" xmlns="" id="{9B8BF941-2D5E-3141-8DB3-B51D23236C66}"/>
              </a:ext>
            </a:extLst>
          </p:cNvPr>
          <p:cNvSpPr/>
          <p:nvPr/>
        </p:nvSpPr>
        <p:spPr>
          <a:xfrm>
            <a:off x="5435234" y="1460102"/>
            <a:ext cx="6563416" cy="2976199"/>
          </a:xfrm>
          <a:prstGeom prst="rect">
            <a:avLst/>
          </a:prstGeom>
        </p:spPr>
        <p:txBody>
          <a:bodyPr wrap="square">
            <a:spAutoFit/>
          </a:bodyPr>
          <a:lstStyle/>
          <a:p>
            <a:pPr algn="just">
              <a:lnSpc>
                <a:spcPct val="107000"/>
              </a:lnSpc>
              <a:spcAft>
                <a:spcPts val="800"/>
              </a:spcAft>
            </a:pPr>
            <a:r>
              <a:rPr lang="en-ZA" dirty="0">
                <a:latin typeface="Arial" panose="020B0604020202020204" pitchFamily="34" charset="0"/>
                <a:ea typeface="Calibri" panose="020F0502020204030204" pitchFamily="34" charset="0"/>
                <a:cs typeface="Times New Roman" panose="02020603050405020304" pitchFamily="18" charset="0"/>
              </a:rPr>
              <a:t/>
            </a:r>
            <a:br>
              <a:rPr lang="en-ZA" dirty="0">
                <a:latin typeface="Arial" panose="020B0604020202020204" pitchFamily="34" charset="0"/>
                <a:ea typeface="Calibri" panose="020F0502020204030204" pitchFamily="34" charset="0"/>
                <a:cs typeface="Times New Roman" panose="02020603050405020304" pitchFamily="18" charset="0"/>
              </a:rPr>
            </a:br>
            <a:r>
              <a:rPr lang="es-VE" dirty="0">
                <a:latin typeface="Arial" panose="020B0604020202020204" pitchFamily="34" charset="0"/>
                <a:ea typeface="Calibri" panose="020F0502020204030204" pitchFamily="34" charset="0"/>
                <a:cs typeface="Times New Roman" panose="02020603050405020304" pitchFamily="18" charset="0"/>
              </a:rPr>
              <a:t>Tomando en consideración las medidas de la </a:t>
            </a:r>
            <a:r>
              <a:rPr lang="es-VE" dirty="0" smtClean="0">
                <a:latin typeface="Arial" panose="020B0604020202020204" pitchFamily="34" charset="0"/>
                <a:ea typeface="Calibri" panose="020F0502020204030204" pitchFamily="34" charset="0"/>
                <a:cs typeface="Times New Roman" panose="02020603050405020304" pitchFamily="18" charset="0"/>
              </a:rPr>
              <a:t>COVID-19:</a:t>
            </a:r>
            <a:endParaRPr lang="en-ZA" dirty="0" smtClean="0">
              <a:latin typeface="Arial" panose="020B0604020202020204" pitchFamily="34" charset="0"/>
              <a:ea typeface="Calibri" panose="020F0502020204030204" pitchFamily="34" charset="0"/>
              <a:cs typeface="Times New Roman" panose="02020603050405020304" pitchFamily="18" charset="0"/>
            </a:endParaRPr>
          </a:p>
          <a:p>
            <a:pPr marL="285750" indent="-285750" algn="just">
              <a:lnSpc>
                <a:spcPct val="107000"/>
              </a:lnSpc>
              <a:spcAft>
                <a:spcPts val="800"/>
              </a:spcAft>
              <a:buFont typeface="Arial" panose="020B0604020202020204" pitchFamily="34" charset="0"/>
              <a:buChar char="•"/>
            </a:pPr>
            <a:r>
              <a:rPr lang="es-VE" dirty="0">
                <a:latin typeface="Arial" panose="020B0604020202020204" pitchFamily="34" charset="0"/>
                <a:ea typeface="Calibri" panose="020F0502020204030204" pitchFamily="34" charset="0"/>
                <a:cs typeface="Times New Roman" panose="02020603050405020304" pitchFamily="18" charset="0"/>
              </a:rPr>
              <a:t>Una conversación de 3 horas de duración</a:t>
            </a:r>
            <a:r>
              <a:rPr lang="es-VE" dirty="0" smtClean="0">
                <a:latin typeface="Arial" panose="020B0604020202020204" pitchFamily="34" charset="0"/>
                <a:ea typeface="Calibri" panose="020F0502020204030204" pitchFamily="34" charset="0"/>
                <a:cs typeface="Times New Roman" panose="02020603050405020304" pitchFamily="18" charset="0"/>
              </a:rPr>
              <a:t>.</a:t>
            </a:r>
          </a:p>
          <a:p>
            <a:pPr marL="285750" indent="-285750" algn="just">
              <a:lnSpc>
                <a:spcPct val="107000"/>
              </a:lnSpc>
              <a:spcAft>
                <a:spcPts val="800"/>
              </a:spcAft>
              <a:buFont typeface="Arial" panose="020B0604020202020204" pitchFamily="34" charset="0"/>
              <a:buChar char="•"/>
            </a:pPr>
            <a:r>
              <a:rPr lang="es-VE" dirty="0" smtClean="0">
                <a:latin typeface="Arial" panose="020B0604020202020204" pitchFamily="34" charset="0"/>
                <a:ea typeface="Calibri" panose="020F0502020204030204" pitchFamily="34" charset="0"/>
                <a:cs typeface="Times New Roman" panose="02020603050405020304" pitchFamily="18" charset="0"/>
              </a:rPr>
              <a:t>En </a:t>
            </a:r>
            <a:r>
              <a:rPr lang="es-VE" dirty="0">
                <a:latin typeface="Arial" panose="020B0604020202020204" pitchFamily="34" charset="0"/>
                <a:ea typeface="Calibri" panose="020F0502020204030204" pitchFamily="34" charset="0"/>
                <a:cs typeface="Times New Roman" panose="02020603050405020304" pitchFamily="18" charset="0"/>
              </a:rPr>
              <a:t>una plataforma virtual como Zoom</a:t>
            </a:r>
            <a:r>
              <a:rPr lang="es-VE" dirty="0" smtClean="0">
                <a:latin typeface="Arial" panose="020B0604020202020204" pitchFamily="34" charset="0"/>
                <a:ea typeface="Calibri" panose="020F0502020204030204" pitchFamily="34" charset="0"/>
                <a:cs typeface="Times New Roman" panose="02020603050405020304" pitchFamily="18" charset="0"/>
              </a:rPr>
              <a:t>.</a:t>
            </a:r>
          </a:p>
          <a:p>
            <a:pPr marL="285750" indent="-285750" algn="just">
              <a:lnSpc>
                <a:spcPct val="107000"/>
              </a:lnSpc>
              <a:spcAft>
                <a:spcPts val="800"/>
              </a:spcAft>
              <a:buFont typeface="Arial" panose="020B0604020202020204" pitchFamily="34" charset="0"/>
              <a:buChar char="•"/>
            </a:pPr>
            <a:r>
              <a:rPr lang="es-VE" dirty="0" smtClean="0">
                <a:latin typeface="Arial" panose="020B0604020202020204" pitchFamily="34" charset="0"/>
                <a:ea typeface="Calibri" panose="020F0502020204030204" pitchFamily="34" charset="0"/>
                <a:cs typeface="Times New Roman" panose="02020603050405020304" pitchFamily="18" charset="0"/>
              </a:rPr>
              <a:t>Se </a:t>
            </a:r>
            <a:r>
              <a:rPr lang="es-VE" dirty="0">
                <a:latin typeface="Arial" panose="020B0604020202020204" pitchFamily="34" charset="0"/>
                <a:ea typeface="Calibri" panose="020F0502020204030204" pitchFamily="34" charset="0"/>
                <a:cs typeface="Times New Roman" panose="02020603050405020304" pitchFamily="18" charset="0"/>
              </a:rPr>
              <a:t>sugieren ente 20 y 25 participantes.</a:t>
            </a:r>
            <a:endParaRPr lang="en-ZA" dirty="0">
              <a:latin typeface="Arial" panose="020B0604020202020204" pitchFamily="34" charset="0"/>
              <a:ea typeface="Calibri" panose="020F0502020204030204" pitchFamily="34" charset="0"/>
              <a:cs typeface="Times New Roman" panose="02020603050405020304" pitchFamily="18" charset="0"/>
            </a:endParaRPr>
          </a:p>
          <a:p>
            <a:pPr>
              <a:lnSpc>
                <a:spcPct val="107000"/>
              </a:lnSpc>
              <a:spcAft>
                <a:spcPts val="800"/>
              </a:spcAft>
            </a:pPr>
            <a:r>
              <a:rPr lang="es-VE" dirty="0">
                <a:latin typeface="Arial" panose="020B0604020202020204" pitchFamily="34" charset="0"/>
                <a:ea typeface="Calibri" panose="020F0502020204030204" pitchFamily="34" charset="0"/>
                <a:cs typeface="Times New Roman" panose="02020603050405020304" pitchFamily="18" charset="0"/>
              </a:rPr>
              <a:t>Si es posible reunirse presencialmente, siempre que se respeten las medidas de distanciamiento locales:</a:t>
            </a:r>
            <a:endParaRPr lang="en-ZA" dirty="0">
              <a:latin typeface="Arial" panose="020B0604020202020204" pitchFamily="34" charset="0"/>
              <a:ea typeface="Calibri" panose="020F0502020204030204" pitchFamily="34" charset="0"/>
              <a:cs typeface="Times New Roman" panose="02020603050405020304" pitchFamily="18" charset="0"/>
            </a:endParaRPr>
          </a:p>
          <a:p>
            <a:pPr>
              <a:lnSpc>
                <a:spcPct val="107000"/>
              </a:lnSpc>
              <a:spcAft>
                <a:spcPts val="800"/>
              </a:spcAft>
            </a:pPr>
            <a:r>
              <a:rPr lang="es-VE" dirty="0">
                <a:latin typeface="+mj-lt"/>
                <a:ea typeface="Calibri" panose="020F0502020204030204" pitchFamily="34" charset="0"/>
                <a:cs typeface="Times New Roman" panose="02020603050405020304" pitchFamily="18" charset="0"/>
              </a:rPr>
              <a:t>La agenda se puede adaptar a discusiones cara a cara.</a:t>
            </a:r>
            <a:endParaRPr lang="en-ZA" dirty="0">
              <a:effectLst/>
              <a:latin typeface="+mj-lt"/>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201207262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xmlns="" id="{3ED10F78-F1A8-1046-9BE4-8DA7FD26E178}"/>
              </a:ext>
            </a:extLst>
          </p:cNvPr>
          <p:cNvGrpSpPr/>
          <p:nvPr/>
        </p:nvGrpSpPr>
        <p:grpSpPr>
          <a:xfrm>
            <a:off x="2261527" y="1522040"/>
            <a:ext cx="7668946" cy="4650828"/>
            <a:chOff x="2261527" y="1103586"/>
            <a:chExt cx="7668946" cy="4650828"/>
          </a:xfrm>
        </p:grpSpPr>
        <p:sp>
          <p:nvSpPr>
            <p:cNvPr id="3" name="Shape">
              <a:extLst>
                <a:ext uri="{FF2B5EF4-FFF2-40B4-BE49-F238E27FC236}">
                  <a16:creationId xmlns:a16="http://schemas.microsoft.com/office/drawing/2014/main" xmlns="" id="{D31238E6-CEA8-D742-B12A-C8744F7C9F4A}"/>
                </a:ext>
              </a:extLst>
            </p:cNvPr>
            <p:cNvSpPr/>
            <p:nvPr/>
          </p:nvSpPr>
          <p:spPr>
            <a:xfrm>
              <a:off x="2261527" y="2508074"/>
              <a:ext cx="1576971" cy="3227858"/>
            </a:xfrm>
            <a:custGeom>
              <a:avLst/>
              <a:gdLst/>
              <a:ahLst/>
              <a:cxnLst>
                <a:cxn ang="0">
                  <a:pos x="wd2" y="hd2"/>
                </a:cxn>
                <a:cxn ang="5400000">
                  <a:pos x="wd2" y="hd2"/>
                </a:cxn>
                <a:cxn ang="10800000">
                  <a:pos x="wd2" y="hd2"/>
                </a:cxn>
                <a:cxn ang="16200000">
                  <a:pos x="wd2" y="hd2"/>
                </a:cxn>
              </a:cxnLst>
              <a:rect l="0" t="0" r="r" b="b"/>
              <a:pathLst>
                <a:path w="21600" h="21600" extrusionOk="0">
                  <a:moveTo>
                    <a:pt x="21600" y="214"/>
                  </a:moveTo>
                  <a:lnTo>
                    <a:pt x="21600" y="11938"/>
                  </a:lnTo>
                  <a:cubicBezTo>
                    <a:pt x="21600" y="12004"/>
                    <a:pt x="21533" y="12086"/>
                    <a:pt x="21397" y="12119"/>
                  </a:cubicBezTo>
                  <a:lnTo>
                    <a:pt x="11002" y="15054"/>
                  </a:lnTo>
                  <a:cubicBezTo>
                    <a:pt x="10969" y="15071"/>
                    <a:pt x="10935" y="15071"/>
                    <a:pt x="10901" y="15071"/>
                  </a:cubicBezTo>
                  <a:lnTo>
                    <a:pt x="10901" y="20396"/>
                  </a:lnTo>
                  <a:lnTo>
                    <a:pt x="11880" y="20677"/>
                  </a:lnTo>
                  <a:lnTo>
                    <a:pt x="11880" y="21287"/>
                  </a:lnTo>
                  <a:lnTo>
                    <a:pt x="10800" y="21600"/>
                  </a:lnTo>
                  <a:lnTo>
                    <a:pt x="9720" y="21287"/>
                  </a:lnTo>
                  <a:lnTo>
                    <a:pt x="9720" y="20677"/>
                  </a:lnTo>
                  <a:lnTo>
                    <a:pt x="10699" y="20396"/>
                  </a:lnTo>
                  <a:lnTo>
                    <a:pt x="10699" y="15071"/>
                  </a:lnTo>
                  <a:cubicBezTo>
                    <a:pt x="10665" y="15071"/>
                    <a:pt x="10631" y="15054"/>
                    <a:pt x="10597" y="15054"/>
                  </a:cubicBezTo>
                  <a:lnTo>
                    <a:pt x="202" y="12119"/>
                  </a:lnTo>
                  <a:cubicBezTo>
                    <a:pt x="67" y="12086"/>
                    <a:pt x="0" y="12020"/>
                    <a:pt x="0" y="11938"/>
                  </a:cubicBezTo>
                  <a:lnTo>
                    <a:pt x="0" y="6068"/>
                  </a:lnTo>
                  <a:cubicBezTo>
                    <a:pt x="0" y="6002"/>
                    <a:pt x="67" y="5919"/>
                    <a:pt x="202" y="5886"/>
                  </a:cubicBezTo>
                  <a:lnTo>
                    <a:pt x="10597" y="2951"/>
                  </a:lnTo>
                  <a:cubicBezTo>
                    <a:pt x="10732" y="2918"/>
                    <a:pt x="10868" y="2918"/>
                    <a:pt x="11002" y="2951"/>
                  </a:cubicBezTo>
                  <a:lnTo>
                    <a:pt x="19204" y="5210"/>
                  </a:lnTo>
                  <a:cubicBezTo>
                    <a:pt x="19406" y="5260"/>
                    <a:pt x="19474" y="5392"/>
                    <a:pt x="19372" y="5491"/>
                  </a:cubicBezTo>
                  <a:cubicBezTo>
                    <a:pt x="19271" y="5590"/>
                    <a:pt x="19001" y="5623"/>
                    <a:pt x="18799" y="5573"/>
                  </a:cubicBezTo>
                  <a:lnTo>
                    <a:pt x="10800" y="3364"/>
                  </a:lnTo>
                  <a:lnTo>
                    <a:pt x="810" y="6183"/>
                  </a:lnTo>
                  <a:lnTo>
                    <a:pt x="810" y="11806"/>
                  </a:lnTo>
                  <a:lnTo>
                    <a:pt x="10800" y="14625"/>
                  </a:lnTo>
                  <a:lnTo>
                    <a:pt x="20790" y="11806"/>
                  </a:lnTo>
                  <a:lnTo>
                    <a:pt x="20790" y="198"/>
                  </a:lnTo>
                  <a:cubicBezTo>
                    <a:pt x="20790" y="82"/>
                    <a:pt x="20993" y="0"/>
                    <a:pt x="21195" y="0"/>
                  </a:cubicBezTo>
                  <a:cubicBezTo>
                    <a:pt x="21397" y="0"/>
                    <a:pt x="21600" y="99"/>
                    <a:pt x="21600" y="214"/>
                  </a:cubicBezTo>
                  <a:close/>
                </a:path>
              </a:pathLst>
            </a:custGeom>
            <a:solidFill>
              <a:schemeClr val="accent2"/>
            </a:solidFill>
            <a:ln w="12700">
              <a:miter lim="400000"/>
            </a:ln>
          </p:spPr>
          <p:txBody>
            <a:bodyPr lIns="38100" tIns="38100" rIns="38100" bIns="38100" anchor="ctr"/>
            <a:lstStyle/>
            <a:p>
              <a:pPr>
                <a:defRPr sz="3000">
                  <a:solidFill>
                    <a:srgbClr val="FFFFFF"/>
                  </a:solidFill>
                </a:defRPr>
              </a:pPr>
              <a:endParaRPr dirty="0"/>
            </a:p>
          </p:txBody>
        </p:sp>
        <p:sp>
          <p:nvSpPr>
            <p:cNvPr id="4" name="Shape">
              <a:extLst>
                <a:ext uri="{FF2B5EF4-FFF2-40B4-BE49-F238E27FC236}">
                  <a16:creationId xmlns:a16="http://schemas.microsoft.com/office/drawing/2014/main" xmlns="" id="{99531C6E-D820-B94F-B752-BB8659B07B48}"/>
                </a:ext>
              </a:extLst>
            </p:cNvPr>
            <p:cNvSpPr/>
            <p:nvPr/>
          </p:nvSpPr>
          <p:spPr>
            <a:xfrm>
              <a:off x="5464747" y="2508076"/>
              <a:ext cx="1430331" cy="3227862"/>
            </a:xfrm>
            <a:custGeom>
              <a:avLst/>
              <a:gdLst/>
              <a:ahLst/>
              <a:cxnLst>
                <a:cxn ang="0">
                  <a:pos x="wd2" y="hd2"/>
                </a:cxn>
                <a:cxn ang="5400000">
                  <a:pos x="wd2" y="hd2"/>
                </a:cxn>
                <a:cxn ang="10800000">
                  <a:pos x="wd2" y="hd2"/>
                </a:cxn>
                <a:cxn ang="16200000">
                  <a:pos x="wd2" y="hd2"/>
                </a:cxn>
              </a:cxnLst>
              <a:rect l="0" t="0" r="r" b="b"/>
              <a:pathLst>
                <a:path w="21507" h="21600" extrusionOk="0">
                  <a:moveTo>
                    <a:pt x="51" y="5936"/>
                  </a:moveTo>
                  <a:cubicBezTo>
                    <a:pt x="-60" y="5837"/>
                    <a:pt x="14" y="5722"/>
                    <a:pt x="236" y="5656"/>
                  </a:cubicBezTo>
                  <a:lnTo>
                    <a:pt x="9906" y="3182"/>
                  </a:lnTo>
                  <a:cubicBezTo>
                    <a:pt x="10055" y="3149"/>
                    <a:pt x="10240" y="3149"/>
                    <a:pt x="10351" y="3182"/>
                  </a:cubicBezTo>
                  <a:lnTo>
                    <a:pt x="20021" y="5656"/>
                  </a:lnTo>
                  <a:cubicBezTo>
                    <a:pt x="20243" y="5705"/>
                    <a:pt x="20317" y="5837"/>
                    <a:pt x="20206" y="5936"/>
                  </a:cubicBezTo>
                  <a:cubicBezTo>
                    <a:pt x="20132" y="6002"/>
                    <a:pt x="19984" y="6035"/>
                    <a:pt x="19799" y="6035"/>
                  </a:cubicBezTo>
                  <a:cubicBezTo>
                    <a:pt x="19725" y="6035"/>
                    <a:pt x="19650" y="6018"/>
                    <a:pt x="19576" y="6002"/>
                  </a:cubicBezTo>
                  <a:lnTo>
                    <a:pt x="10166" y="3578"/>
                  </a:lnTo>
                  <a:lnTo>
                    <a:pt x="755" y="6002"/>
                  </a:lnTo>
                  <a:cubicBezTo>
                    <a:pt x="459" y="6068"/>
                    <a:pt x="199" y="6035"/>
                    <a:pt x="51" y="5936"/>
                  </a:cubicBezTo>
                  <a:close/>
                  <a:moveTo>
                    <a:pt x="21058" y="0"/>
                  </a:moveTo>
                  <a:cubicBezTo>
                    <a:pt x="20799" y="0"/>
                    <a:pt x="20614" y="99"/>
                    <a:pt x="20614" y="198"/>
                  </a:cubicBezTo>
                  <a:lnTo>
                    <a:pt x="20614" y="11806"/>
                  </a:lnTo>
                  <a:lnTo>
                    <a:pt x="9647" y="14625"/>
                  </a:lnTo>
                  <a:lnTo>
                    <a:pt x="681" y="12317"/>
                  </a:lnTo>
                  <a:cubicBezTo>
                    <a:pt x="459" y="12267"/>
                    <a:pt x="199" y="12300"/>
                    <a:pt x="51" y="12399"/>
                  </a:cubicBezTo>
                  <a:cubicBezTo>
                    <a:pt x="-60" y="12498"/>
                    <a:pt x="14" y="12614"/>
                    <a:pt x="236" y="12680"/>
                  </a:cubicBezTo>
                  <a:lnTo>
                    <a:pt x="9388" y="15038"/>
                  </a:lnTo>
                  <a:lnTo>
                    <a:pt x="9388" y="20396"/>
                  </a:lnTo>
                  <a:lnTo>
                    <a:pt x="8313" y="20677"/>
                  </a:lnTo>
                  <a:lnTo>
                    <a:pt x="8313" y="21287"/>
                  </a:lnTo>
                  <a:lnTo>
                    <a:pt x="9499" y="21600"/>
                  </a:lnTo>
                  <a:lnTo>
                    <a:pt x="10684" y="21287"/>
                  </a:lnTo>
                  <a:lnTo>
                    <a:pt x="10684" y="20677"/>
                  </a:lnTo>
                  <a:lnTo>
                    <a:pt x="9610" y="20396"/>
                  </a:lnTo>
                  <a:lnTo>
                    <a:pt x="9610" y="15087"/>
                  </a:lnTo>
                  <a:cubicBezTo>
                    <a:pt x="9610" y="15087"/>
                    <a:pt x="9647" y="15087"/>
                    <a:pt x="9647" y="15087"/>
                  </a:cubicBezTo>
                  <a:cubicBezTo>
                    <a:pt x="9721" y="15087"/>
                    <a:pt x="9795" y="15071"/>
                    <a:pt x="9869" y="15054"/>
                  </a:cubicBezTo>
                  <a:lnTo>
                    <a:pt x="21281" y="12119"/>
                  </a:lnTo>
                  <a:cubicBezTo>
                    <a:pt x="21429" y="12086"/>
                    <a:pt x="21503" y="12020"/>
                    <a:pt x="21503" y="11938"/>
                  </a:cubicBezTo>
                  <a:lnTo>
                    <a:pt x="21503" y="214"/>
                  </a:lnTo>
                  <a:cubicBezTo>
                    <a:pt x="21540" y="82"/>
                    <a:pt x="21318" y="0"/>
                    <a:pt x="21058" y="0"/>
                  </a:cubicBezTo>
                  <a:close/>
                </a:path>
              </a:pathLst>
            </a:custGeom>
            <a:solidFill>
              <a:schemeClr val="accent6"/>
            </a:solidFill>
            <a:ln w="12700">
              <a:miter lim="400000"/>
            </a:ln>
          </p:spPr>
          <p:txBody>
            <a:bodyPr lIns="38100" tIns="38100" rIns="38100" bIns="38100" anchor="ctr"/>
            <a:lstStyle/>
            <a:p>
              <a:pPr>
                <a:defRPr sz="3000">
                  <a:solidFill>
                    <a:srgbClr val="FFFFFF"/>
                  </a:solidFill>
                </a:defRPr>
              </a:pPr>
              <a:endParaRPr dirty="0"/>
            </a:p>
          </p:txBody>
        </p:sp>
        <p:sp>
          <p:nvSpPr>
            <p:cNvPr id="5" name="Shape">
              <a:extLst>
                <a:ext uri="{FF2B5EF4-FFF2-40B4-BE49-F238E27FC236}">
                  <a16:creationId xmlns:a16="http://schemas.microsoft.com/office/drawing/2014/main" xmlns="" id="{41B89B67-9BC2-7342-9B0B-A073462F9918}"/>
                </a:ext>
              </a:extLst>
            </p:cNvPr>
            <p:cNvSpPr/>
            <p:nvPr/>
          </p:nvSpPr>
          <p:spPr>
            <a:xfrm>
              <a:off x="3912416" y="1103588"/>
              <a:ext cx="1479821" cy="3227862"/>
            </a:xfrm>
            <a:custGeom>
              <a:avLst/>
              <a:gdLst/>
              <a:ahLst/>
              <a:cxnLst>
                <a:cxn ang="0">
                  <a:pos x="wd2" y="hd2"/>
                </a:cxn>
                <a:cxn ang="5400000">
                  <a:pos x="wd2" y="hd2"/>
                </a:cxn>
                <a:cxn ang="10800000">
                  <a:pos x="wd2" y="hd2"/>
                </a:cxn>
                <a:cxn ang="16200000">
                  <a:pos x="wd2" y="hd2"/>
                </a:cxn>
              </a:cxnLst>
              <a:rect l="0" t="0" r="r" b="b"/>
              <a:pathLst>
                <a:path w="21513" h="21600" extrusionOk="0">
                  <a:moveTo>
                    <a:pt x="19536" y="15813"/>
                  </a:moveTo>
                  <a:cubicBezTo>
                    <a:pt x="19643" y="15911"/>
                    <a:pt x="19572" y="16027"/>
                    <a:pt x="19357" y="16093"/>
                  </a:cubicBezTo>
                  <a:lnTo>
                    <a:pt x="10008" y="18566"/>
                  </a:lnTo>
                  <a:cubicBezTo>
                    <a:pt x="9936" y="18583"/>
                    <a:pt x="9864" y="18599"/>
                    <a:pt x="9793" y="18599"/>
                  </a:cubicBezTo>
                  <a:cubicBezTo>
                    <a:pt x="9721" y="18599"/>
                    <a:pt x="9649" y="18583"/>
                    <a:pt x="9578" y="18566"/>
                  </a:cubicBezTo>
                  <a:lnTo>
                    <a:pt x="229" y="16093"/>
                  </a:lnTo>
                  <a:cubicBezTo>
                    <a:pt x="14" y="16043"/>
                    <a:pt x="-58" y="15911"/>
                    <a:pt x="49" y="15813"/>
                  </a:cubicBezTo>
                  <a:cubicBezTo>
                    <a:pt x="157" y="15714"/>
                    <a:pt x="443" y="15681"/>
                    <a:pt x="658" y="15730"/>
                  </a:cubicBezTo>
                  <a:lnTo>
                    <a:pt x="9757" y="18154"/>
                  </a:lnTo>
                  <a:lnTo>
                    <a:pt x="18855" y="15730"/>
                  </a:lnTo>
                  <a:cubicBezTo>
                    <a:pt x="19142" y="15681"/>
                    <a:pt x="19429" y="15714"/>
                    <a:pt x="19536" y="15813"/>
                  </a:cubicBezTo>
                  <a:close/>
                  <a:moveTo>
                    <a:pt x="21291" y="9481"/>
                  </a:moveTo>
                  <a:lnTo>
                    <a:pt x="10258" y="6546"/>
                  </a:lnTo>
                  <a:cubicBezTo>
                    <a:pt x="10151" y="6513"/>
                    <a:pt x="10008" y="6513"/>
                    <a:pt x="9900" y="6529"/>
                  </a:cubicBezTo>
                  <a:lnTo>
                    <a:pt x="9900" y="1204"/>
                  </a:lnTo>
                  <a:lnTo>
                    <a:pt x="10939" y="923"/>
                  </a:lnTo>
                  <a:lnTo>
                    <a:pt x="10939" y="313"/>
                  </a:lnTo>
                  <a:lnTo>
                    <a:pt x="9793" y="0"/>
                  </a:lnTo>
                  <a:lnTo>
                    <a:pt x="8646" y="313"/>
                  </a:lnTo>
                  <a:lnTo>
                    <a:pt x="8646" y="923"/>
                  </a:lnTo>
                  <a:lnTo>
                    <a:pt x="9685" y="1204"/>
                  </a:lnTo>
                  <a:lnTo>
                    <a:pt x="9685" y="6579"/>
                  </a:lnTo>
                  <a:lnTo>
                    <a:pt x="623" y="8821"/>
                  </a:lnTo>
                  <a:cubicBezTo>
                    <a:pt x="408" y="8871"/>
                    <a:pt x="336" y="9003"/>
                    <a:pt x="444" y="9102"/>
                  </a:cubicBezTo>
                  <a:cubicBezTo>
                    <a:pt x="551" y="9201"/>
                    <a:pt x="838" y="9234"/>
                    <a:pt x="1052" y="9184"/>
                  </a:cubicBezTo>
                  <a:lnTo>
                    <a:pt x="10043" y="6975"/>
                  </a:lnTo>
                  <a:lnTo>
                    <a:pt x="20646" y="9794"/>
                  </a:lnTo>
                  <a:lnTo>
                    <a:pt x="20646" y="21402"/>
                  </a:lnTo>
                  <a:cubicBezTo>
                    <a:pt x="20646" y="21518"/>
                    <a:pt x="20861" y="21600"/>
                    <a:pt x="21076" y="21600"/>
                  </a:cubicBezTo>
                  <a:cubicBezTo>
                    <a:pt x="21291" y="21600"/>
                    <a:pt x="21506" y="21501"/>
                    <a:pt x="21506" y="21402"/>
                  </a:cubicBezTo>
                  <a:lnTo>
                    <a:pt x="21506" y="9679"/>
                  </a:lnTo>
                  <a:cubicBezTo>
                    <a:pt x="21542" y="9596"/>
                    <a:pt x="21435" y="9530"/>
                    <a:pt x="21291" y="9481"/>
                  </a:cubicBezTo>
                  <a:close/>
                </a:path>
              </a:pathLst>
            </a:custGeom>
            <a:solidFill>
              <a:schemeClr val="accent3"/>
            </a:solidFill>
            <a:ln w="12700">
              <a:miter lim="400000"/>
            </a:ln>
          </p:spPr>
          <p:txBody>
            <a:bodyPr lIns="38100" tIns="38100" rIns="38100" bIns="38100" anchor="ctr"/>
            <a:lstStyle/>
            <a:p>
              <a:pPr>
                <a:defRPr sz="3000">
                  <a:solidFill>
                    <a:srgbClr val="FFFFFF"/>
                  </a:solidFill>
                </a:defRPr>
              </a:pPr>
              <a:endParaRPr dirty="0"/>
            </a:p>
          </p:txBody>
        </p:sp>
        <p:sp>
          <p:nvSpPr>
            <p:cNvPr id="6" name="Shape">
              <a:extLst>
                <a:ext uri="{FF2B5EF4-FFF2-40B4-BE49-F238E27FC236}">
                  <a16:creationId xmlns:a16="http://schemas.microsoft.com/office/drawing/2014/main" xmlns="" id="{B80BED5D-E09E-A146-8C7D-E8AA3D3E2B30}"/>
                </a:ext>
              </a:extLst>
            </p:cNvPr>
            <p:cNvSpPr/>
            <p:nvPr/>
          </p:nvSpPr>
          <p:spPr>
            <a:xfrm>
              <a:off x="6943155" y="1103586"/>
              <a:ext cx="1457165" cy="3225398"/>
            </a:xfrm>
            <a:custGeom>
              <a:avLst/>
              <a:gdLst/>
              <a:ahLst/>
              <a:cxnLst>
                <a:cxn ang="0">
                  <a:pos x="wd2" y="hd2"/>
                </a:cxn>
                <a:cxn ang="5400000">
                  <a:pos x="wd2" y="hd2"/>
                </a:cxn>
                <a:cxn ang="10800000">
                  <a:pos x="wd2" y="hd2"/>
                </a:cxn>
                <a:cxn ang="16200000">
                  <a:pos x="wd2" y="hd2"/>
                </a:cxn>
              </a:cxnLst>
              <a:rect l="0" t="0" r="r" b="b"/>
              <a:pathLst>
                <a:path w="21541" h="21600" extrusionOk="0">
                  <a:moveTo>
                    <a:pt x="19865" y="15825"/>
                  </a:moveTo>
                  <a:cubicBezTo>
                    <a:pt x="19975" y="15924"/>
                    <a:pt x="19902" y="16039"/>
                    <a:pt x="19683" y="16105"/>
                  </a:cubicBezTo>
                  <a:lnTo>
                    <a:pt x="10176" y="18580"/>
                  </a:lnTo>
                  <a:cubicBezTo>
                    <a:pt x="10104" y="18597"/>
                    <a:pt x="10031" y="18613"/>
                    <a:pt x="9958" y="18613"/>
                  </a:cubicBezTo>
                  <a:cubicBezTo>
                    <a:pt x="9885" y="18613"/>
                    <a:pt x="9812" y="18597"/>
                    <a:pt x="9739" y="18580"/>
                  </a:cubicBezTo>
                  <a:lnTo>
                    <a:pt x="232" y="16105"/>
                  </a:lnTo>
                  <a:cubicBezTo>
                    <a:pt x="14" y="16056"/>
                    <a:pt x="-59" y="15924"/>
                    <a:pt x="50" y="15825"/>
                  </a:cubicBezTo>
                  <a:cubicBezTo>
                    <a:pt x="160" y="15726"/>
                    <a:pt x="451" y="15693"/>
                    <a:pt x="669" y="15742"/>
                  </a:cubicBezTo>
                  <a:lnTo>
                    <a:pt x="9921" y="18168"/>
                  </a:lnTo>
                  <a:lnTo>
                    <a:pt x="19173" y="15742"/>
                  </a:lnTo>
                  <a:cubicBezTo>
                    <a:pt x="19465" y="15693"/>
                    <a:pt x="19756" y="15726"/>
                    <a:pt x="19865" y="15825"/>
                  </a:cubicBezTo>
                  <a:close/>
                  <a:moveTo>
                    <a:pt x="21286" y="9488"/>
                  </a:moveTo>
                  <a:lnTo>
                    <a:pt x="10104" y="6551"/>
                  </a:lnTo>
                  <a:lnTo>
                    <a:pt x="10104" y="1205"/>
                  </a:lnTo>
                  <a:lnTo>
                    <a:pt x="11160" y="924"/>
                  </a:lnTo>
                  <a:lnTo>
                    <a:pt x="11160" y="314"/>
                  </a:lnTo>
                  <a:lnTo>
                    <a:pt x="9994" y="0"/>
                  </a:lnTo>
                  <a:lnTo>
                    <a:pt x="8829" y="314"/>
                  </a:lnTo>
                  <a:lnTo>
                    <a:pt x="8829" y="924"/>
                  </a:lnTo>
                  <a:lnTo>
                    <a:pt x="9885" y="1205"/>
                  </a:lnTo>
                  <a:lnTo>
                    <a:pt x="9885" y="6518"/>
                  </a:lnTo>
                  <a:cubicBezTo>
                    <a:pt x="9812" y="6518"/>
                    <a:pt x="9739" y="6518"/>
                    <a:pt x="9666" y="6534"/>
                  </a:cubicBezTo>
                  <a:lnTo>
                    <a:pt x="305" y="8812"/>
                  </a:lnTo>
                  <a:cubicBezTo>
                    <a:pt x="87" y="8861"/>
                    <a:pt x="14" y="8993"/>
                    <a:pt x="123" y="9092"/>
                  </a:cubicBezTo>
                  <a:cubicBezTo>
                    <a:pt x="232" y="9191"/>
                    <a:pt x="524" y="9224"/>
                    <a:pt x="742" y="9175"/>
                  </a:cubicBezTo>
                  <a:lnTo>
                    <a:pt x="9885" y="6963"/>
                  </a:lnTo>
                  <a:lnTo>
                    <a:pt x="20667" y="9785"/>
                  </a:lnTo>
                  <a:lnTo>
                    <a:pt x="20667" y="21402"/>
                  </a:lnTo>
                  <a:cubicBezTo>
                    <a:pt x="20667" y="21517"/>
                    <a:pt x="20885" y="21600"/>
                    <a:pt x="21104" y="21600"/>
                  </a:cubicBezTo>
                  <a:cubicBezTo>
                    <a:pt x="21359" y="21600"/>
                    <a:pt x="21541" y="21501"/>
                    <a:pt x="21541" y="21402"/>
                  </a:cubicBezTo>
                  <a:lnTo>
                    <a:pt x="21541" y="9670"/>
                  </a:lnTo>
                  <a:cubicBezTo>
                    <a:pt x="21541" y="9604"/>
                    <a:pt x="21432" y="9538"/>
                    <a:pt x="21286" y="9488"/>
                  </a:cubicBezTo>
                  <a:close/>
                </a:path>
              </a:pathLst>
            </a:custGeom>
            <a:solidFill>
              <a:schemeClr val="accent5"/>
            </a:solidFill>
            <a:ln w="12700">
              <a:miter lim="400000"/>
            </a:ln>
          </p:spPr>
          <p:txBody>
            <a:bodyPr lIns="38100" tIns="38100" rIns="38100" bIns="38100" anchor="ctr"/>
            <a:lstStyle/>
            <a:p>
              <a:pPr>
                <a:defRPr sz="3000">
                  <a:solidFill>
                    <a:srgbClr val="FFFFFF"/>
                  </a:solidFill>
                </a:defRPr>
              </a:pPr>
              <a:endParaRPr dirty="0"/>
            </a:p>
          </p:txBody>
        </p:sp>
        <p:sp>
          <p:nvSpPr>
            <p:cNvPr id="7" name="Shape">
              <a:extLst>
                <a:ext uri="{FF2B5EF4-FFF2-40B4-BE49-F238E27FC236}">
                  <a16:creationId xmlns:a16="http://schemas.microsoft.com/office/drawing/2014/main" xmlns="" id="{BFAD1979-D6E2-7244-9FEB-B99227F1C731}"/>
                </a:ext>
              </a:extLst>
            </p:cNvPr>
            <p:cNvSpPr/>
            <p:nvPr/>
          </p:nvSpPr>
          <p:spPr>
            <a:xfrm>
              <a:off x="8495484" y="3025517"/>
              <a:ext cx="1434989" cy="2728897"/>
            </a:xfrm>
            <a:custGeom>
              <a:avLst/>
              <a:gdLst/>
              <a:ahLst/>
              <a:cxnLst>
                <a:cxn ang="0">
                  <a:pos x="wd2" y="hd2"/>
                </a:cxn>
                <a:cxn ang="5400000">
                  <a:pos x="wd2" y="hd2"/>
                </a:cxn>
                <a:cxn ang="10800000">
                  <a:pos x="wd2" y="hd2"/>
                </a:cxn>
                <a:cxn ang="16200000">
                  <a:pos x="wd2" y="hd2"/>
                </a:cxn>
              </a:cxnLst>
              <a:rect l="0" t="0" r="r" b="b"/>
              <a:pathLst>
                <a:path w="21540" h="21590" extrusionOk="0">
                  <a:moveTo>
                    <a:pt x="21540" y="3226"/>
                  </a:moveTo>
                  <a:lnTo>
                    <a:pt x="21540" y="10166"/>
                  </a:lnTo>
                  <a:cubicBezTo>
                    <a:pt x="21540" y="10244"/>
                    <a:pt x="21466" y="10342"/>
                    <a:pt x="21318" y="10381"/>
                  </a:cubicBezTo>
                  <a:lnTo>
                    <a:pt x="9926" y="13851"/>
                  </a:lnTo>
                  <a:cubicBezTo>
                    <a:pt x="9889" y="13870"/>
                    <a:pt x="9815" y="13870"/>
                    <a:pt x="9741" y="13870"/>
                  </a:cubicBezTo>
                  <a:lnTo>
                    <a:pt x="9741" y="20167"/>
                  </a:lnTo>
                  <a:lnTo>
                    <a:pt x="10814" y="20498"/>
                  </a:lnTo>
                  <a:lnTo>
                    <a:pt x="10814" y="21220"/>
                  </a:lnTo>
                  <a:lnTo>
                    <a:pt x="9630" y="21590"/>
                  </a:lnTo>
                  <a:lnTo>
                    <a:pt x="8447" y="21220"/>
                  </a:lnTo>
                  <a:lnTo>
                    <a:pt x="8447" y="20498"/>
                  </a:lnTo>
                  <a:lnTo>
                    <a:pt x="9519" y="20167"/>
                  </a:lnTo>
                  <a:lnTo>
                    <a:pt x="9519" y="13870"/>
                  </a:lnTo>
                  <a:cubicBezTo>
                    <a:pt x="9482" y="13870"/>
                    <a:pt x="9482" y="13870"/>
                    <a:pt x="9445" y="13851"/>
                  </a:cubicBezTo>
                  <a:lnTo>
                    <a:pt x="236" y="11043"/>
                  </a:lnTo>
                  <a:cubicBezTo>
                    <a:pt x="14" y="10985"/>
                    <a:pt x="-60" y="10829"/>
                    <a:pt x="51" y="10712"/>
                  </a:cubicBezTo>
                  <a:cubicBezTo>
                    <a:pt x="162" y="10595"/>
                    <a:pt x="458" y="10556"/>
                    <a:pt x="680" y="10615"/>
                  </a:cubicBezTo>
                  <a:lnTo>
                    <a:pt x="9630" y="13344"/>
                  </a:lnTo>
                  <a:lnTo>
                    <a:pt x="20578" y="10010"/>
                  </a:lnTo>
                  <a:lnTo>
                    <a:pt x="20578" y="3363"/>
                  </a:lnTo>
                  <a:lnTo>
                    <a:pt x="9335" y="497"/>
                  </a:lnTo>
                  <a:lnTo>
                    <a:pt x="717" y="3168"/>
                  </a:lnTo>
                  <a:cubicBezTo>
                    <a:pt x="495" y="3226"/>
                    <a:pt x="236" y="3187"/>
                    <a:pt x="88" y="3090"/>
                  </a:cubicBezTo>
                  <a:cubicBezTo>
                    <a:pt x="-23" y="2973"/>
                    <a:pt x="51" y="2836"/>
                    <a:pt x="236" y="2758"/>
                  </a:cubicBezTo>
                  <a:lnTo>
                    <a:pt x="9076" y="29"/>
                  </a:lnTo>
                  <a:cubicBezTo>
                    <a:pt x="9224" y="-10"/>
                    <a:pt x="9372" y="-10"/>
                    <a:pt x="9519" y="29"/>
                  </a:cubicBezTo>
                  <a:lnTo>
                    <a:pt x="21244" y="3031"/>
                  </a:lnTo>
                  <a:cubicBezTo>
                    <a:pt x="21429" y="3051"/>
                    <a:pt x="21540" y="3129"/>
                    <a:pt x="21540" y="3226"/>
                  </a:cubicBezTo>
                  <a:close/>
                </a:path>
              </a:pathLst>
            </a:custGeom>
            <a:solidFill>
              <a:schemeClr val="accent4"/>
            </a:solidFill>
            <a:ln w="12700">
              <a:miter lim="400000"/>
            </a:ln>
          </p:spPr>
          <p:txBody>
            <a:bodyPr lIns="38100" tIns="38100" rIns="38100" bIns="38100" anchor="ctr"/>
            <a:lstStyle/>
            <a:p>
              <a:pPr>
                <a:defRPr sz="3000">
                  <a:solidFill>
                    <a:srgbClr val="FFFFFF"/>
                  </a:solidFill>
                </a:defRPr>
              </a:pPr>
              <a:endParaRPr dirty="0"/>
            </a:p>
          </p:txBody>
        </p:sp>
      </p:grpSp>
      <p:grpSp>
        <p:nvGrpSpPr>
          <p:cNvPr id="8" name="Group 7">
            <a:extLst>
              <a:ext uri="{FF2B5EF4-FFF2-40B4-BE49-F238E27FC236}">
                <a16:creationId xmlns:a16="http://schemas.microsoft.com/office/drawing/2014/main" xmlns="" id="{FCC27D4C-4687-C54E-BE54-360D260B7F59}"/>
              </a:ext>
            </a:extLst>
          </p:cNvPr>
          <p:cNvGrpSpPr/>
          <p:nvPr/>
        </p:nvGrpSpPr>
        <p:grpSpPr>
          <a:xfrm>
            <a:off x="3199317" y="5655672"/>
            <a:ext cx="2217353" cy="527289"/>
            <a:chOff x="99590" y="2867410"/>
            <a:chExt cx="3670336" cy="527289"/>
          </a:xfrm>
        </p:grpSpPr>
        <p:sp>
          <p:nvSpPr>
            <p:cNvPr id="9" name="TextBox 8">
              <a:extLst>
                <a:ext uri="{FF2B5EF4-FFF2-40B4-BE49-F238E27FC236}">
                  <a16:creationId xmlns:a16="http://schemas.microsoft.com/office/drawing/2014/main" xmlns="" id="{E93073E8-0D31-794A-83CF-4E3EEA7E969B}"/>
                </a:ext>
              </a:extLst>
            </p:cNvPr>
            <p:cNvSpPr txBox="1"/>
            <p:nvPr/>
          </p:nvSpPr>
          <p:spPr>
            <a:xfrm>
              <a:off x="99590" y="2867410"/>
              <a:ext cx="3670336" cy="400110"/>
            </a:xfrm>
            <a:prstGeom prst="rect">
              <a:avLst/>
            </a:prstGeom>
            <a:noFill/>
          </p:spPr>
          <p:txBody>
            <a:bodyPr wrap="square" lIns="0" rIns="0" rtlCol="0" anchor="b">
              <a:spAutoFit/>
            </a:bodyPr>
            <a:lstStyle/>
            <a:p>
              <a:endParaRPr lang="en-US" sz="2000" b="1" noProof="1"/>
            </a:p>
          </p:txBody>
        </p:sp>
        <p:sp>
          <p:nvSpPr>
            <p:cNvPr id="10" name="TextBox 9">
              <a:extLst>
                <a:ext uri="{FF2B5EF4-FFF2-40B4-BE49-F238E27FC236}">
                  <a16:creationId xmlns:a16="http://schemas.microsoft.com/office/drawing/2014/main" xmlns="" id="{C0C62AAA-BB10-2A4A-A4B5-390FCD29128F}"/>
                </a:ext>
              </a:extLst>
            </p:cNvPr>
            <p:cNvSpPr txBox="1"/>
            <p:nvPr/>
          </p:nvSpPr>
          <p:spPr>
            <a:xfrm>
              <a:off x="332936" y="3086922"/>
              <a:ext cx="2975111" cy="307777"/>
            </a:xfrm>
            <a:prstGeom prst="rect">
              <a:avLst/>
            </a:prstGeom>
            <a:noFill/>
          </p:spPr>
          <p:txBody>
            <a:bodyPr wrap="square" lIns="0" rIns="0" rtlCol="0" anchor="t">
              <a:spAutoFit/>
            </a:bodyPr>
            <a:lstStyle/>
            <a:p>
              <a:endParaRPr lang="en-US" sz="1400" noProof="1">
                <a:solidFill>
                  <a:schemeClr val="tx1">
                    <a:lumMod val="65000"/>
                    <a:lumOff val="35000"/>
                  </a:schemeClr>
                </a:solidFill>
              </a:endParaRPr>
            </a:p>
          </p:txBody>
        </p:sp>
      </p:grpSp>
      <p:sp>
        <p:nvSpPr>
          <p:cNvPr id="12" name="TextBox 11">
            <a:extLst>
              <a:ext uri="{FF2B5EF4-FFF2-40B4-BE49-F238E27FC236}">
                <a16:creationId xmlns:a16="http://schemas.microsoft.com/office/drawing/2014/main" xmlns="" id="{2A0C0294-A734-3446-8429-E57415BAFD12}"/>
              </a:ext>
            </a:extLst>
          </p:cNvPr>
          <p:cNvSpPr txBox="1"/>
          <p:nvPr/>
        </p:nvSpPr>
        <p:spPr>
          <a:xfrm>
            <a:off x="6658720" y="4869994"/>
            <a:ext cx="1767727" cy="1631216"/>
          </a:xfrm>
          <a:prstGeom prst="rect">
            <a:avLst/>
          </a:prstGeom>
          <a:noFill/>
        </p:spPr>
        <p:txBody>
          <a:bodyPr wrap="square" lIns="0" rIns="0" rtlCol="0" anchor="b">
            <a:spAutoFit/>
          </a:bodyPr>
          <a:lstStyle/>
          <a:p>
            <a:r>
              <a:rPr lang="es-VE" sz="2000" b="1" noProof="1"/>
              <a:t>Decide cómo manejar las salas </a:t>
            </a:r>
            <a:r>
              <a:rPr lang="es-VE" sz="2000" b="1" noProof="1" smtClean="0"/>
              <a:t>para</a:t>
            </a:r>
            <a:r>
              <a:rPr lang="es-VE" sz="2000" b="1" noProof="1" smtClean="0"/>
              <a:t> </a:t>
            </a:r>
            <a:r>
              <a:rPr lang="es-VE" sz="2000" b="1" noProof="1"/>
              <a:t>grupos pequeños</a:t>
            </a:r>
            <a:endParaRPr lang="en-US" sz="2000" b="1" noProof="1"/>
          </a:p>
        </p:txBody>
      </p:sp>
      <p:sp>
        <p:nvSpPr>
          <p:cNvPr id="15" name="TextBox 14">
            <a:extLst>
              <a:ext uri="{FF2B5EF4-FFF2-40B4-BE49-F238E27FC236}">
                <a16:creationId xmlns:a16="http://schemas.microsoft.com/office/drawing/2014/main" xmlns="" id="{18023AEC-F5A0-204D-A446-1A92E28F5C3E}"/>
              </a:ext>
            </a:extLst>
          </p:cNvPr>
          <p:cNvSpPr txBox="1"/>
          <p:nvPr/>
        </p:nvSpPr>
        <p:spPr>
          <a:xfrm>
            <a:off x="9442930" y="5401901"/>
            <a:ext cx="1767727" cy="707886"/>
          </a:xfrm>
          <a:prstGeom prst="rect">
            <a:avLst/>
          </a:prstGeom>
          <a:noFill/>
        </p:spPr>
        <p:txBody>
          <a:bodyPr wrap="square" lIns="0" rIns="0" rtlCol="0" anchor="b">
            <a:spAutoFit/>
          </a:bodyPr>
          <a:lstStyle/>
          <a:p>
            <a:r>
              <a:rPr lang="en-US" sz="2000" b="1" noProof="1"/>
              <a:t>Designa un </a:t>
            </a:r>
            <a:r>
              <a:rPr lang="en-US" sz="2000" b="1" noProof="1" smtClean="0"/>
              <a:t>moderad</a:t>
            </a:r>
            <a:r>
              <a:rPr lang="en-US" sz="2000" b="1" noProof="1" smtClean="0"/>
              <a:t>or</a:t>
            </a:r>
            <a:endParaRPr lang="en-US" sz="2000" b="1" noProof="1"/>
          </a:p>
        </p:txBody>
      </p:sp>
      <p:sp>
        <p:nvSpPr>
          <p:cNvPr id="18" name="TextBox 17">
            <a:extLst>
              <a:ext uri="{FF2B5EF4-FFF2-40B4-BE49-F238E27FC236}">
                <a16:creationId xmlns:a16="http://schemas.microsoft.com/office/drawing/2014/main" xmlns="" id="{ED548D86-B6D2-0345-BD9E-A631B654A2DA}"/>
              </a:ext>
            </a:extLst>
          </p:cNvPr>
          <p:cNvSpPr txBox="1"/>
          <p:nvPr/>
        </p:nvSpPr>
        <p:spPr>
          <a:xfrm>
            <a:off x="4909364" y="1586962"/>
            <a:ext cx="1767727" cy="707886"/>
          </a:xfrm>
          <a:prstGeom prst="rect">
            <a:avLst/>
          </a:prstGeom>
          <a:noFill/>
        </p:spPr>
        <p:txBody>
          <a:bodyPr wrap="square" lIns="0" rIns="0" rtlCol="0" anchor="b">
            <a:spAutoFit/>
          </a:bodyPr>
          <a:lstStyle/>
          <a:p>
            <a:r>
              <a:rPr lang="en-US" sz="2000" b="1" noProof="1"/>
              <a:t>Escoge una plataforma</a:t>
            </a:r>
          </a:p>
        </p:txBody>
      </p:sp>
      <p:grpSp>
        <p:nvGrpSpPr>
          <p:cNvPr id="20" name="Group 19">
            <a:extLst>
              <a:ext uri="{FF2B5EF4-FFF2-40B4-BE49-F238E27FC236}">
                <a16:creationId xmlns:a16="http://schemas.microsoft.com/office/drawing/2014/main" xmlns="" id="{CD708C89-52E3-5146-9650-31D3F2809B11}"/>
              </a:ext>
            </a:extLst>
          </p:cNvPr>
          <p:cNvGrpSpPr/>
          <p:nvPr/>
        </p:nvGrpSpPr>
        <p:grpSpPr>
          <a:xfrm>
            <a:off x="7880877" y="1714832"/>
            <a:ext cx="2001971" cy="707886"/>
            <a:chOff x="332936" y="3040756"/>
            <a:chExt cx="3313819" cy="707886"/>
          </a:xfrm>
        </p:grpSpPr>
        <p:sp>
          <p:nvSpPr>
            <p:cNvPr id="21" name="TextBox 20">
              <a:extLst>
                <a:ext uri="{FF2B5EF4-FFF2-40B4-BE49-F238E27FC236}">
                  <a16:creationId xmlns:a16="http://schemas.microsoft.com/office/drawing/2014/main" xmlns="" id="{B4A9D05C-EBF8-F84C-9711-9D4BB338FDBA}"/>
                </a:ext>
              </a:extLst>
            </p:cNvPr>
            <p:cNvSpPr txBox="1"/>
            <p:nvPr/>
          </p:nvSpPr>
          <p:spPr>
            <a:xfrm>
              <a:off x="720675" y="3040756"/>
              <a:ext cx="2926080" cy="707886"/>
            </a:xfrm>
            <a:prstGeom prst="rect">
              <a:avLst/>
            </a:prstGeom>
            <a:noFill/>
          </p:spPr>
          <p:txBody>
            <a:bodyPr wrap="square" lIns="0" rIns="0" rtlCol="0" anchor="b">
              <a:spAutoFit/>
            </a:bodyPr>
            <a:lstStyle/>
            <a:p>
              <a:r>
                <a:rPr lang="en-US" sz="2000" b="1" noProof="1"/>
                <a:t>Revisa la agenda</a:t>
              </a:r>
            </a:p>
          </p:txBody>
        </p:sp>
        <p:sp>
          <p:nvSpPr>
            <p:cNvPr id="22" name="TextBox 21">
              <a:extLst>
                <a:ext uri="{FF2B5EF4-FFF2-40B4-BE49-F238E27FC236}">
                  <a16:creationId xmlns:a16="http://schemas.microsoft.com/office/drawing/2014/main" xmlns="" id="{8A895AEC-A9FE-E549-AA48-94E1EA3455B6}"/>
                </a:ext>
              </a:extLst>
            </p:cNvPr>
            <p:cNvSpPr txBox="1"/>
            <p:nvPr/>
          </p:nvSpPr>
          <p:spPr>
            <a:xfrm>
              <a:off x="332936" y="3086922"/>
              <a:ext cx="2975111" cy="307777"/>
            </a:xfrm>
            <a:prstGeom prst="rect">
              <a:avLst/>
            </a:prstGeom>
            <a:noFill/>
          </p:spPr>
          <p:txBody>
            <a:bodyPr wrap="square" lIns="0" rIns="0" rtlCol="0" anchor="t">
              <a:spAutoFit/>
            </a:bodyPr>
            <a:lstStyle/>
            <a:p>
              <a:endParaRPr lang="en-US" sz="1400" noProof="1">
                <a:solidFill>
                  <a:schemeClr val="tx1">
                    <a:lumMod val="65000"/>
                    <a:lumOff val="35000"/>
                  </a:schemeClr>
                </a:solidFill>
              </a:endParaRPr>
            </a:p>
          </p:txBody>
        </p:sp>
      </p:grpSp>
      <p:grpSp>
        <p:nvGrpSpPr>
          <p:cNvPr id="23" name="Graphic 8" descr="Lightbulb">
            <a:extLst>
              <a:ext uri="{FF2B5EF4-FFF2-40B4-BE49-F238E27FC236}">
                <a16:creationId xmlns:a16="http://schemas.microsoft.com/office/drawing/2014/main" xmlns="" id="{2876625F-A6A0-7D4C-982D-71D2ADA714F6}"/>
              </a:ext>
            </a:extLst>
          </p:cNvPr>
          <p:cNvGrpSpPr/>
          <p:nvPr/>
        </p:nvGrpSpPr>
        <p:grpSpPr>
          <a:xfrm>
            <a:off x="2593859" y="3798914"/>
            <a:ext cx="914400" cy="914400"/>
            <a:chOff x="2593859" y="3380460"/>
            <a:chExt cx="914400" cy="914400"/>
          </a:xfrm>
          <a:solidFill>
            <a:schemeClr val="accent2"/>
          </a:solidFill>
        </p:grpSpPr>
        <p:sp>
          <p:nvSpPr>
            <p:cNvPr id="24" name="Freeform: Shape 30">
              <a:extLst>
                <a:ext uri="{FF2B5EF4-FFF2-40B4-BE49-F238E27FC236}">
                  <a16:creationId xmlns:a16="http://schemas.microsoft.com/office/drawing/2014/main" xmlns="" id="{2B619287-B190-7B4A-B7B6-3769FD3F2523}"/>
                </a:ext>
              </a:extLst>
            </p:cNvPr>
            <p:cNvSpPr/>
            <p:nvPr/>
          </p:nvSpPr>
          <p:spPr>
            <a:xfrm>
              <a:off x="2927234" y="3990060"/>
              <a:ext cx="247650" cy="57150"/>
            </a:xfrm>
            <a:custGeom>
              <a:avLst/>
              <a:gdLst>
                <a:gd name="connsiteX0" fmla="*/ 28575 w 247650"/>
                <a:gd name="connsiteY0" fmla="*/ 0 h 57150"/>
                <a:gd name="connsiteX1" fmla="*/ 219075 w 247650"/>
                <a:gd name="connsiteY1" fmla="*/ 0 h 57150"/>
                <a:gd name="connsiteX2" fmla="*/ 247650 w 247650"/>
                <a:gd name="connsiteY2" fmla="*/ 28575 h 57150"/>
                <a:gd name="connsiteX3" fmla="*/ 219075 w 247650"/>
                <a:gd name="connsiteY3" fmla="*/ 57150 h 57150"/>
                <a:gd name="connsiteX4" fmla="*/ 28575 w 247650"/>
                <a:gd name="connsiteY4" fmla="*/ 57150 h 57150"/>
                <a:gd name="connsiteX5" fmla="*/ 0 w 247650"/>
                <a:gd name="connsiteY5" fmla="*/ 28575 h 57150"/>
                <a:gd name="connsiteX6" fmla="*/ 28575 w 247650"/>
                <a:gd name="connsiteY6" fmla="*/ 0 h 571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47650" h="57150">
                  <a:moveTo>
                    <a:pt x="28575" y="0"/>
                  </a:moveTo>
                  <a:lnTo>
                    <a:pt x="219075" y="0"/>
                  </a:lnTo>
                  <a:cubicBezTo>
                    <a:pt x="235268" y="0"/>
                    <a:pt x="247650" y="12383"/>
                    <a:pt x="247650" y="28575"/>
                  </a:cubicBezTo>
                  <a:cubicBezTo>
                    <a:pt x="247650" y="44767"/>
                    <a:pt x="235268" y="57150"/>
                    <a:pt x="219075" y="57150"/>
                  </a:cubicBezTo>
                  <a:lnTo>
                    <a:pt x="28575" y="57150"/>
                  </a:lnTo>
                  <a:cubicBezTo>
                    <a:pt x="12382" y="57150"/>
                    <a:pt x="0" y="44767"/>
                    <a:pt x="0" y="28575"/>
                  </a:cubicBezTo>
                  <a:cubicBezTo>
                    <a:pt x="0" y="12383"/>
                    <a:pt x="12382" y="0"/>
                    <a:pt x="28575" y="0"/>
                  </a:cubicBezTo>
                  <a:close/>
                </a:path>
              </a:pathLst>
            </a:custGeom>
            <a:grpFill/>
            <a:ln w="9525" cap="flat">
              <a:noFill/>
              <a:prstDash val="solid"/>
              <a:miter/>
            </a:ln>
          </p:spPr>
          <p:txBody>
            <a:bodyPr rtlCol="0" anchor="ctr"/>
            <a:lstStyle/>
            <a:p>
              <a:endParaRPr lang="en-US" dirty="0"/>
            </a:p>
          </p:txBody>
        </p:sp>
        <p:sp>
          <p:nvSpPr>
            <p:cNvPr id="25" name="Freeform: Shape 31">
              <a:extLst>
                <a:ext uri="{FF2B5EF4-FFF2-40B4-BE49-F238E27FC236}">
                  <a16:creationId xmlns:a16="http://schemas.microsoft.com/office/drawing/2014/main" xmlns="" id="{DE416EE1-04A4-9F47-8621-9FD66CDEDE96}"/>
                </a:ext>
              </a:extLst>
            </p:cNvPr>
            <p:cNvSpPr/>
            <p:nvPr/>
          </p:nvSpPr>
          <p:spPr>
            <a:xfrm>
              <a:off x="2927234" y="4085310"/>
              <a:ext cx="247650" cy="57150"/>
            </a:xfrm>
            <a:custGeom>
              <a:avLst/>
              <a:gdLst>
                <a:gd name="connsiteX0" fmla="*/ 28575 w 247650"/>
                <a:gd name="connsiteY0" fmla="*/ 0 h 57150"/>
                <a:gd name="connsiteX1" fmla="*/ 219075 w 247650"/>
                <a:gd name="connsiteY1" fmla="*/ 0 h 57150"/>
                <a:gd name="connsiteX2" fmla="*/ 247650 w 247650"/>
                <a:gd name="connsiteY2" fmla="*/ 28575 h 57150"/>
                <a:gd name="connsiteX3" fmla="*/ 219075 w 247650"/>
                <a:gd name="connsiteY3" fmla="*/ 57150 h 57150"/>
                <a:gd name="connsiteX4" fmla="*/ 28575 w 247650"/>
                <a:gd name="connsiteY4" fmla="*/ 57150 h 57150"/>
                <a:gd name="connsiteX5" fmla="*/ 0 w 247650"/>
                <a:gd name="connsiteY5" fmla="*/ 28575 h 57150"/>
                <a:gd name="connsiteX6" fmla="*/ 28575 w 247650"/>
                <a:gd name="connsiteY6" fmla="*/ 0 h 571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47650" h="57150">
                  <a:moveTo>
                    <a:pt x="28575" y="0"/>
                  </a:moveTo>
                  <a:lnTo>
                    <a:pt x="219075" y="0"/>
                  </a:lnTo>
                  <a:cubicBezTo>
                    <a:pt x="235268" y="0"/>
                    <a:pt x="247650" y="12383"/>
                    <a:pt x="247650" y="28575"/>
                  </a:cubicBezTo>
                  <a:cubicBezTo>
                    <a:pt x="247650" y="44767"/>
                    <a:pt x="235268" y="57150"/>
                    <a:pt x="219075" y="57150"/>
                  </a:cubicBezTo>
                  <a:lnTo>
                    <a:pt x="28575" y="57150"/>
                  </a:lnTo>
                  <a:cubicBezTo>
                    <a:pt x="12382" y="57150"/>
                    <a:pt x="0" y="44767"/>
                    <a:pt x="0" y="28575"/>
                  </a:cubicBezTo>
                  <a:cubicBezTo>
                    <a:pt x="0" y="12383"/>
                    <a:pt x="12382" y="0"/>
                    <a:pt x="28575" y="0"/>
                  </a:cubicBezTo>
                  <a:close/>
                </a:path>
              </a:pathLst>
            </a:custGeom>
            <a:grpFill/>
            <a:ln w="9525" cap="flat">
              <a:noFill/>
              <a:prstDash val="solid"/>
              <a:miter/>
            </a:ln>
          </p:spPr>
          <p:txBody>
            <a:bodyPr rtlCol="0" anchor="ctr"/>
            <a:lstStyle/>
            <a:p>
              <a:endParaRPr lang="en-US" dirty="0"/>
            </a:p>
          </p:txBody>
        </p:sp>
        <p:sp>
          <p:nvSpPr>
            <p:cNvPr id="26" name="Freeform: Shape 32">
              <a:extLst>
                <a:ext uri="{FF2B5EF4-FFF2-40B4-BE49-F238E27FC236}">
                  <a16:creationId xmlns:a16="http://schemas.microsoft.com/office/drawing/2014/main" xmlns="" id="{9737F9B8-08BE-7B4D-AF7A-B0F596ABF608}"/>
                </a:ext>
              </a:extLst>
            </p:cNvPr>
            <p:cNvSpPr/>
            <p:nvPr/>
          </p:nvSpPr>
          <p:spPr>
            <a:xfrm>
              <a:off x="2989146" y="4180560"/>
              <a:ext cx="123825" cy="57150"/>
            </a:xfrm>
            <a:custGeom>
              <a:avLst/>
              <a:gdLst>
                <a:gd name="connsiteX0" fmla="*/ 0 w 123825"/>
                <a:gd name="connsiteY0" fmla="*/ 0 h 57150"/>
                <a:gd name="connsiteX1" fmla="*/ 61913 w 123825"/>
                <a:gd name="connsiteY1" fmla="*/ 57150 h 57150"/>
                <a:gd name="connsiteX2" fmla="*/ 123825 w 123825"/>
                <a:gd name="connsiteY2" fmla="*/ 0 h 57150"/>
                <a:gd name="connsiteX3" fmla="*/ 0 w 123825"/>
                <a:gd name="connsiteY3" fmla="*/ 0 h 57150"/>
              </a:gdLst>
              <a:ahLst/>
              <a:cxnLst>
                <a:cxn ang="0">
                  <a:pos x="connsiteX0" y="connsiteY0"/>
                </a:cxn>
                <a:cxn ang="0">
                  <a:pos x="connsiteX1" y="connsiteY1"/>
                </a:cxn>
                <a:cxn ang="0">
                  <a:pos x="connsiteX2" y="connsiteY2"/>
                </a:cxn>
                <a:cxn ang="0">
                  <a:pos x="connsiteX3" y="connsiteY3"/>
                </a:cxn>
              </a:cxnLst>
              <a:rect l="l" t="t" r="r" b="b"/>
              <a:pathLst>
                <a:path w="123825" h="57150">
                  <a:moveTo>
                    <a:pt x="0" y="0"/>
                  </a:moveTo>
                  <a:cubicBezTo>
                    <a:pt x="2857" y="32385"/>
                    <a:pt x="29527" y="57150"/>
                    <a:pt x="61913" y="57150"/>
                  </a:cubicBezTo>
                  <a:cubicBezTo>
                    <a:pt x="94298" y="57150"/>
                    <a:pt x="120968" y="32385"/>
                    <a:pt x="123825" y="0"/>
                  </a:cubicBezTo>
                  <a:lnTo>
                    <a:pt x="0" y="0"/>
                  </a:lnTo>
                  <a:close/>
                </a:path>
              </a:pathLst>
            </a:custGeom>
            <a:grpFill/>
            <a:ln w="9525" cap="flat">
              <a:noFill/>
              <a:prstDash val="solid"/>
              <a:miter/>
            </a:ln>
          </p:spPr>
          <p:txBody>
            <a:bodyPr rtlCol="0" anchor="ctr"/>
            <a:lstStyle/>
            <a:p>
              <a:endParaRPr lang="en-US" dirty="0"/>
            </a:p>
          </p:txBody>
        </p:sp>
        <p:sp>
          <p:nvSpPr>
            <p:cNvPr id="27" name="Freeform: Shape 33">
              <a:extLst>
                <a:ext uri="{FF2B5EF4-FFF2-40B4-BE49-F238E27FC236}">
                  <a16:creationId xmlns:a16="http://schemas.microsoft.com/office/drawing/2014/main" xmlns="" id="{DD2D73C2-2581-344E-AE82-188EA520C0E1}"/>
                </a:ext>
              </a:extLst>
            </p:cNvPr>
            <p:cNvSpPr/>
            <p:nvPr/>
          </p:nvSpPr>
          <p:spPr>
            <a:xfrm>
              <a:off x="2803409" y="3437610"/>
              <a:ext cx="495300" cy="514350"/>
            </a:xfrm>
            <a:custGeom>
              <a:avLst/>
              <a:gdLst>
                <a:gd name="connsiteX0" fmla="*/ 247650 w 495300"/>
                <a:gd name="connsiteY0" fmla="*/ 0 h 514350"/>
                <a:gd name="connsiteX1" fmla="*/ 247650 w 495300"/>
                <a:gd name="connsiteY1" fmla="*/ 0 h 514350"/>
                <a:gd name="connsiteX2" fmla="*/ 247650 w 495300"/>
                <a:gd name="connsiteY2" fmla="*/ 0 h 514350"/>
                <a:gd name="connsiteX3" fmla="*/ 0 w 495300"/>
                <a:gd name="connsiteY3" fmla="*/ 244793 h 514350"/>
                <a:gd name="connsiteX4" fmla="*/ 0 w 495300"/>
                <a:gd name="connsiteY4" fmla="*/ 253365 h 514350"/>
                <a:gd name="connsiteX5" fmla="*/ 17145 w 495300"/>
                <a:gd name="connsiteY5" fmla="*/ 339090 h 514350"/>
                <a:gd name="connsiteX6" fmla="*/ 60007 w 495300"/>
                <a:gd name="connsiteY6" fmla="*/ 409575 h 514350"/>
                <a:gd name="connsiteX7" fmla="*/ 118110 w 495300"/>
                <a:gd name="connsiteY7" fmla="*/ 503873 h 514350"/>
                <a:gd name="connsiteX8" fmla="*/ 135255 w 495300"/>
                <a:gd name="connsiteY8" fmla="*/ 514350 h 514350"/>
                <a:gd name="connsiteX9" fmla="*/ 360045 w 495300"/>
                <a:gd name="connsiteY9" fmla="*/ 514350 h 514350"/>
                <a:gd name="connsiteX10" fmla="*/ 377190 w 495300"/>
                <a:gd name="connsiteY10" fmla="*/ 503873 h 514350"/>
                <a:gd name="connsiteX11" fmla="*/ 435292 w 495300"/>
                <a:gd name="connsiteY11" fmla="*/ 409575 h 514350"/>
                <a:gd name="connsiteX12" fmla="*/ 478155 w 495300"/>
                <a:gd name="connsiteY12" fmla="*/ 339090 h 514350"/>
                <a:gd name="connsiteX13" fmla="*/ 495300 w 495300"/>
                <a:gd name="connsiteY13" fmla="*/ 253365 h 514350"/>
                <a:gd name="connsiteX14" fmla="*/ 495300 w 495300"/>
                <a:gd name="connsiteY14" fmla="*/ 244793 h 514350"/>
                <a:gd name="connsiteX15" fmla="*/ 247650 w 495300"/>
                <a:gd name="connsiteY15" fmla="*/ 0 h 514350"/>
                <a:gd name="connsiteX16" fmla="*/ 438150 w 495300"/>
                <a:gd name="connsiteY16" fmla="*/ 252413 h 514350"/>
                <a:gd name="connsiteX17" fmla="*/ 424815 w 495300"/>
                <a:gd name="connsiteY17" fmla="*/ 319088 h 514350"/>
                <a:gd name="connsiteX18" fmla="*/ 392430 w 495300"/>
                <a:gd name="connsiteY18" fmla="*/ 371475 h 514350"/>
                <a:gd name="connsiteX19" fmla="*/ 337185 w 495300"/>
                <a:gd name="connsiteY19" fmla="*/ 457200 h 514350"/>
                <a:gd name="connsiteX20" fmla="*/ 247650 w 495300"/>
                <a:gd name="connsiteY20" fmla="*/ 457200 h 514350"/>
                <a:gd name="connsiteX21" fmla="*/ 159068 w 495300"/>
                <a:gd name="connsiteY21" fmla="*/ 457200 h 514350"/>
                <a:gd name="connsiteX22" fmla="*/ 103823 w 495300"/>
                <a:gd name="connsiteY22" fmla="*/ 371475 h 514350"/>
                <a:gd name="connsiteX23" fmla="*/ 71438 w 495300"/>
                <a:gd name="connsiteY23" fmla="*/ 319088 h 514350"/>
                <a:gd name="connsiteX24" fmla="*/ 58103 w 495300"/>
                <a:gd name="connsiteY24" fmla="*/ 252413 h 514350"/>
                <a:gd name="connsiteX25" fmla="*/ 58103 w 495300"/>
                <a:gd name="connsiteY25" fmla="*/ 244793 h 514350"/>
                <a:gd name="connsiteX26" fmla="*/ 248602 w 495300"/>
                <a:gd name="connsiteY26" fmla="*/ 56197 h 514350"/>
                <a:gd name="connsiteX27" fmla="*/ 248602 w 495300"/>
                <a:gd name="connsiteY27" fmla="*/ 56197 h 514350"/>
                <a:gd name="connsiteX28" fmla="*/ 248602 w 495300"/>
                <a:gd name="connsiteY28" fmla="*/ 56197 h 514350"/>
                <a:gd name="connsiteX29" fmla="*/ 248602 w 495300"/>
                <a:gd name="connsiteY29" fmla="*/ 56197 h 514350"/>
                <a:gd name="connsiteX30" fmla="*/ 248602 w 495300"/>
                <a:gd name="connsiteY30" fmla="*/ 56197 h 514350"/>
                <a:gd name="connsiteX31" fmla="*/ 248602 w 495300"/>
                <a:gd name="connsiteY31" fmla="*/ 56197 h 514350"/>
                <a:gd name="connsiteX32" fmla="*/ 248602 w 495300"/>
                <a:gd name="connsiteY32" fmla="*/ 56197 h 514350"/>
                <a:gd name="connsiteX33" fmla="*/ 439103 w 495300"/>
                <a:gd name="connsiteY33" fmla="*/ 244793 h 514350"/>
                <a:gd name="connsiteX34" fmla="*/ 439103 w 495300"/>
                <a:gd name="connsiteY34" fmla="*/ 252413 h 5143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495300" h="514350">
                  <a:moveTo>
                    <a:pt x="247650" y="0"/>
                  </a:moveTo>
                  <a:cubicBezTo>
                    <a:pt x="247650" y="0"/>
                    <a:pt x="247650" y="0"/>
                    <a:pt x="247650" y="0"/>
                  </a:cubicBezTo>
                  <a:cubicBezTo>
                    <a:pt x="247650" y="0"/>
                    <a:pt x="247650" y="0"/>
                    <a:pt x="247650" y="0"/>
                  </a:cubicBezTo>
                  <a:cubicBezTo>
                    <a:pt x="112395" y="952"/>
                    <a:pt x="2857" y="109538"/>
                    <a:pt x="0" y="244793"/>
                  </a:cubicBezTo>
                  <a:lnTo>
                    <a:pt x="0" y="253365"/>
                  </a:lnTo>
                  <a:cubicBezTo>
                    <a:pt x="953" y="282893"/>
                    <a:pt x="6668" y="311468"/>
                    <a:pt x="17145" y="339090"/>
                  </a:cubicBezTo>
                  <a:cubicBezTo>
                    <a:pt x="27622" y="364808"/>
                    <a:pt x="41910" y="388620"/>
                    <a:pt x="60007" y="409575"/>
                  </a:cubicBezTo>
                  <a:cubicBezTo>
                    <a:pt x="82868" y="434340"/>
                    <a:pt x="107632" y="482918"/>
                    <a:pt x="118110" y="503873"/>
                  </a:cubicBezTo>
                  <a:cubicBezTo>
                    <a:pt x="120968" y="510540"/>
                    <a:pt x="127635" y="514350"/>
                    <a:pt x="135255" y="514350"/>
                  </a:cubicBezTo>
                  <a:lnTo>
                    <a:pt x="360045" y="514350"/>
                  </a:lnTo>
                  <a:cubicBezTo>
                    <a:pt x="367665" y="514350"/>
                    <a:pt x="374333" y="510540"/>
                    <a:pt x="377190" y="503873"/>
                  </a:cubicBezTo>
                  <a:cubicBezTo>
                    <a:pt x="387668" y="482918"/>
                    <a:pt x="412433" y="434340"/>
                    <a:pt x="435292" y="409575"/>
                  </a:cubicBezTo>
                  <a:cubicBezTo>
                    <a:pt x="453390" y="388620"/>
                    <a:pt x="468630" y="364808"/>
                    <a:pt x="478155" y="339090"/>
                  </a:cubicBezTo>
                  <a:cubicBezTo>
                    <a:pt x="488633" y="311468"/>
                    <a:pt x="494348" y="282893"/>
                    <a:pt x="495300" y="253365"/>
                  </a:cubicBezTo>
                  <a:lnTo>
                    <a:pt x="495300" y="244793"/>
                  </a:lnTo>
                  <a:cubicBezTo>
                    <a:pt x="492442" y="109538"/>
                    <a:pt x="382905" y="952"/>
                    <a:pt x="247650" y="0"/>
                  </a:cubicBezTo>
                  <a:close/>
                  <a:moveTo>
                    <a:pt x="438150" y="252413"/>
                  </a:moveTo>
                  <a:cubicBezTo>
                    <a:pt x="437198" y="275273"/>
                    <a:pt x="432435" y="298133"/>
                    <a:pt x="424815" y="319088"/>
                  </a:cubicBezTo>
                  <a:cubicBezTo>
                    <a:pt x="417195" y="338138"/>
                    <a:pt x="406717" y="356235"/>
                    <a:pt x="392430" y="371475"/>
                  </a:cubicBezTo>
                  <a:cubicBezTo>
                    <a:pt x="370523" y="398145"/>
                    <a:pt x="351473" y="426720"/>
                    <a:pt x="337185" y="457200"/>
                  </a:cubicBezTo>
                  <a:lnTo>
                    <a:pt x="247650" y="457200"/>
                  </a:lnTo>
                  <a:lnTo>
                    <a:pt x="159068" y="457200"/>
                  </a:lnTo>
                  <a:cubicBezTo>
                    <a:pt x="143827" y="426720"/>
                    <a:pt x="124777" y="398145"/>
                    <a:pt x="103823" y="371475"/>
                  </a:cubicBezTo>
                  <a:cubicBezTo>
                    <a:pt x="90488" y="356235"/>
                    <a:pt x="79057" y="338138"/>
                    <a:pt x="71438" y="319088"/>
                  </a:cubicBezTo>
                  <a:cubicBezTo>
                    <a:pt x="62865" y="298133"/>
                    <a:pt x="59055" y="275273"/>
                    <a:pt x="58103" y="252413"/>
                  </a:cubicBezTo>
                  <a:lnTo>
                    <a:pt x="58103" y="244793"/>
                  </a:lnTo>
                  <a:cubicBezTo>
                    <a:pt x="60007" y="140970"/>
                    <a:pt x="144780" y="57150"/>
                    <a:pt x="248602" y="56197"/>
                  </a:cubicBezTo>
                  <a:lnTo>
                    <a:pt x="248602" y="56197"/>
                  </a:lnTo>
                  <a:lnTo>
                    <a:pt x="248602" y="56197"/>
                  </a:lnTo>
                  <a:cubicBezTo>
                    <a:pt x="248602" y="56197"/>
                    <a:pt x="248602" y="56197"/>
                    <a:pt x="248602" y="56197"/>
                  </a:cubicBezTo>
                  <a:cubicBezTo>
                    <a:pt x="248602" y="56197"/>
                    <a:pt x="248602" y="56197"/>
                    <a:pt x="248602" y="56197"/>
                  </a:cubicBezTo>
                  <a:lnTo>
                    <a:pt x="248602" y="56197"/>
                  </a:lnTo>
                  <a:lnTo>
                    <a:pt x="248602" y="56197"/>
                  </a:lnTo>
                  <a:cubicBezTo>
                    <a:pt x="352425" y="57150"/>
                    <a:pt x="437198" y="140018"/>
                    <a:pt x="439103" y="244793"/>
                  </a:cubicBezTo>
                  <a:lnTo>
                    <a:pt x="439103" y="252413"/>
                  </a:lnTo>
                  <a:close/>
                </a:path>
              </a:pathLst>
            </a:custGeom>
            <a:grpFill/>
            <a:ln w="9525" cap="flat">
              <a:noFill/>
              <a:prstDash val="solid"/>
              <a:miter/>
            </a:ln>
          </p:spPr>
          <p:txBody>
            <a:bodyPr rtlCol="0" anchor="ctr"/>
            <a:lstStyle/>
            <a:p>
              <a:endParaRPr lang="en-US" dirty="0"/>
            </a:p>
          </p:txBody>
        </p:sp>
      </p:grpSp>
      <p:grpSp>
        <p:nvGrpSpPr>
          <p:cNvPr id="28" name="Graphic 11" descr="Bullseye">
            <a:extLst>
              <a:ext uri="{FF2B5EF4-FFF2-40B4-BE49-F238E27FC236}">
                <a16:creationId xmlns:a16="http://schemas.microsoft.com/office/drawing/2014/main" xmlns="" id="{EFC37946-D861-A74D-8B00-F2B5C95A2A98}"/>
              </a:ext>
            </a:extLst>
          </p:cNvPr>
          <p:cNvGrpSpPr/>
          <p:nvPr/>
        </p:nvGrpSpPr>
        <p:grpSpPr>
          <a:xfrm>
            <a:off x="4116164" y="2914393"/>
            <a:ext cx="914400" cy="914400"/>
            <a:chOff x="4116164" y="2495939"/>
            <a:chExt cx="914400" cy="914400"/>
          </a:xfrm>
          <a:solidFill>
            <a:schemeClr val="accent3"/>
          </a:solidFill>
        </p:grpSpPr>
        <p:sp>
          <p:nvSpPr>
            <p:cNvPr id="29" name="Freeform: Shape 35">
              <a:extLst>
                <a:ext uri="{FF2B5EF4-FFF2-40B4-BE49-F238E27FC236}">
                  <a16:creationId xmlns:a16="http://schemas.microsoft.com/office/drawing/2014/main" xmlns="" id="{AE8FDDBF-23FE-1841-9D1A-6F604D9730C2}"/>
                </a:ext>
              </a:extLst>
            </p:cNvPr>
            <p:cNvSpPr/>
            <p:nvPr/>
          </p:nvSpPr>
          <p:spPr>
            <a:xfrm>
              <a:off x="4462874" y="2576901"/>
              <a:ext cx="486727" cy="485775"/>
            </a:xfrm>
            <a:custGeom>
              <a:avLst/>
              <a:gdLst>
                <a:gd name="connsiteX0" fmla="*/ 401003 w 486727"/>
                <a:gd name="connsiteY0" fmla="*/ 85725 h 485775"/>
                <a:gd name="connsiteX1" fmla="*/ 391478 w 486727"/>
                <a:gd name="connsiteY1" fmla="*/ 0 h 485775"/>
                <a:gd name="connsiteX2" fmla="*/ 286703 w 486727"/>
                <a:gd name="connsiteY2" fmla="*/ 104775 h 485775"/>
                <a:gd name="connsiteX3" fmla="*/ 292417 w 486727"/>
                <a:gd name="connsiteY3" fmla="*/ 154305 h 485775"/>
                <a:gd name="connsiteX4" fmla="*/ 140017 w 486727"/>
                <a:gd name="connsiteY4" fmla="*/ 306705 h 485775"/>
                <a:gd name="connsiteX5" fmla="*/ 95250 w 486727"/>
                <a:gd name="connsiteY5" fmla="*/ 295275 h 485775"/>
                <a:gd name="connsiteX6" fmla="*/ 0 w 486727"/>
                <a:gd name="connsiteY6" fmla="*/ 390525 h 485775"/>
                <a:gd name="connsiteX7" fmla="*/ 95250 w 486727"/>
                <a:gd name="connsiteY7" fmla="*/ 485775 h 485775"/>
                <a:gd name="connsiteX8" fmla="*/ 190500 w 486727"/>
                <a:gd name="connsiteY8" fmla="*/ 390525 h 485775"/>
                <a:gd name="connsiteX9" fmla="*/ 180022 w 486727"/>
                <a:gd name="connsiteY9" fmla="*/ 346710 h 485775"/>
                <a:gd name="connsiteX10" fmla="*/ 332423 w 486727"/>
                <a:gd name="connsiteY10" fmla="*/ 194310 h 485775"/>
                <a:gd name="connsiteX11" fmla="*/ 381953 w 486727"/>
                <a:gd name="connsiteY11" fmla="*/ 200025 h 485775"/>
                <a:gd name="connsiteX12" fmla="*/ 486728 w 486727"/>
                <a:gd name="connsiteY12" fmla="*/ 95250 h 485775"/>
                <a:gd name="connsiteX13" fmla="*/ 401003 w 486727"/>
                <a:gd name="connsiteY13" fmla="*/ 85725 h 4857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86727" h="485775">
                  <a:moveTo>
                    <a:pt x="401003" y="85725"/>
                  </a:moveTo>
                  <a:lnTo>
                    <a:pt x="391478" y="0"/>
                  </a:lnTo>
                  <a:lnTo>
                    <a:pt x="286703" y="104775"/>
                  </a:lnTo>
                  <a:lnTo>
                    <a:pt x="292417" y="154305"/>
                  </a:lnTo>
                  <a:lnTo>
                    <a:pt x="140017" y="306705"/>
                  </a:lnTo>
                  <a:cubicBezTo>
                    <a:pt x="126682" y="300038"/>
                    <a:pt x="111442" y="295275"/>
                    <a:pt x="95250" y="295275"/>
                  </a:cubicBezTo>
                  <a:cubicBezTo>
                    <a:pt x="42863" y="295275"/>
                    <a:pt x="0" y="338138"/>
                    <a:pt x="0" y="390525"/>
                  </a:cubicBezTo>
                  <a:cubicBezTo>
                    <a:pt x="0" y="442913"/>
                    <a:pt x="42863" y="485775"/>
                    <a:pt x="95250" y="485775"/>
                  </a:cubicBezTo>
                  <a:cubicBezTo>
                    <a:pt x="147638" y="485775"/>
                    <a:pt x="190500" y="442913"/>
                    <a:pt x="190500" y="390525"/>
                  </a:cubicBezTo>
                  <a:cubicBezTo>
                    <a:pt x="190500" y="374333"/>
                    <a:pt x="186690" y="360045"/>
                    <a:pt x="180022" y="346710"/>
                  </a:cubicBezTo>
                  <a:lnTo>
                    <a:pt x="332423" y="194310"/>
                  </a:lnTo>
                  <a:lnTo>
                    <a:pt x="381953" y="200025"/>
                  </a:lnTo>
                  <a:lnTo>
                    <a:pt x="486728" y="95250"/>
                  </a:lnTo>
                  <a:lnTo>
                    <a:pt x="401003" y="85725"/>
                  </a:lnTo>
                  <a:close/>
                </a:path>
              </a:pathLst>
            </a:custGeom>
            <a:grpFill/>
            <a:ln w="9525" cap="flat">
              <a:noFill/>
              <a:prstDash val="solid"/>
              <a:miter/>
            </a:ln>
          </p:spPr>
          <p:txBody>
            <a:bodyPr rtlCol="0" anchor="ctr"/>
            <a:lstStyle/>
            <a:p>
              <a:endParaRPr lang="en-US" dirty="0"/>
            </a:p>
          </p:txBody>
        </p:sp>
        <p:sp>
          <p:nvSpPr>
            <p:cNvPr id="30" name="Freeform: Shape 36">
              <a:extLst>
                <a:ext uri="{FF2B5EF4-FFF2-40B4-BE49-F238E27FC236}">
                  <a16:creationId xmlns:a16="http://schemas.microsoft.com/office/drawing/2014/main" xmlns="" id="{B93ECF5A-FF47-2F41-B58A-D0F9CB3E2B9F}"/>
                </a:ext>
              </a:extLst>
            </p:cNvPr>
            <p:cNvSpPr/>
            <p:nvPr/>
          </p:nvSpPr>
          <p:spPr>
            <a:xfrm>
              <a:off x="4197126" y="2605476"/>
              <a:ext cx="723900" cy="723900"/>
            </a:xfrm>
            <a:custGeom>
              <a:avLst/>
              <a:gdLst>
                <a:gd name="connsiteX0" fmla="*/ 674370 w 723900"/>
                <a:gd name="connsiteY0" fmla="*/ 198120 h 723900"/>
                <a:gd name="connsiteX1" fmla="*/ 661988 w 723900"/>
                <a:gd name="connsiteY1" fmla="*/ 211455 h 723900"/>
                <a:gd name="connsiteX2" fmla="*/ 643890 w 723900"/>
                <a:gd name="connsiteY2" fmla="*/ 209550 h 723900"/>
                <a:gd name="connsiteX3" fmla="*/ 623888 w 723900"/>
                <a:gd name="connsiteY3" fmla="*/ 206693 h 723900"/>
                <a:gd name="connsiteX4" fmla="*/ 666750 w 723900"/>
                <a:gd name="connsiteY4" fmla="*/ 361950 h 723900"/>
                <a:gd name="connsiteX5" fmla="*/ 361950 w 723900"/>
                <a:gd name="connsiteY5" fmla="*/ 666750 h 723900"/>
                <a:gd name="connsiteX6" fmla="*/ 57150 w 723900"/>
                <a:gd name="connsiteY6" fmla="*/ 361950 h 723900"/>
                <a:gd name="connsiteX7" fmla="*/ 361950 w 723900"/>
                <a:gd name="connsiteY7" fmla="*/ 57150 h 723900"/>
                <a:gd name="connsiteX8" fmla="*/ 517208 w 723900"/>
                <a:gd name="connsiteY8" fmla="*/ 100013 h 723900"/>
                <a:gd name="connsiteX9" fmla="*/ 515303 w 723900"/>
                <a:gd name="connsiteY9" fmla="*/ 80963 h 723900"/>
                <a:gd name="connsiteX10" fmla="*/ 512445 w 723900"/>
                <a:gd name="connsiteY10" fmla="*/ 61913 h 723900"/>
                <a:gd name="connsiteX11" fmla="*/ 525780 w 723900"/>
                <a:gd name="connsiteY11" fmla="*/ 48578 h 723900"/>
                <a:gd name="connsiteX12" fmla="*/ 532448 w 723900"/>
                <a:gd name="connsiteY12" fmla="*/ 41910 h 723900"/>
                <a:gd name="connsiteX13" fmla="*/ 361950 w 723900"/>
                <a:gd name="connsiteY13" fmla="*/ 0 h 723900"/>
                <a:gd name="connsiteX14" fmla="*/ 0 w 723900"/>
                <a:gd name="connsiteY14" fmla="*/ 361950 h 723900"/>
                <a:gd name="connsiteX15" fmla="*/ 361950 w 723900"/>
                <a:gd name="connsiteY15" fmla="*/ 723900 h 723900"/>
                <a:gd name="connsiteX16" fmla="*/ 723900 w 723900"/>
                <a:gd name="connsiteY16" fmla="*/ 361950 h 723900"/>
                <a:gd name="connsiteX17" fmla="*/ 681038 w 723900"/>
                <a:gd name="connsiteY17" fmla="*/ 192405 h 723900"/>
                <a:gd name="connsiteX18" fmla="*/ 674370 w 723900"/>
                <a:gd name="connsiteY18" fmla="*/ 198120 h 7239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723900" h="723900">
                  <a:moveTo>
                    <a:pt x="674370" y="198120"/>
                  </a:moveTo>
                  <a:lnTo>
                    <a:pt x="661988" y="211455"/>
                  </a:lnTo>
                  <a:lnTo>
                    <a:pt x="643890" y="209550"/>
                  </a:lnTo>
                  <a:lnTo>
                    <a:pt x="623888" y="206693"/>
                  </a:lnTo>
                  <a:cubicBezTo>
                    <a:pt x="650558" y="252413"/>
                    <a:pt x="666750" y="304800"/>
                    <a:pt x="666750" y="361950"/>
                  </a:cubicBezTo>
                  <a:cubicBezTo>
                    <a:pt x="666750" y="529590"/>
                    <a:pt x="529590" y="666750"/>
                    <a:pt x="361950" y="666750"/>
                  </a:cubicBezTo>
                  <a:cubicBezTo>
                    <a:pt x="194310" y="666750"/>
                    <a:pt x="57150" y="529590"/>
                    <a:pt x="57150" y="361950"/>
                  </a:cubicBezTo>
                  <a:cubicBezTo>
                    <a:pt x="57150" y="194310"/>
                    <a:pt x="194310" y="57150"/>
                    <a:pt x="361950" y="57150"/>
                  </a:cubicBezTo>
                  <a:cubicBezTo>
                    <a:pt x="418148" y="57150"/>
                    <a:pt x="471488" y="72390"/>
                    <a:pt x="517208" y="100013"/>
                  </a:cubicBezTo>
                  <a:lnTo>
                    <a:pt x="515303" y="80963"/>
                  </a:lnTo>
                  <a:lnTo>
                    <a:pt x="512445" y="61913"/>
                  </a:lnTo>
                  <a:lnTo>
                    <a:pt x="525780" y="48578"/>
                  </a:lnTo>
                  <a:lnTo>
                    <a:pt x="532448" y="41910"/>
                  </a:lnTo>
                  <a:cubicBezTo>
                    <a:pt x="481013" y="15240"/>
                    <a:pt x="423863" y="0"/>
                    <a:pt x="361950" y="0"/>
                  </a:cubicBezTo>
                  <a:cubicBezTo>
                    <a:pt x="161925" y="0"/>
                    <a:pt x="0" y="161925"/>
                    <a:pt x="0" y="361950"/>
                  </a:cubicBezTo>
                  <a:cubicBezTo>
                    <a:pt x="0" y="561975"/>
                    <a:pt x="161925" y="723900"/>
                    <a:pt x="361950" y="723900"/>
                  </a:cubicBezTo>
                  <a:cubicBezTo>
                    <a:pt x="561975" y="723900"/>
                    <a:pt x="723900" y="561975"/>
                    <a:pt x="723900" y="361950"/>
                  </a:cubicBezTo>
                  <a:cubicBezTo>
                    <a:pt x="723900" y="300038"/>
                    <a:pt x="708660" y="242888"/>
                    <a:pt x="681038" y="192405"/>
                  </a:cubicBezTo>
                  <a:lnTo>
                    <a:pt x="674370" y="198120"/>
                  </a:lnTo>
                  <a:close/>
                </a:path>
              </a:pathLst>
            </a:custGeom>
            <a:grpFill/>
            <a:ln w="9525" cap="flat">
              <a:noFill/>
              <a:prstDash val="solid"/>
              <a:miter/>
            </a:ln>
          </p:spPr>
          <p:txBody>
            <a:bodyPr rtlCol="0" anchor="ctr"/>
            <a:lstStyle/>
            <a:p>
              <a:endParaRPr lang="en-US" dirty="0"/>
            </a:p>
          </p:txBody>
        </p:sp>
        <p:sp>
          <p:nvSpPr>
            <p:cNvPr id="31" name="Freeform: Shape 37">
              <a:extLst>
                <a:ext uri="{FF2B5EF4-FFF2-40B4-BE49-F238E27FC236}">
                  <a16:creationId xmlns:a16="http://schemas.microsoft.com/office/drawing/2014/main" xmlns="" id="{78F06602-BFDA-1B41-92B6-109B1F075DC0}"/>
                </a:ext>
              </a:extLst>
            </p:cNvPr>
            <p:cNvSpPr/>
            <p:nvPr/>
          </p:nvSpPr>
          <p:spPr>
            <a:xfrm>
              <a:off x="4330476" y="2738826"/>
              <a:ext cx="457200" cy="457200"/>
            </a:xfrm>
            <a:custGeom>
              <a:avLst/>
              <a:gdLst>
                <a:gd name="connsiteX0" fmla="*/ 387668 w 457200"/>
                <a:gd name="connsiteY0" fmla="*/ 163830 h 457200"/>
                <a:gd name="connsiteX1" fmla="*/ 400050 w 457200"/>
                <a:gd name="connsiteY1" fmla="*/ 228600 h 457200"/>
                <a:gd name="connsiteX2" fmla="*/ 228600 w 457200"/>
                <a:gd name="connsiteY2" fmla="*/ 400050 h 457200"/>
                <a:gd name="connsiteX3" fmla="*/ 57150 w 457200"/>
                <a:gd name="connsiteY3" fmla="*/ 228600 h 457200"/>
                <a:gd name="connsiteX4" fmla="*/ 228600 w 457200"/>
                <a:gd name="connsiteY4" fmla="*/ 57150 h 457200"/>
                <a:gd name="connsiteX5" fmla="*/ 293370 w 457200"/>
                <a:gd name="connsiteY5" fmla="*/ 69532 h 457200"/>
                <a:gd name="connsiteX6" fmla="*/ 336233 w 457200"/>
                <a:gd name="connsiteY6" fmla="*/ 26670 h 457200"/>
                <a:gd name="connsiteX7" fmla="*/ 228600 w 457200"/>
                <a:gd name="connsiteY7" fmla="*/ 0 h 457200"/>
                <a:gd name="connsiteX8" fmla="*/ 0 w 457200"/>
                <a:gd name="connsiteY8" fmla="*/ 228600 h 457200"/>
                <a:gd name="connsiteX9" fmla="*/ 228600 w 457200"/>
                <a:gd name="connsiteY9" fmla="*/ 457200 h 457200"/>
                <a:gd name="connsiteX10" fmla="*/ 457200 w 457200"/>
                <a:gd name="connsiteY10" fmla="*/ 228600 h 457200"/>
                <a:gd name="connsiteX11" fmla="*/ 430530 w 457200"/>
                <a:gd name="connsiteY11" fmla="*/ 120968 h 457200"/>
                <a:gd name="connsiteX12" fmla="*/ 387668 w 457200"/>
                <a:gd name="connsiteY12" fmla="*/ 163830 h 457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457200" h="457200">
                  <a:moveTo>
                    <a:pt x="387668" y="163830"/>
                  </a:moveTo>
                  <a:cubicBezTo>
                    <a:pt x="396240" y="183833"/>
                    <a:pt x="400050" y="205740"/>
                    <a:pt x="400050" y="228600"/>
                  </a:cubicBezTo>
                  <a:cubicBezTo>
                    <a:pt x="400050" y="322898"/>
                    <a:pt x="322898" y="400050"/>
                    <a:pt x="228600" y="400050"/>
                  </a:cubicBezTo>
                  <a:cubicBezTo>
                    <a:pt x="134302" y="400050"/>
                    <a:pt x="57150" y="322898"/>
                    <a:pt x="57150" y="228600"/>
                  </a:cubicBezTo>
                  <a:cubicBezTo>
                    <a:pt x="57150" y="134302"/>
                    <a:pt x="134302" y="57150"/>
                    <a:pt x="228600" y="57150"/>
                  </a:cubicBezTo>
                  <a:cubicBezTo>
                    <a:pt x="251460" y="57150"/>
                    <a:pt x="273368" y="61913"/>
                    <a:pt x="293370" y="69532"/>
                  </a:cubicBezTo>
                  <a:lnTo>
                    <a:pt x="336233" y="26670"/>
                  </a:lnTo>
                  <a:cubicBezTo>
                    <a:pt x="303848" y="9525"/>
                    <a:pt x="267653" y="0"/>
                    <a:pt x="228600" y="0"/>
                  </a:cubicBezTo>
                  <a:cubicBezTo>
                    <a:pt x="102870" y="0"/>
                    <a:pt x="0" y="102870"/>
                    <a:pt x="0" y="228600"/>
                  </a:cubicBezTo>
                  <a:cubicBezTo>
                    <a:pt x="0" y="354330"/>
                    <a:pt x="102870" y="457200"/>
                    <a:pt x="228600" y="457200"/>
                  </a:cubicBezTo>
                  <a:cubicBezTo>
                    <a:pt x="354330" y="457200"/>
                    <a:pt x="457200" y="354330"/>
                    <a:pt x="457200" y="228600"/>
                  </a:cubicBezTo>
                  <a:cubicBezTo>
                    <a:pt x="457200" y="189548"/>
                    <a:pt x="447675" y="153352"/>
                    <a:pt x="430530" y="120968"/>
                  </a:cubicBezTo>
                  <a:lnTo>
                    <a:pt x="387668" y="163830"/>
                  </a:lnTo>
                  <a:close/>
                </a:path>
              </a:pathLst>
            </a:custGeom>
            <a:grpFill/>
            <a:ln w="9525" cap="flat">
              <a:noFill/>
              <a:prstDash val="solid"/>
              <a:miter/>
            </a:ln>
          </p:spPr>
          <p:txBody>
            <a:bodyPr rtlCol="0" anchor="ctr"/>
            <a:lstStyle/>
            <a:p>
              <a:endParaRPr lang="en-US" dirty="0"/>
            </a:p>
          </p:txBody>
        </p:sp>
      </p:grpSp>
      <p:grpSp>
        <p:nvGrpSpPr>
          <p:cNvPr id="32" name="Graphic 9" descr="Head with gears">
            <a:extLst>
              <a:ext uri="{FF2B5EF4-FFF2-40B4-BE49-F238E27FC236}">
                <a16:creationId xmlns:a16="http://schemas.microsoft.com/office/drawing/2014/main" xmlns="" id="{C4586BD2-FB81-E64D-96D5-9894D58536C3}"/>
              </a:ext>
            </a:extLst>
          </p:cNvPr>
          <p:cNvGrpSpPr/>
          <p:nvPr/>
        </p:nvGrpSpPr>
        <p:grpSpPr>
          <a:xfrm>
            <a:off x="8755778" y="3804385"/>
            <a:ext cx="914400" cy="914400"/>
            <a:chOff x="5638469" y="3449751"/>
            <a:chExt cx="914400" cy="914400"/>
          </a:xfrm>
          <a:solidFill>
            <a:schemeClr val="accent4"/>
          </a:solidFill>
        </p:grpSpPr>
        <p:sp>
          <p:nvSpPr>
            <p:cNvPr id="33" name="Freeform: Shape 39">
              <a:extLst>
                <a:ext uri="{FF2B5EF4-FFF2-40B4-BE49-F238E27FC236}">
                  <a16:creationId xmlns:a16="http://schemas.microsoft.com/office/drawing/2014/main" xmlns="" id="{E1177E9B-CF37-0A48-8BF7-549160191E09}"/>
                </a:ext>
              </a:extLst>
            </p:cNvPr>
            <p:cNvSpPr/>
            <p:nvPr/>
          </p:nvSpPr>
          <p:spPr>
            <a:xfrm>
              <a:off x="6047091" y="3637393"/>
              <a:ext cx="80009" cy="80009"/>
            </a:xfrm>
            <a:custGeom>
              <a:avLst/>
              <a:gdLst>
                <a:gd name="connsiteX0" fmla="*/ 40005 w 80009"/>
                <a:gd name="connsiteY0" fmla="*/ 0 h 80009"/>
                <a:gd name="connsiteX1" fmla="*/ 0 w 80009"/>
                <a:gd name="connsiteY1" fmla="*/ 40005 h 80009"/>
                <a:gd name="connsiteX2" fmla="*/ 40005 w 80009"/>
                <a:gd name="connsiteY2" fmla="*/ 80010 h 80009"/>
                <a:gd name="connsiteX3" fmla="*/ 80010 w 80009"/>
                <a:gd name="connsiteY3" fmla="*/ 40005 h 80009"/>
                <a:gd name="connsiteX4" fmla="*/ 40005 w 80009"/>
                <a:gd name="connsiteY4" fmla="*/ 0 h 8000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0009" h="80009">
                  <a:moveTo>
                    <a:pt x="40005" y="0"/>
                  </a:moveTo>
                  <a:cubicBezTo>
                    <a:pt x="18097" y="0"/>
                    <a:pt x="0" y="18097"/>
                    <a:pt x="0" y="40005"/>
                  </a:cubicBezTo>
                  <a:cubicBezTo>
                    <a:pt x="0" y="61913"/>
                    <a:pt x="18097" y="80010"/>
                    <a:pt x="40005" y="80010"/>
                  </a:cubicBezTo>
                  <a:cubicBezTo>
                    <a:pt x="61913" y="80010"/>
                    <a:pt x="80010" y="61913"/>
                    <a:pt x="80010" y="40005"/>
                  </a:cubicBezTo>
                  <a:cubicBezTo>
                    <a:pt x="80010" y="18097"/>
                    <a:pt x="61913" y="0"/>
                    <a:pt x="40005" y="0"/>
                  </a:cubicBezTo>
                  <a:close/>
                </a:path>
              </a:pathLst>
            </a:custGeom>
            <a:grpFill/>
            <a:ln w="9525" cap="flat">
              <a:noFill/>
              <a:prstDash val="solid"/>
              <a:miter/>
            </a:ln>
          </p:spPr>
          <p:txBody>
            <a:bodyPr rtlCol="0" anchor="ctr"/>
            <a:lstStyle/>
            <a:p>
              <a:endParaRPr lang="en-US" dirty="0"/>
            </a:p>
          </p:txBody>
        </p:sp>
        <p:sp>
          <p:nvSpPr>
            <p:cNvPr id="34" name="Freeform: Shape 40">
              <a:extLst>
                <a:ext uri="{FF2B5EF4-FFF2-40B4-BE49-F238E27FC236}">
                  <a16:creationId xmlns:a16="http://schemas.microsoft.com/office/drawing/2014/main" xmlns="" id="{677DEF0A-C5D8-BD4E-8825-48C18F831916}"/>
                </a:ext>
              </a:extLst>
            </p:cNvPr>
            <p:cNvSpPr/>
            <p:nvPr/>
          </p:nvSpPr>
          <p:spPr>
            <a:xfrm>
              <a:off x="5927076" y="3830751"/>
              <a:ext cx="80010" cy="80010"/>
            </a:xfrm>
            <a:custGeom>
              <a:avLst/>
              <a:gdLst>
                <a:gd name="connsiteX0" fmla="*/ 80010 w 80010"/>
                <a:gd name="connsiteY0" fmla="*/ 40005 h 80010"/>
                <a:gd name="connsiteX1" fmla="*/ 40005 w 80010"/>
                <a:gd name="connsiteY1" fmla="*/ 80010 h 80010"/>
                <a:gd name="connsiteX2" fmla="*/ 0 w 80010"/>
                <a:gd name="connsiteY2" fmla="*/ 40005 h 80010"/>
                <a:gd name="connsiteX3" fmla="*/ 40005 w 80010"/>
                <a:gd name="connsiteY3" fmla="*/ 0 h 80010"/>
                <a:gd name="connsiteX4" fmla="*/ 80010 w 80010"/>
                <a:gd name="connsiteY4" fmla="*/ 40005 h 8001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0010" h="80010">
                  <a:moveTo>
                    <a:pt x="80010" y="40005"/>
                  </a:moveTo>
                  <a:cubicBezTo>
                    <a:pt x="80010" y="62099"/>
                    <a:pt x="62099" y="80010"/>
                    <a:pt x="40005" y="80010"/>
                  </a:cubicBezTo>
                  <a:cubicBezTo>
                    <a:pt x="17911" y="80010"/>
                    <a:pt x="0" y="62099"/>
                    <a:pt x="0" y="40005"/>
                  </a:cubicBezTo>
                  <a:cubicBezTo>
                    <a:pt x="0" y="17911"/>
                    <a:pt x="17911" y="0"/>
                    <a:pt x="40005" y="0"/>
                  </a:cubicBezTo>
                  <a:cubicBezTo>
                    <a:pt x="62099" y="0"/>
                    <a:pt x="80010" y="17911"/>
                    <a:pt x="80010" y="40005"/>
                  </a:cubicBezTo>
                  <a:close/>
                </a:path>
              </a:pathLst>
            </a:custGeom>
            <a:grpFill/>
            <a:ln w="9525" cap="flat">
              <a:noFill/>
              <a:prstDash val="solid"/>
              <a:miter/>
            </a:ln>
          </p:spPr>
          <p:txBody>
            <a:bodyPr rtlCol="0" anchor="ctr"/>
            <a:lstStyle/>
            <a:p>
              <a:endParaRPr lang="en-US" dirty="0"/>
            </a:p>
          </p:txBody>
        </p:sp>
        <p:sp>
          <p:nvSpPr>
            <p:cNvPr id="35" name="Freeform: Shape 41">
              <a:extLst>
                <a:ext uri="{FF2B5EF4-FFF2-40B4-BE49-F238E27FC236}">
                  <a16:creationId xmlns:a16="http://schemas.microsoft.com/office/drawing/2014/main" xmlns="" id="{13D1EF4B-6837-5B47-86D7-7D9A390B47E5}"/>
                </a:ext>
              </a:extLst>
            </p:cNvPr>
            <p:cNvSpPr/>
            <p:nvPr/>
          </p:nvSpPr>
          <p:spPr>
            <a:xfrm>
              <a:off x="5771627" y="3503090"/>
              <a:ext cx="647985" cy="768667"/>
            </a:xfrm>
            <a:custGeom>
              <a:avLst/>
              <a:gdLst>
                <a:gd name="connsiteX0" fmla="*/ 428816 w 647985"/>
                <a:gd name="connsiteY0" fmla="*/ 187643 h 768667"/>
                <a:gd name="connsiteX1" fmla="*/ 405004 w 647985"/>
                <a:gd name="connsiteY1" fmla="*/ 199073 h 768667"/>
                <a:gd name="connsiteX2" fmla="*/ 395479 w 647985"/>
                <a:gd name="connsiteY2" fmla="*/ 220028 h 768667"/>
                <a:gd name="connsiteX3" fmla="*/ 404051 w 647985"/>
                <a:gd name="connsiteY3" fmla="*/ 244793 h 768667"/>
                <a:gd name="connsiteX4" fmla="*/ 385001 w 647985"/>
                <a:gd name="connsiteY4" fmla="*/ 263843 h 768667"/>
                <a:gd name="connsiteX5" fmla="*/ 360236 w 647985"/>
                <a:gd name="connsiteY5" fmla="*/ 255270 h 768667"/>
                <a:gd name="connsiteX6" fmla="*/ 339281 w 647985"/>
                <a:gd name="connsiteY6" fmla="*/ 263843 h 768667"/>
                <a:gd name="connsiteX7" fmla="*/ 327851 w 647985"/>
                <a:gd name="connsiteY7" fmla="*/ 286703 h 768667"/>
                <a:gd name="connsiteX8" fmla="*/ 301181 w 647985"/>
                <a:gd name="connsiteY8" fmla="*/ 286703 h 768667"/>
                <a:gd name="connsiteX9" fmla="*/ 289751 w 647985"/>
                <a:gd name="connsiteY9" fmla="*/ 262890 h 768667"/>
                <a:gd name="connsiteX10" fmla="*/ 268796 w 647985"/>
                <a:gd name="connsiteY10" fmla="*/ 254318 h 768667"/>
                <a:gd name="connsiteX11" fmla="*/ 244031 w 647985"/>
                <a:gd name="connsiteY11" fmla="*/ 262890 h 768667"/>
                <a:gd name="connsiteX12" fmla="*/ 224981 w 647985"/>
                <a:gd name="connsiteY12" fmla="*/ 243840 h 768667"/>
                <a:gd name="connsiteX13" fmla="*/ 233554 w 647985"/>
                <a:gd name="connsiteY13" fmla="*/ 219075 h 768667"/>
                <a:gd name="connsiteX14" fmla="*/ 224981 w 647985"/>
                <a:gd name="connsiteY14" fmla="*/ 198120 h 768667"/>
                <a:gd name="connsiteX15" fmla="*/ 201169 w 647985"/>
                <a:gd name="connsiteY15" fmla="*/ 186690 h 768667"/>
                <a:gd name="connsiteX16" fmla="*/ 201169 w 647985"/>
                <a:gd name="connsiteY16" fmla="*/ 160020 h 768667"/>
                <a:gd name="connsiteX17" fmla="*/ 224981 w 647985"/>
                <a:gd name="connsiteY17" fmla="*/ 148590 h 768667"/>
                <a:gd name="connsiteX18" fmla="*/ 233554 w 647985"/>
                <a:gd name="connsiteY18" fmla="*/ 127635 h 768667"/>
                <a:gd name="connsiteX19" fmla="*/ 225934 w 647985"/>
                <a:gd name="connsiteY19" fmla="*/ 102870 h 768667"/>
                <a:gd name="connsiteX20" fmla="*/ 244984 w 647985"/>
                <a:gd name="connsiteY20" fmla="*/ 83820 h 768667"/>
                <a:gd name="connsiteX21" fmla="*/ 269749 w 647985"/>
                <a:gd name="connsiteY21" fmla="*/ 92393 h 768667"/>
                <a:gd name="connsiteX22" fmla="*/ 290704 w 647985"/>
                <a:gd name="connsiteY22" fmla="*/ 83820 h 768667"/>
                <a:gd name="connsiteX23" fmla="*/ 302134 w 647985"/>
                <a:gd name="connsiteY23" fmla="*/ 60007 h 768667"/>
                <a:gd name="connsiteX24" fmla="*/ 328804 w 647985"/>
                <a:gd name="connsiteY24" fmla="*/ 60007 h 768667"/>
                <a:gd name="connsiteX25" fmla="*/ 340234 w 647985"/>
                <a:gd name="connsiteY25" fmla="*/ 82868 h 768667"/>
                <a:gd name="connsiteX26" fmla="*/ 361189 w 647985"/>
                <a:gd name="connsiteY26" fmla="*/ 91440 h 768667"/>
                <a:gd name="connsiteX27" fmla="*/ 385954 w 647985"/>
                <a:gd name="connsiteY27" fmla="*/ 82868 h 768667"/>
                <a:gd name="connsiteX28" fmla="*/ 405004 w 647985"/>
                <a:gd name="connsiteY28" fmla="*/ 101917 h 768667"/>
                <a:gd name="connsiteX29" fmla="*/ 396431 w 647985"/>
                <a:gd name="connsiteY29" fmla="*/ 126683 h 768667"/>
                <a:gd name="connsiteX30" fmla="*/ 405004 w 647985"/>
                <a:gd name="connsiteY30" fmla="*/ 147638 h 768667"/>
                <a:gd name="connsiteX31" fmla="*/ 428816 w 647985"/>
                <a:gd name="connsiteY31" fmla="*/ 159068 h 768667"/>
                <a:gd name="connsiteX32" fmla="*/ 428816 w 647985"/>
                <a:gd name="connsiteY32" fmla="*/ 187643 h 768667"/>
                <a:gd name="connsiteX33" fmla="*/ 308801 w 647985"/>
                <a:gd name="connsiteY33" fmla="*/ 381000 h 768667"/>
                <a:gd name="connsiteX34" fmla="*/ 284989 w 647985"/>
                <a:gd name="connsiteY34" fmla="*/ 392430 h 768667"/>
                <a:gd name="connsiteX35" fmla="*/ 276416 w 647985"/>
                <a:gd name="connsiteY35" fmla="*/ 413385 h 768667"/>
                <a:gd name="connsiteX36" fmla="*/ 284036 w 647985"/>
                <a:gd name="connsiteY36" fmla="*/ 438150 h 768667"/>
                <a:gd name="connsiteX37" fmla="*/ 264986 w 647985"/>
                <a:gd name="connsiteY37" fmla="*/ 457200 h 768667"/>
                <a:gd name="connsiteX38" fmla="*/ 240221 w 647985"/>
                <a:gd name="connsiteY38" fmla="*/ 448628 h 768667"/>
                <a:gd name="connsiteX39" fmla="*/ 219266 w 647985"/>
                <a:gd name="connsiteY39" fmla="*/ 457200 h 768667"/>
                <a:gd name="connsiteX40" fmla="*/ 208789 w 647985"/>
                <a:gd name="connsiteY40" fmla="*/ 480060 h 768667"/>
                <a:gd name="connsiteX41" fmla="*/ 182119 w 647985"/>
                <a:gd name="connsiteY41" fmla="*/ 480060 h 768667"/>
                <a:gd name="connsiteX42" fmla="*/ 170689 w 647985"/>
                <a:gd name="connsiteY42" fmla="*/ 456248 h 768667"/>
                <a:gd name="connsiteX43" fmla="*/ 149734 w 647985"/>
                <a:gd name="connsiteY43" fmla="*/ 447675 h 768667"/>
                <a:gd name="connsiteX44" fmla="*/ 124969 w 647985"/>
                <a:gd name="connsiteY44" fmla="*/ 455295 h 768667"/>
                <a:gd name="connsiteX45" fmla="*/ 105919 w 647985"/>
                <a:gd name="connsiteY45" fmla="*/ 436245 h 768667"/>
                <a:gd name="connsiteX46" fmla="*/ 114491 w 647985"/>
                <a:gd name="connsiteY46" fmla="*/ 411480 h 768667"/>
                <a:gd name="connsiteX47" fmla="*/ 105919 w 647985"/>
                <a:gd name="connsiteY47" fmla="*/ 390525 h 768667"/>
                <a:gd name="connsiteX48" fmla="*/ 82106 w 647985"/>
                <a:gd name="connsiteY48" fmla="*/ 379095 h 768667"/>
                <a:gd name="connsiteX49" fmla="*/ 82106 w 647985"/>
                <a:gd name="connsiteY49" fmla="*/ 352425 h 768667"/>
                <a:gd name="connsiteX50" fmla="*/ 105919 w 647985"/>
                <a:gd name="connsiteY50" fmla="*/ 340995 h 768667"/>
                <a:gd name="connsiteX51" fmla="*/ 114491 w 647985"/>
                <a:gd name="connsiteY51" fmla="*/ 320040 h 768667"/>
                <a:gd name="connsiteX52" fmla="*/ 105919 w 647985"/>
                <a:gd name="connsiteY52" fmla="*/ 295275 h 768667"/>
                <a:gd name="connsiteX53" fmla="*/ 124969 w 647985"/>
                <a:gd name="connsiteY53" fmla="*/ 276225 h 768667"/>
                <a:gd name="connsiteX54" fmla="*/ 149734 w 647985"/>
                <a:gd name="connsiteY54" fmla="*/ 284798 h 768667"/>
                <a:gd name="connsiteX55" fmla="*/ 170689 w 647985"/>
                <a:gd name="connsiteY55" fmla="*/ 276225 h 768667"/>
                <a:gd name="connsiteX56" fmla="*/ 182119 w 647985"/>
                <a:gd name="connsiteY56" fmla="*/ 252412 h 768667"/>
                <a:gd name="connsiteX57" fmla="*/ 209741 w 647985"/>
                <a:gd name="connsiteY57" fmla="*/ 252412 h 768667"/>
                <a:gd name="connsiteX58" fmla="*/ 221171 w 647985"/>
                <a:gd name="connsiteY58" fmla="*/ 276225 h 768667"/>
                <a:gd name="connsiteX59" fmla="*/ 242126 w 647985"/>
                <a:gd name="connsiteY59" fmla="*/ 284798 h 768667"/>
                <a:gd name="connsiteX60" fmla="*/ 266891 w 647985"/>
                <a:gd name="connsiteY60" fmla="*/ 276225 h 768667"/>
                <a:gd name="connsiteX61" fmla="*/ 285941 w 647985"/>
                <a:gd name="connsiteY61" fmla="*/ 295275 h 768667"/>
                <a:gd name="connsiteX62" fmla="*/ 277369 w 647985"/>
                <a:gd name="connsiteY62" fmla="*/ 320040 h 768667"/>
                <a:gd name="connsiteX63" fmla="*/ 285941 w 647985"/>
                <a:gd name="connsiteY63" fmla="*/ 340995 h 768667"/>
                <a:gd name="connsiteX64" fmla="*/ 309754 w 647985"/>
                <a:gd name="connsiteY64" fmla="*/ 352425 h 768667"/>
                <a:gd name="connsiteX65" fmla="*/ 308801 w 647985"/>
                <a:gd name="connsiteY65" fmla="*/ 381000 h 768667"/>
                <a:gd name="connsiteX66" fmla="*/ 308801 w 647985"/>
                <a:gd name="connsiteY66" fmla="*/ 381000 h 768667"/>
                <a:gd name="connsiteX67" fmla="*/ 638366 w 647985"/>
                <a:gd name="connsiteY67" fmla="*/ 416243 h 768667"/>
                <a:gd name="connsiteX68" fmla="*/ 572644 w 647985"/>
                <a:gd name="connsiteY68" fmla="*/ 301943 h 768667"/>
                <a:gd name="connsiteX69" fmla="*/ 572644 w 647985"/>
                <a:gd name="connsiteY69" fmla="*/ 297180 h 768667"/>
                <a:gd name="connsiteX70" fmla="*/ 432626 w 647985"/>
                <a:gd name="connsiteY70" fmla="*/ 40005 h 768667"/>
                <a:gd name="connsiteX71" fmla="*/ 140209 w 647985"/>
                <a:gd name="connsiteY71" fmla="*/ 40005 h 768667"/>
                <a:gd name="connsiteX72" fmla="*/ 191 w 647985"/>
                <a:gd name="connsiteY72" fmla="*/ 297180 h 768667"/>
                <a:gd name="connsiteX73" fmla="*/ 112586 w 647985"/>
                <a:gd name="connsiteY73" fmla="*/ 527685 h 768667"/>
                <a:gd name="connsiteX74" fmla="*/ 112586 w 647985"/>
                <a:gd name="connsiteY74" fmla="*/ 768668 h 768667"/>
                <a:gd name="connsiteX75" fmla="*/ 413576 w 647985"/>
                <a:gd name="connsiteY75" fmla="*/ 768668 h 768667"/>
                <a:gd name="connsiteX76" fmla="*/ 413576 w 647985"/>
                <a:gd name="connsiteY76" fmla="*/ 654368 h 768667"/>
                <a:gd name="connsiteX77" fmla="*/ 460249 w 647985"/>
                <a:gd name="connsiteY77" fmla="*/ 654368 h 768667"/>
                <a:gd name="connsiteX78" fmla="*/ 540259 w 647985"/>
                <a:gd name="connsiteY78" fmla="*/ 621030 h 768667"/>
                <a:gd name="connsiteX79" fmla="*/ 572644 w 647985"/>
                <a:gd name="connsiteY79" fmla="*/ 540068 h 768667"/>
                <a:gd name="connsiteX80" fmla="*/ 572644 w 647985"/>
                <a:gd name="connsiteY80" fmla="*/ 482918 h 768667"/>
                <a:gd name="connsiteX81" fmla="*/ 614554 w 647985"/>
                <a:gd name="connsiteY81" fmla="*/ 482918 h 768667"/>
                <a:gd name="connsiteX82" fmla="*/ 638366 w 647985"/>
                <a:gd name="connsiteY82" fmla="*/ 416243 h 7686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Lst>
              <a:rect l="l" t="t" r="r" b="b"/>
              <a:pathLst>
                <a:path w="647985" h="768667">
                  <a:moveTo>
                    <a:pt x="428816" y="187643"/>
                  </a:moveTo>
                  <a:lnTo>
                    <a:pt x="405004" y="199073"/>
                  </a:lnTo>
                  <a:cubicBezTo>
                    <a:pt x="403099" y="206693"/>
                    <a:pt x="399289" y="213360"/>
                    <a:pt x="395479" y="220028"/>
                  </a:cubicBezTo>
                  <a:lnTo>
                    <a:pt x="404051" y="244793"/>
                  </a:lnTo>
                  <a:lnTo>
                    <a:pt x="385001" y="263843"/>
                  </a:lnTo>
                  <a:lnTo>
                    <a:pt x="360236" y="255270"/>
                  </a:lnTo>
                  <a:cubicBezTo>
                    <a:pt x="353569" y="259080"/>
                    <a:pt x="346901" y="261937"/>
                    <a:pt x="339281" y="263843"/>
                  </a:cubicBezTo>
                  <a:lnTo>
                    <a:pt x="327851" y="286703"/>
                  </a:lnTo>
                  <a:lnTo>
                    <a:pt x="301181" y="286703"/>
                  </a:lnTo>
                  <a:lnTo>
                    <a:pt x="289751" y="262890"/>
                  </a:lnTo>
                  <a:cubicBezTo>
                    <a:pt x="282131" y="260985"/>
                    <a:pt x="275464" y="258128"/>
                    <a:pt x="268796" y="254318"/>
                  </a:cubicBezTo>
                  <a:lnTo>
                    <a:pt x="244031" y="262890"/>
                  </a:lnTo>
                  <a:lnTo>
                    <a:pt x="224981" y="243840"/>
                  </a:lnTo>
                  <a:lnTo>
                    <a:pt x="233554" y="219075"/>
                  </a:lnTo>
                  <a:cubicBezTo>
                    <a:pt x="229744" y="212408"/>
                    <a:pt x="226886" y="205740"/>
                    <a:pt x="224981" y="198120"/>
                  </a:cubicBezTo>
                  <a:lnTo>
                    <a:pt x="201169" y="186690"/>
                  </a:lnTo>
                  <a:lnTo>
                    <a:pt x="201169" y="160020"/>
                  </a:lnTo>
                  <a:lnTo>
                    <a:pt x="224981" y="148590"/>
                  </a:lnTo>
                  <a:cubicBezTo>
                    <a:pt x="226886" y="140970"/>
                    <a:pt x="229744" y="134303"/>
                    <a:pt x="233554" y="127635"/>
                  </a:cubicBezTo>
                  <a:lnTo>
                    <a:pt x="225934" y="102870"/>
                  </a:lnTo>
                  <a:lnTo>
                    <a:pt x="244984" y="83820"/>
                  </a:lnTo>
                  <a:lnTo>
                    <a:pt x="269749" y="92393"/>
                  </a:lnTo>
                  <a:cubicBezTo>
                    <a:pt x="276416" y="88583"/>
                    <a:pt x="283084" y="85725"/>
                    <a:pt x="290704" y="83820"/>
                  </a:cubicBezTo>
                  <a:lnTo>
                    <a:pt x="302134" y="60007"/>
                  </a:lnTo>
                  <a:lnTo>
                    <a:pt x="328804" y="60007"/>
                  </a:lnTo>
                  <a:lnTo>
                    <a:pt x="340234" y="82868"/>
                  </a:lnTo>
                  <a:cubicBezTo>
                    <a:pt x="347854" y="84773"/>
                    <a:pt x="354521" y="87630"/>
                    <a:pt x="361189" y="91440"/>
                  </a:cubicBezTo>
                  <a:lnTo>
                    <a:pt x="385954" y="82868"/>
                  </a:lnTo>
                  <a:lnTo>
                    <a:pt x="405004" y="101917"/>
                  </a:lnTo>
                  <a:lnTo>
                    <a:pt x="396431" y="126683"/>
                  </a:lnTo>
                  <a:cubicBezTo>
                    <a:pt x="400241" y="133350"/>
                    <a:pt x="403099" y="140018"/>
                    <a:pt x="405004" y="147638"/>
                  </a:cubicBezTo>
                  <a:lnTo>
                    <a:pt x="428816" y="159068"/>
                  </a:lnTo>
                  <a:lnTo>
                    <a:pt x="428816" y="187643"/>
                  </a:lnTo>
                  <a:close/>
                  <a:moveTo>
                    <a:pt x="308801" y="381000"/>
                  </a:moveTo>
                  <a:lnTo>
                    <a:pt x="284989" y="392430"/>
                  </a:lnTo>
                  <a:cubicBezTo>
                    <a:pt x="283084" y="400050"/>
                    <a:pt x="280226" y="406718"/>
                    <a:pt x="276416" y="413385"/>
                  </a:cubicBezTo>
                  <a:lnTo>
                    <a:pt x="284036" y="438150"/>
                  </a:lnTo>
                  <a:lnTo>
                    <a:pt x="264986" y="457200"/>
                  </a:lnTo>
                  <a:lnTo>
                    <a:pt x="240221" y="448628"/>
                  </a:lnTo>
                  <a:cubicBezTo>
                    <a:pt x="233554" y="452438"/>
                    <a:pt x="226886" y="455295"/>
                    <a:pt x="219266" y="457200"/>
                  </a:cubicBezTo>
                  <a:lnTo>
                    <a:pt x="208789" y="480060"/>
                  </a:lnTo>
                  <a:lnTo>
                    <a:pt x="182119" y="480060"/>
                  </a:lnTo>
                  <a:lnTo>
                    <a:pt x="170689" y="456248"/>
                  </a:lnTo>
                  <a:cubicBezTo>
                    <a:pt x="163069" y="454343"/>
                    <a:pt x="156401" y="451485"/>
                    <a:pt x="149734" y="447675"/>
                  </a:cubicBezTo>
                  <a:lnTo>
                    <a:pt x="124969" y="455295"/>
                  </a:lnTo>
                  <a:lnTo>
                    <a:pt x="105919" y="436245"/>
                  </a:lnTo>
                  <a:lnTo>
                    <a:pt x="114491" y="411480"/>
                  </a:lnTo>
                  <a:cubicBezTo>
                    <a:pt x="110681" y="404813"/>
                    <a:pt x="107824" y="398145"/>
                    <a:pt x="105919" y="390525"/>
                  </a:cubicBezTo>
                  <a:lnTo>
                    <a:pt x="82106" y="379095"/>
                  </a:lnTo>
                  <a:lnTo>
                    <a:pt x="82106" y="352425"/>
                  </a:lnTo>
                  <a:lnTo>
                    <a:pt x="105919" y="340995"/>
                  </a:lnTo>
                  <a:cubicBezTo>
                    <a:pt x="107824" y="333375"/>
                    <a:pt x="110681" y="326708"/>
                    <a:pt x="114491" y="320040"/>
                  </a:cubicBezTo>
                  <a:lnTo>
                    <a:pt x="105919" y="295275"/>
                  </a:lnTo>
                  <a:lnTo>
                    <a:pt x="124969" y="276225"/>
                  </a:lnTo>
                  <a:lnTo>
                    <a:pt x="149734" y="284798"/>
                  </a:lnTo>
                  <a:cubicBezTo>
                    <a:pt x="156401" y="280988"/>
                    <a:pt x="163069" y="278130"/>
                    <a:pt x="170689" y="276225"/>
                  </a:cubicBezTo>
                  <a:lnTo>
                    <a:pt x="182119" y="252412"/>
                  </a:lnTo>
                  <a:lnTo>
                    <a:pt x="209741" y="252412"/>
                  </a:lnTo>
                  <a:lnTo>
                    <a:pt x="221171" y="276225"/>
                  </a:lnTo>
                  <a:cubicBezTo>
                    <a:pt x="228791" y="278130"/>
                    <a:pt x="235459" y="280988"/>
                    <a:pt x="242126" y="284798"/>
                  </a:cubicBezTo>
                  <a:lnTo>
                    <a:pt x="266891" y="276225"/>
                  </a:lnTo>
                  <a:lnTo>
                    <a:pt x="285941" y="295275"/>
                  </a:lnTo>
                  <a:lnTo>
                    <a:pt x="277369" y="320040"/>
                  </a:lnTo>
                  <a:cubicBezTo>
                    <a:pt x="281179" y="326708"/>
                    <a:pt x="284036" y="333375"/>
                    <a:pt x="285941" y="340995"/>
                  </a:cubicBezTo>
                  <a:lnTo>
                    <a:pt x="309754" y="352425"/>
                  </a:lnTo>
                  <a:lnTo>
                    <a:pt x="308801" y="381000"/>
                  </a:lnTo>
                  <a:lnTo>
                    <a:pt x="308801" y="381000"/>
                  </a:lnTo>
                  <a:close/>
                  <a:moveTo>
                    <a:pt x="638366" y="416243"/>
                  </a:moveTo>
                  <a:lnTo>
                    <a:pt x="572644" y="301943"/>
                  </a:lnTo>
                  <a:lnTo>
                    <a:pt x="572644" y="297180"/>
                  </a:lnTo>
                  <a:cubicBezTo>
                    <a:pt x="576454" y="192405"/>
                    <a:pt x="523114" y="94298"/>
                    <a:pt x="432626" y="40005"/>
                  </a:cubicBezTo>
                  <a:cubicBezTo>
                    <a:pt x="342139" y="-13335"/>
                    <a:pt x="230696" y="-13335"/>
                    <a:pt x="140209" y="40005"/>
                  </a:cubicBezTo>
                  <a:cubicBezTo>
                    <a:pt x="49721" y="93345"/>
                    <a:pt x="-3619" y="192405"/>
                    <a:pt x="191" y="297180"/>
                  </a:cubicBezTo>
                  <a:cubicBezTo>
                    <a:pt x="191" y="387668"/>
                    <a:pt x="41149" y="472440"/>
                    <a:pt x="112586" y="527685"/>
                  </a:cubicBezTo>
                  <a:lnTo>
                    <a:pt x="112586" y="768668"/>
                  </a:lnTo>
                  <a:lnTo>
                    <a:pt x="413576" y="768668"/>
                  </a:lnTo>
                  <a:lnTo>
                    <a:pt x="413576" y="654368"/>
                  </a:lnTo>
                  <a:lnTo>
                    <a:pt x="460249" y="654368"/>
                  </a:lnTo>
                  <a:cubicBezTo>
                    <a:pt x="490729" y="654368"/>
                    <a:pt x="519304" y="641985"/>
                    <a:pt x="540259" y="621030"/>
                  </a:cubicBezTo>
                  <a:cubicBezTo>
                    <a:pt x="561214" y="599123"/>
                    <a:pt x="572644" y="570548"/>
                    <a:pt x="572644" y="540068"/>
                  </a:cubicBezTo>
                  <a:lnTo>
                    <a:pt x="572644" y="482918"/>
                  </a:lnTo>
                  <a:lnTo>
                    <a:pt x="614554" y="482918"/>
                  </a:lnTo>
                  <a:cubicBezTo>
                    <a:pt x="639319" y="480060"/>
                    <a:pt x="661226" y="451485"/>
                    <a:pt x="638366" y="416243"/>
                  </a:cubicBezTo>
                  <a:close/>
                </a:path>
              </a:pathLst>
            </a:custGeom>
            <a:grpFill/>
            <a:ln w="9525" cap="flat">
              <a:noFill/>
              <a:prstDash val="solid"/>
              <a:miter/>
            </a:ln>
          </p:spPr>
          <p:txBody>
            <a:bodyPr rtlCol="0" anchor="ctr"/>
            <a:lstStyle/>
            <a:p>
              <a:endParaRPr lang="en-US" dirty="0"/>
            </a:p>
          </p:txBody>
        </p:sp>
      </p:grpSp>
      <p:grpSp>
        <p:nvGrpSpPr>
          <p:cNvPr id="36" name="Graphic 7" descr="Stopwatch">
            <a:extLst>
              <a:ext uri="{FF2B5EF4-FFF2-40B4-BE49-F238E27FC236}">
                <a16:creationId xmlns:a16="http://schemas.microsoft.com/office/drawing/2014/main" xmlns="" id="{AD50A48E-2AD0-4445-A147-E938E9A4AA61}"/>
              </a:ext>
            </a:extLst>
          </p:cNvPr>
          <p:cNvGrpSpPr/>
          <p:nvPr/>
        </p:nvGrpSpPr>
        <p:grpSpPr>
          <a:xfrm>
            <a:off x="7160774" y="2923723"/>
            <a:ext cx="914400" cy="914400"/>
            <a:chOff x="7160774" y="2505269"/>
            <a:chExt cx="914400" cy="914400"/>
          </a:xfrm>
          <a:solidFill>
            <a:schemeClr val="accent5"/>
          </a:solidFill>
        </p:grpSpPr>
        <p:sp>
          <p:nvSpPr>
            <p:cNvPr id="37" name="Freeform: Shape 43">
              <a:extLst>
                <a:ext uri="{FF2B5EF4-FFF2-40B4-BE49-F238E27FC236}">
                  <a16:creationId xmlns:a16="http://schemas.microsoft.com/office/drawing/2014/main" xmlns="" id="{9ACC778F-47CD-634B-82EE-6336951C2297}"/>
                </a:ext>
              </a:extLst>
            </p:cNvPr>
            <p:cNvSpPr/>
            <p:nvPr/>
          </p:nvSpPr>
          <p:spPr>
            <a:xfrm>
              <a:off x="7598924" y="2800544"/>
              <a:ext cx="38100" cy="38100"/>
            </a:xfrm>
            <a:custGeom>
              <a:avLst/>
              <a:gdLst>
                <a:gd name="connsiteX0" fmla="*/ 38100 w 38100"/>
                <a:gd name="connsiteY0" fmla="*/ 19050 h 38100"/>
                <a:gd name="connsiteX1" fmla="*/ 19050 w 38100"/>
                <a:gd name="connsiteY1" fmla="*/ 38100 h 38100"/>
                <a:gd name="connsiteX2" fmla="*/ 0 w 38100"/>
                <a:gd name="connsiteY2" fmla="*/ 19050 h 38100"/>
                <a:gd name="connsiteX3" fmla="*/ 19050 w 38100"/>
                <a:gd name="connsiteY3" fmla="*/ 0 h 38100"/>
                <a:gd name="connsiteX4" fmla="*/ 38100 w 38100"/>
                <a:gd name="connsiteY4" fmla="*/ 19050 h 381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100" h="38100">
                  <a:moveTo>
                    <a:pt x="38100" y="19050"/>
                  </a:moveTo>
                  <a:cubicBezTo>
                    <a:pt x="38100" y="29571"/>
                    <a:pt x="29571" y="38100"/>
                    <a:pt x="19050" y="38100"/>
                  </a:cubicBezTo>
                  <a:cubicBezTo>
                    <a:pt x="8529" y="38100"/>
                    <a:pt x="0" y="29571"/>
                    <a:pt x="0" y="19050"/>
                  </a:cubicBezTo>
                  <a:cubicBezTo>
                    <a:pt x="0" y="8529"/>
                    <a:pt x="8529" y="0"/>
                    <a:pt x="19050" y="0"/>
                  </a:cubicBezTo>
                  <a:cubicBezTo>
                    <a:pt x="29571" y="0"/>
                    <a:pt x="38100" y="8529"/>
                    <a:pt x="38100" y="19050"/>
                  </a:cubicBezTo>
                  <a:close/>
                </a:path>
              </a:pathLst>
            </a:custGeom>
            <a:grpFill/>
            <a:ln w="9525" cap="flat">
              <a:noFill/>
              <a:prstDash val="solid"/>
              <a:miter/>
            </a:ln>
          </p:spPr>
          <p:txBody>
            <a:bodyPr rtlCol="0" anchor="ctr"/>
            <a:lstStyle/>
            <a:p>
              <a:endParaRPr lang="en-US" dirty="0"/>
            </a:p>
          </p:txBody>
        </p:sp>
        <p:sp>
          <p:nvSpPr>
            <p:cNvPr id="38" name="Freeform: Shape 44">
              <a:extLst>
                <a:ext uri="{FF2B5EF4-FFF2-40B4-BE49-F238E27FC236}">
                  <a16:creationId xmlns:a16="http://schemas.microsoft.com/office/drawing/2014/main" xmlns="" id="{0AF32787-843D-A64E-A827-001A7AEBE250}"/>
                </a:ext>
              </a:extLst>
            </p:cNvPr>
            <p:cNvSpPr/>
            <p:nvPr/>
          </p:nvSpPr>
          <p:spPr>
            <a:xfrm>
              <a:off x="7598924" y="3181544"/>
              <a:ext cx="38100" cy="38100"/>
            </a:xfrm>
            <a:custGeom>
              <a:avLst/>
              <a:gdLst>
                <a:gd name="connsiteX0" fmla="*/ 38100 w 38100"/>
                <a:gd name="connsiteY0" fmla="*/ 19050 h 38100"/>
                <a:gd name="connsiteX1" fmla="*/ 19050 w 38100"/>
                <a:gd name="connsiteY1" fmla="*/ 38100 h 38100"/>
                <a:gd name="connsiteX2" fmla="*/ 0 w 38100"/>
                <a:gd name="connsiteY2" fmla="*/ 19050 h 38100"/>
                <a:gd name="connsiteX3" fmla="*/ 19050 w 38100"/>
                <a:gd name="connsiteY3" fmla="*/ 0 h 38100"/>
                <a:gd name="connsiteX4" fmla="*/ 38100 w 38100"/>
                <a:gd name="connsiteY4" fmla="*/ 19050 h 381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100" h="38100">
                  <a:moveTo>
                    <a:pt x="38100" y="19050"/>
                  </a:moveTo>
                  <a:cubicBezTo>
                    <a:pt x="38100" y="29571"/>
                    <a:pt x="29571" y="38100"/>
                    <a:pt x="19050" y="38100"/>
                  </a:cubicBezTo>
                  <a:cubicBezTo>
                    <a:pt x="8529" y="38100"/>
                    <a:pt x="0" y="29571"/>
                    <a:pt x="0" y="19050"/>
                  </a:cubicBezTo>
                  <a:cubicBezTo>
                    <a:pt x="0" y="8529"/>
                    <a:pt x="8529" y="0"/>
                    <a:pt x="19050" y="0"/>
                  </a:cubicBezTo>
                  <a:cubicBezTo>
                    <a:pt x="29571" y="0"/>
                    <a:pt x="38100" y="8529"/>
                    <a:pt x="38100" y="19050"/>
                  </a:cubicBezTo>
                  <a:close/>
                </a:path>
              </a:pathLst>
            </a:custGeom>
            <a:grpFill/>
            <a:ln w="9525" cap="flat">
              <a:noFill/>
              <a:prstDash val="solid"/>
              <a:miter/>
            </a:ln>
          </p:spPr>
          <p:txBody>
            <a:bodyPr rtlCol="0" anchor="ctr"/>
            <a:lstStyle/>
            <a:p>
              <a:endParaRPr lang="en-US" dirty="0"/>
            </a:p>
          </p:txBody>
        </p:sp>
        <p:sp>
          <p:nvSpPr>
            <p:cNvPr id="39" name="Freeform: Shape 45">
              <a:extLst>
                <a:ext uri="{FF2B5EF4-FFF2-40B4-BE49-F238E27FC236}">
                  <a16:creationId xmlns:a16="http://schemas.microsoft.com/office/drawing/2014/main" xmlns="" id="{DA7106D6-1ABA-3143-9943-6280CD1D6DB4}"/>
                </a:ext>
              </a:extLst>
            </p:cNvPr>
            <p:cNvSpPr/>
            <p:nvPr/>
          </p:nvSpPr>
          <p:spPr>
            <a:xfrm>
              <a:off x="7789424" y="2981519"/>
              <a:ext cx="38100" cy="38100"/>
            </a:xfrm>
            <a:custGeom>
              <a:avLst/>
              <a:gdLst>
                <a:gd name="connsiteX0" fmla="*/ 38100 w 38100"/>
                <a:gd name="connsiteY0" fmla="*/ 19050 h 38100"/>
                <a:gd name="connsiteX1" fmla="*/ 19050 w 38100"/>
                <a:gd name="connsiteY1" fmla="*/ 38100 h 38100"/>
                <a:gd name="connsiteX2" fmla="*/ 0 w 38100"/>
                <a:gd name="connsiteY2" fmla="*/ 19050 h 38100"/>
                <a:gd name="connsiteX3" fmla="*/ 19050 w 38100"/>
                <a:gd name="connsiteY3" fmla="*/ 0 h 38100"/>
                <a:gd name="connsiteX4" fmla="*/ 38100 w 38100"/>
                <a:gd name="connsiteY4" fmla="*/ 19050 h 381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100" h="38100">
                  <a:moveTo>
                    <a:pt x="38100" y="19050"/>
                  </a:moveTo>
                  <a:cubicBezTo>
                    <a:pt x="38100" y="29571"/>
                    <a:pt x="29571" y="38100"/>
                    <a:pt x="19050" y="38100"/>
                  </a:cubicBezTo>
                  <a:cubicBezTo>
                    <a:pt x="8529" y="38100"/>
                    <a:pt x="0" y="29571"/>
                    <a:pt x="0" y="19050"/>
                  </a:cubicBezTo>
                  <a:cubicBezTo>
                    <a:pt x="0" y="8529"/>
                    <a:pt x="8529" y="0"/>
                    <a:pt x="19050" y="0"/>
                  </a:cubicBezTo>
                  <a:cubicBezTo>
                    <a:pt x="29571" y="0"/>
                    <a:pt x="38100" y="8529"/>
                    <a:pt x="38100" y="19050"/>
                  </a:cubicBezTo>
                  <a:close/>
                </a:path>
              </a:pathLst>
            </a:custGeom>
            <a:grpFill/>
            <a:ln w="9525" cap="flat">
              <a:noFill/>
              <a:prstDash val="solid"/>
              <a:miter/>
            </a:ln>
          </p:spPr>
          <p:txBody>
            <a:bodyPr rtlCol="0" anchor="ctr"/>
            <a:lstStyle/>
            <a:p>
              <a:endParaRPr lang="en-US" dirty="0"/>
            </a:p>
          </p:txBody>
        </p:sp>
        <p:sp>
          <p:nvSpPr>
            <p:cNvPr id="40" name="Freeform: Shape 46">
              <a:extLst>
                <a:ext uri="{FF2B5EF4-FFF2-40B4-BE49-F238E27FC236}">
                  <a16:creationId xmlns:a16="http://schemas.microsoft.com/office/drawing/2014/main" xmlns="" id="{282A390E-4EE1-9840-A90B-51070351DFF7}"/>
                </a:ext>
              </a:extLst>
            </p:cNvPr>
            <p:cNvSpPr/>
            <p:nvPr/>
          </p:nvSpPr>
          <p:spPr>
            <a:xfrm>
              <a:off x="7408424" y="2981519"/>
              <a:ext cx="38100" cy="38100"/>
            </a:xfrm>
            <a:custGeom>
              <a:avLst/>
              <a:gdLst>
                <a:gd name="connsiteX0" fmla="*/ 38100 w 38100"/>
                <a:gd name="connsiteY0" fmla="*/ 19050 h 38100"/>
                <a:gd name="connsiteX1" fmla="*/ 19050 w 38100"/>
                <a:gd name="connsiteY1" fmla="*/ 38100 h 38100"/>
                <a:gd name="connsiteX2" fmla="*/ 0 w 38100"/>
                <a:gd name="connsiteY2" fmla="*/ 19050 h 38100"/>
                <a:gd name="connsiteX3" fmla="*/ 19050 w 38100"/>
                <a:gd name="connsiteY3" fmla="*/ 0 h 38100"/>
                <a:gd name="connsiteX4" fmla="*/ 38100 w 38100"/>
                <a:gd name="connsiteY4" fmla="*/ 19050 h 381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100" h="38100">
                  <a:moveTo>
                    <a:pt x="38100" y="19050"/>
                  </a:moveTo>
                  <a:cubicBezTo>
                    <a:pt x="38100" y="29571"/>
                    <a:pt x="29571" y="38100"/>
                    <a:pt x="19050" y="38100"/>
                  </a:cubicBezTo>
                  <a:cubicBezTo>
                    <a:pt x="8529" y="38100"/>
                    <a:pt x="0" y="29571"/>
                    <a:pt x="0" y="19050"/>
                  </a:cubicBezTo>
                  <a:cubicBezTo>
                    <a:pt x="0" y="8529"/>
                    <a:pt x="8529" y="0"/>
                    <a:pt x="19050" y="0"/>
                  </a:cubicBezTo>
                  <a:cubicBezTo>
                    <a:pt x="29571" y="0"/>
                    <a:pt x="38100" y="8529"/>
                    <a:pt x="38100" y="19050"/>
                  </a:cubicBezTo>
                  <a:close/>
                </a:path>
              </a:pathLst>
            </a:custGeom>
            <a:grpFill/>
            <a:ln w="9525" cap="flat">
              <a:noFill/>
              <a:prstDash val="solid"/>
              <a:miter/>
            </a:ln>
          </p:spPr>
          <p:txBody>
            <a:bodyPr rtlCol="0" anchor="ctr"/>
            <a:lstStyle/>
            <a:p>
              <a:endParaRPr lang="en-US" dirty="0"/>
            </a:p>
          </p:txBody>
        </p:sp>
        <p:sp>
          <p:nvSpPr>
            <p:cNvPr id="41" name="Freeform: Shape 47">
              <a:extLst>
                <a:ext uri="{FF2B5EF4-FFF2-40B4-BE49-F238E27FC236}">
                  <a16:creationId xmlns:a16="http://schemas.microsoft.com/office/drawing/2014/main" xmlns="" id="{A8652947-AC89-FB45-9E75-80EA362281E3}"/>
                </a:ext>
              </a:extLst>
            </p:cNvPr>
            <p:cNvSpPr/>
            <p:nvPr/>
          </p:nvSpPr>
          <p:spPr>
            <a:xfrm>
              <a:off x="7598924" y="2867219"/>
              <a:ext cx="126682" cy="240982"/>
            </a:xfrm>
            <a:custGeom>
              <a:avLst/>
              <a:gdLst>
                <a:gd name="connsiteX0" fmla="*/ 38100 w 126682"/>
                <a:gd name="connsiteY0" fmla="*/ 0 h 240982"/>
                <a:gd name="connsiteX1" fmla="*/ 0 w 126682"/>
                <a:gd name="connsiteY1" fmla="*/ 0 h 240982"/>
                <a:gd name="connsiteX2" fmla="*/ 0 w 126682"/>
                <a:gd name="connsiteY2" fmla="*/ 133350 h 240982"/>
                <a:gd name="connsiteX3" fmla="*/ 5715 w 126682"/>
                <a:gd name="connsiteY3" fmla="*/ 146685 h 240982"/>
                <a:gd name="connsiteX4" fmla="*/ 100013 w 126682"/>
                <a:gd name="connsiteY4" fmla="*/ 240983 h 240982"/>
                <a:gd name="connsiteX5" fmla="*/ 126682 w 126682"/>
                <a:gd name="connsiteY5" fmla="*/ 214313 h 240982"/>
                <a:gd name="connsiteX6" fmla="*/ 38100 w 126682"/>
                <a:gd name="connsiteY6" fmla="*/ 125730 h 240982"/>
                <a:gd name="connsiteX7" fmla="*/ 38100 w 126682"/>
                <a:gd name="connsiteY7" fmla="*/ 0 h 2409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6682" h="240982">
                  <a:moveTo>
                    <a:pt x="38100" y="0"/>
                  </a:moveTo>
                  <a:lnTo>
                    <a:pt x="0" y="0"/>
                  </a:lnTo>
                  <a:lnTo>
                    <a:pt x="0" y="133350"/>
                  </a:lnTo>
                  <a:cubicBezTo>
                    <a:pt x="0" y="138113"/>
                    <a:pt x="1905" y="142875"/>
                    <a:pt x="5715" y="146685"/>
                  </a:cubicBezTo>
                  <a:lnTo>
                    <a:pt x="100013" y="240983"/>
                  </a:lnTo>
                  <a:lnTo>
                    <a:pt x="126682" y="214313"/>
                  </a:lnTo>
                  <a:lnTo>
                    <a:pt x="38100" y="125730"/>
                  </a:lnTo>
                  <a:lnTo>
                    <a:pt x="38100" y="0"/>
                  </a:lnTo>
                  <a:close/>
                </a:path>
              </a:pathLst>
            </a:custGeom>
            <a:grpFill/>
            <a:ln w="9525" cap="flat">
              <a:noFill/>
              <a:prstDash val="solid"/>
              <a:miter/>
            </a:ln>
          </p:spPr>
          <p:txBody>
            <a:bodyPr rtlCol="0" anchor="ctr"/>
            <a:lstStyle/>
            <a:p>
              <a:endParaRPr lang="en-US" dirty="0"/>
            </a:p>
          </p:txBody>
        </p:sp>
        <p:sp>
          <p:nvSpPr>
            <p:cNvPr id="42" name="Freeform: Shape 48">
              <a:extLst>
                <a:ext uri="{FF2B5EF4-FFF2-40B4-BE49-F238E27FC236}">
                  <a16:creationId xmlns:a16="http://schemas.microsoft.com/office/drawing/2014/main" xmlns="" id="{E6781518-AF44-EA4C-971C-D55666F7688F}"/>
                </a:ext>
              </a:extLst>
            </p:cNvPr>
            <p:cNvSpPr/>
            <p:nvPr/>
          </p:nvSpPr>
          <p:spPr>
            <a:xfrm>
              <a:off x="7294415" y="2590994"/>
              <a:ext cx="648267" cy="742430"/>
            </a:xfrm>
            <a:custGeom>
              <a:avLst/>
              <a:gdLst>
                <a:gd name="connsiteX0" fmla="*/ 323559 w 648267"/>
                <a:gd name="connsiteY0" fmla="*/ 685800 h 742430"/>
                <a:gd name="connsiteX1" fmla="*/ 56859 w 648267"/>
                <a:gd name="connsiteY1" fmla="*/ 419100 h 742430"/>
                <a:gd name="connsiteX2" fmla="*/ 323559 w 648267"/>
                <a:gd name="connsiteY2" fmla="*/ 152400 h 742430"/>
                <a:gd name="connsiteX3" fmla="*/ 590259 w 648267"/>
                <a:gd name="connsiteY3" fmla="*/ 419100 h 742430"/>
                <a:gd name="connsiteX4" fmla="*/ 323559 w 648267"/>
                <a:gd name="connsiteY4" fmla="*/ 685800 h 742430"/>
                <a:gd name="connsiteX5" fmla="*/ 323559 w 648267"/>
                <a:gd name="connsiteY5" fmla="*/ 685800 h 742430"/>
                <a:gd name="connsiteX6" fmla="*/ 549301 w 648267"/>
                <a:gd name="connsiteY6" fmla="*/ 186690 h 742430"/>
                <a:gd name="connsiteX7" fmla="*/ 577876 w 648267"/>
                <a:gd name="connsiteY7" fmla="*/ 158115 h 742430"/>
                <a:gd name="connsiteX8" fmla="*/ 576924 w 648267"/>
                <a:gd name="connsiteY8" fmla="*/ 118110 h 742430"/>
                <a:gd name="connsiteX9" fmla="*/ 536919 w 648267"/>
                <a:gd name="connsiteY9" fmla="*/ 117157 h 742430"/>
                <a:gd name="connsiteX10" fmla="*/ 504534 w 648267"/>
                <a:gd name="connsiteY10" fmla="*/ 150495 h 742430"/>
                <a:gd name="connsiteX11" fmla="*/ 352134 w 648267"/>
                <a:gd name="connsiteY11" fmla="*/ 97155 h 742430"/>
                <a:gd name="connsiteX12" fmla="*/ 352134 w 648267"/>
                <a:gd name="connsiteY12" fmla="*/ 57150 h 742430"/>
                <a:gd name="connsiteX13" fmla="*/ 437859 w 648267"/>
                <a:gd name="connsiteY13" fmla="*/ 57150 h 742430"/>
                <a:gd name="connsiteX14" fmla="*/ 437859 w 648267"/>
                <a:gd name="connsiteY14" fmla="*/ 0 h 742430"/>
                <a:gd name="connsiteX15" fmla="*/ 209259 w 648267"/>
                <a:gd name="connsiteY15" fmla="*/ 0 h 742430"/>
                <a:gd name="connsiteX16" fmla="*/ 209259 w 648267"/>
                <a:gd name="connsiteY16" fmla="*/ 57150 h 742430"/>
                <a:gd name="connsiteX17" fmla="*/ 294984 w 648267"/>
                <a:gd name="connsiteY17" fmla="*/ 57150 h 742430"/>
                <a:gd name="connsiteX18" fmla="*/ 294984 w 648267"/>
                <a:gd name="connsiteY18" fmla="*/ 96203 h 742430"/>
                <a:gd name="connsiteX19" fmla="*/ 2566 w 648267"/>
                <a:gd name="connsiteY19" fmla="*/ 378143 h 742430"/>
                <a:gd name="connsiteX20" fmla="*/ 215926 w 648267"/>
                <a:gd name="connsiteY20" fmla="*/ 723900 h 742430"/>
                <a:gd name="connsiteX21" fmla="*/ 599784 w 648267"/>
                <a:gd name="connsiteY21" fmla="*/ 589598 h 742430"/>
                <a:gd name="connsiteX22" fmla="*/ 549301 w 648267"/>
                <a:gd name="connsiteY22" fmla="*/ 186690 h 742430"/>
                <a:gd name="connsiteX23" fmla="*/ 549301 w 648267"/>
                <a:gd name="connsiteY23" fmla="*/ 186690 h 7424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648267" h="742430">
                  <a:moveTo>
                    <a:pt x="323559" y="685800"/>
                  </a:moveTo>
                  <a:cubicBezTo>
                    <a:pt x="175921" y="685800"/>
                    <a:pt x="56859" y="566738"/>
                    <a:pt x="56859" y="419100"/>
                  </a:cubicBezTo>
                  <a:cubicBezTo>
                    <a:pt x="56859" y="271463"/>
                    <a:pt x="175921" y="152400"/>
                    <a:pt x="323559" y="152400"/>
                  </a:cubicBezTo>
                  <a:cubicBezTo>
                    <a:pt x="471196" y="152400"/>
                    <a:pt x="590259" y="271463"/>
                    <a:pt x="590259" y="419100"/>
                  </a:cubicBezTo>
                  <a:cubicBezTo>
                    <a:pt x="590259" y="566738"/>
                    <a:pt x="471196" y="685800"/>
                    <a:pt x="323559" y="685800"/>
                  </a:cubicBezTo>
                  <a:lnTo>
                    <a:pt x="323559" y="685800"/>
                  </a:lnTo>
                  <a:close/>
                  <a:moveTo>
                    <a:pt x="549301" y="186690"/>
                  </a:moveTo>
                  <a:lnTo>
                    <a:pt x="577876" y="158115"/>
                  </a:lnTo>
                  <a:cubicBezTo>
                    <a:pt x="588354" y="146685"/>
                    <a:pt x="588354" y="129540"/>
                    <a:pt x="576924" y="118110"/>
                  </a:cubicBezTo>
                  <a:cubicBezTo>
                    <a:pt x="566446" y="107632"/>
                    <a:pt x="548349" y="106680"/>
                    <a:pt x="536919" y="117157"/>
                  </a:cubicBezTo>
                  <a:lnTo>
                    <a:pt x="504534" y="150495"/>
                  </a:lnTo>
                  <a:cubicBezTo>
                    <a:pt x="458814" y="120015"/>
                    <a:pt x="406426" y="100965"/>
                    <a:pt x="352134" y="97155"/>
                  </a:cubicBezTo>
                  <a:lnTo>
                    <a:pt x="352134" y="57150"/>
                  </a:lnTo>
                  <a:lnTo>
                    <a:pt x="437859" y="57150"/>
                  </a:lnTo>
                  <a:lnTo>
                    <a:pt x="437859" y="0"/>
                  </a:lnTo>
                  <a:lnTo>
                    <a:pt x="209259" y="0"/>
                  </a:lnTo>
                  <a:lnTo>
                    <a:pt x="209259" y="57150"/>
                  </a:lnTo>
                  <a:lnTo>
                    <a:pt x="294984" y="57150"/>
                  </a:lnTo>
                  <a:lnTo>
                    <a:pt x="294984" y="96203"/>
                  </a:lnTo>
                  <a:cubicBezTo>
                    <a:pt x="143536" y="109538"/>
                    <a:pt x="21616" y="226695"/>
                    <a:pt x="2566" y="378143"/>
                  </a:cubicBezTo>
                  <a:cubicBezTo>
                    <a:pt x="-16484" y="529590"/>
                    <a:pt x="72099" y="673418"/>
                    <a:pt x="215926" y="723900"/>
                  </a:cubicBezTo>
                  <a:cubicBezTo>
                    <a:pt x="359754" y="774383"/>
                    <a:pt x="518821" y="719138"/>
                    <a:pt x="599784" y="589598"/>
                  </a:cubicBezTo>
                  <a:cubicBezTo>
                    <a:pt x="680746" y="460058"/>
                    <a:pt x="657886" y="292418"/>
                    <a:pt x="549301" y="186690"/>
                  </a:cubicBezTo>
                  <a:lnTo>
                    <a:pt x="549301" y="186690"/>
                  </a:lnTo>
                  <a:close/>
                </a:path>
              </a:pathLst>
            </a:custGeom>
            <a:grpFill/>
            <a:ln w="9525" cap="flat">
              <a:noFill/>
              <a:prstDash val="solid"/>
              <a:miter/>
            </a:ln>
          </p:spPr>
          <p:txBody>
            <a:bodyPr rtlCol="0" anchor="ctr"/>
            <a:lstStyle/>
            <a:p>
              <a:endParaRPr lang="en-US" dirty="0"/>
            </a:p>
          </p:txBody>
        </p:sp>
      </p:grpSp>
      <p:sp>
        <p:nvSpPr>
          <p:cNvPr id="46" name="Title 1">
            <a:extLst>
              <a:ext uri="{FF2B5EF4-FFF2-40B4-BE49-F238E27FC236}">
                <a16:creationId xmlns:a16="http://schemas.microsoft.com/office/drawing/2014/main" xmlns="" id="{2A8D0C02-177A-F14E-B9A2-73A0B5680F4D}"/>
              </a:ext>
            </a:extLst>
          </p:cNvPr>
          <p:cNvSpPr txBox="1">
            <a:spLocks/>
          </p:cNvSpPr>
          <p:nvPr/>
        </p:nvSpPr>
        <p:spPr>
          <a:xfrm>
            <a:off x="0" y="27605"/>
            <a:ext cx="12192000" cy="1007554"/>
          </a:xfrm>
          <a:prstGeom prst="rect">
            <a:avLst/>
          </a:prstGeom>
          <a:solidFill>
            <a:schemeClr val="accent6"/>
          </a:solidFill>
        </p:spPr>
        <p:txBody>
          <a:bodyPr anchor="ct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s-VE" sz="4200" b="1" dirty="0" smtClean="0">
                <a:solidFill>
                  <a:schemeClr val="bg1"/>
                </a:solidFill>
              </a:rPr>
              <a:t>Antes </a:t>
            </a:r>
            <a:r>
              <a:rPr lang="es-VE" sz="4200" b="1" dirty="0">
                <a:solidFill>
                  <a:schemeClr val="bg1"/>
                </a:solidFill>
              </a:rPr>
              <a:t>de la discusión </a:t>
            </a:r>
            <a:r>
              <a:rPr lang="es-VE" sz="4200" b="1" dirty="0" smtClean="0">
                <a:solidFill>
                  <a:schemeClr val="bg1"/>
                </a:solidFill>
              </a:rPr>
              <a:t>en </a:t>
            </a:r>
            <a:r>
              <a:rPr lang="es-VE" sz="4200" b="1" dirty="0">
                <a:solidFill>
                  <a:schemeClr val="bg1"/>
                </a:solidFill>
              </a:rPr>
              <a:t>el grupo de enfoque</a:t>
            </a:r>
            <a:endParaRPr lang="en-US" sz="4200" b="1" dirty="0">
              <a:solidFill>
                <a:schemeClr val="bg1"/>
              </a:solidFill>
            </a:endParaRPr>
          </a:p>
        </p:txBody>
      </p:sp>
      <p:pic>
        <p:nvPicPr>
          <p:cNvPr id="51" name="Graphic 50" descr="Gears">
            <a:extLst>
              <a:ext uri="{FF2B5EF4-FFF2-40B4-BE49-F238E27FC236}">
                <a16:creationId xmlns:a16="http://schemas.microsoft.com/office/drawing/2014/main" xmlns="" id="{0B6E7D01-1E61-5F4A-907D-C39E5EE7D06A}"/>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xmlns="" r:embed="rId3"/>
              </a:ext>
            </a:extLst>
          </a:blip>
          <a:stretch>
            <a:fillRect/>
          </a:stretch>
        </p:blipFill>
        <p:spPr>
          <a:xfrm>
            <a:off x="5653940" y="3747830"/>
            <a:ext cx="1027511" cy="1027511"/>
          </a:xfrm>
          <a:prstGeom prst="rect">
            <a:avLst/>
          </a:prstGeom>
        </p:spPr>
      </p:pic>
      <p:sp>
        <p:nvSpPr>
          <p:cNvPr id="11" name="Rectángulo 10"/>
          <p:cNvSpPr/>
          <p:nvPr/>
        </p:nvSpPr>
        <p:spPr>
          <a:xfrm>
            <a:off x="3274595" y="5485547"/>
            <a:ext cx="2260555" cy="400110"/>
          </a:xfrm>
          <a:prstGeom prst="rect">
            <a:avLst/>
          </a:prstGeom>
        </p:spPr>
        <p:txBody>
          <a:bodyPr wrap="none">
            <a:spAutoFit/>
          </a:bodyPr>
          <a:lstStyle/>
          <a:p>
            <a:r>
              <a:rPr lang="es-VE" sz="2000" b="1" dirty="0"/>
              <a:t>Identifica el tema</a:t>
            </a:r>
          </a:p>
        </p:txBody>
      </p:sp>
    </p:spTree>
    <p:extLst>
      <p:ext uri="{BB962C8B-B14F-4D97-AF65-F5344CB8AC3E}">
        <p14:creationId xmlns:p14="http://schemas.microsoft.com/office/powerpoint/2010/main" val="281826893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VmVyc2lvbiI6eyIkaWQiOiIyIiwiVmVyc2lvbiI6IjMuMi4wIiwiT3JpZ2luYWxBc3NlbWJseVZlcnNpb24iOiIxLjAwLjAwLjAwIiwiRWRpdGlvbiI6IlBybyIsIklzUGx1c0VkaXRpb24iOnRydWUsIklzUHJv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b3JiZWwiLCJJc0JvbGQiOmZhbHN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dHJ1ZSwiV2lkdGgiOjAuMCwiSGVpZ2h0IjowLjAsIkJvcmRlclN0eWxlIjpudWxsLCJQYXJlbnRTdHlsZSI6bnVsbH0sIkxlZnRFbmRDYXBzU3R5bGUiOnsiJGlkIjoiMjEiLCJGb250U2V0dGluZ3MiOnsiJGlkIjoiMjIiLCJGb250U2l6ZSI6MTgsIkZvbnROYW1lIjoiQ29yYmVsIiwiSXNCb2xkIjpmYWxz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I1NSwiUiI6MjU1LCJHIjoyNTUsIkIiOjI1NX19LCJJc1Zpc2libGUiOnRydWUsIldpZHRoIjowLjAsIkhlaWdodCI6MC4wLCJCb3JkZXJTdHlsZSI6bnVsbCwiUGFyZW50U3R5bGUiOm51bGx9LCJUb2RheVRleHRTdHlsZSI6eyIkaWQiOiIyOSIsIkZvbnRTZXR0aW5ncyI6eyIkaWQiOiIzMCIsIkZvbnRTaXplIjo4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4OSwiUiI6MCwiRyI6MCwiQiI6MH19LCJJc1Zpc2libGUiOmZhbHN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zMSwiRyI6MjMwLCJCIjoyMzB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QiLCJEYXRlUGFydElzVmlzaWJsZSI6ZmFsc2UsIlRpbWVQYXJ0SXNWaXNpYmxlIjpmYWxzZX19LCJJc1Zpc2libGUiOnRydWUsIlBhcmVudFN0eWxlIjpudWxsfSwiRGVmYXVsdFRhc2tTdHlsZSI6eyIkaWQiOiI4NSIsIlNoYXBlIjoyLCJTaGFwZVRoaWNrbmVzcyI6MSwiRHVyYXRpb25Gb3JtYXQiOjAsIkluY2x1ZGVOb25Xb3JraW5nRGF5c0luRHVyYXRpb24iOmZhbHNlLCJQZXJjZW50YWdlQ29tcGxl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NSIsIlRvcCI6MCwiTGVmdCI6MCwiUmlnaHQiOjAsIkJvdHRvbSI6MH0sIlBhZGRpbmciOnsiJGlkIjoiMTI2IiwiVG9wIjowLCJMZWZ0IjowLCJSaWdodCI6MCwiQm90dG9tIjowfSwiQmFja2dyb3VuZCI6eyIkaWQiOiIxMjciLCJDb2xvciI6eyIkcmVmIjoiMzYifX0sIklzVmlzaWJsZSI6dHJ1ZSwiV2lkdGgiOjAuMCwiSGVpZ2h0IjowLjAsIkJvcmRlclN0eWxlIjpudWxsLCJQYXJlbnRTdHlsZSI6bnVsbH0sIkRhdGVGb3JtYXQiOnsiJGlkIjoiMTI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5IiwiRGF0ZVBhcnRJc1Zpc2libGUiOmZhbHNlLCJUaW1lUGFydElzVmlzaWJsZSI6ZmFsc2V9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E4MCIsIkxpbmVDb2xvciI6bnVsbCwiTGluZVdlaWdodCI6MC4wLCJMaW5lVHlwZSI6MCwiUGFyZW50U3R5bGUiOm51bGx9LCJQYXJlbnRTdHlsZSI6eyIkcmVmIjoiNjkifX0sIkRhdGVTdHlsZSI6eyIkaWQiOiIxODEiLCJGb250U2V0dGluZ3MiOnsiJGlkIjoiMTgyIiwiRm9udFNpemUiOjEwLCJGb250TmFtZSI6IkNhbGlicmkiLCJJc0JvbGQiOmZhbHNlLCJJc0l0YWxpYyI6ZmFsc2UsIklzVW5kZXJsaW5lZCI6ZmFsc2UsIlBhcmVudFN0eWxlIjp7IiRyZWYiOiI3NyJ9fSwiQXV0b1NpemUiOjAsIkZvcmVncm91bmQiOnsiJGlkIjoiMTgzIiwiQ29sb3IiOnsiJGlkIjoiMTg0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IwMSIsIkxpbmVDb2xvciI6bnVsbCwiTGluZVdlaWdodCI6MC4wLCJMaW5lVHlwZSI6MCwiUGFyZW50U3R5bGUiOm51bGx9LCJQYXJlbnRTdHlsZSI6eyIkcmVmIjoiNjkifX0sIkRhdGVTdHlsZSI6eyIkaWQiOiIyMDIiLCJGb250U2V0dGluZ3MiOnsiJGlkIjoiMjAzIiwiRm9udFNpemUiOjEwLCJGb250TmFtZSI6IkNhbGlicmkiLCJJc0JvbGQiOmZhbHNlLCJJc0l0YWxpYyI6ZmFsc2UsIklzVW5kZXJsaW5lZCI6ZmFsc2UsIlBhcmVudFN0eWxlIjp7IiRyZWYiOiI3NyJ9fSwiQXV0b1NpemUiOjAsIkZvcmVncm91bmQiOnsiJGlkIjoiMjA0IiwiQ29sb3IiOnsiJGlkIjoiMjA1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yNjQiLCJMaW5lQ29sb3IiOm51bGwsIkxpbmVXZWlnaHQiOjAuMCwiTGluZVR5cGUiOjAsIlBhcmVudFN0eWxlIjpudWxsfSwiUGFyZW50U3R5bGUiOnsiJHJlZiI6IjY5In19LCJEYXRlU3R5bGUiOnsiJGlkIjoiMjY1IiwiRm9udFNldHRpbmdzIjp7IiRpZCI6IjI2NiIsIkZvbnRTaXplIjo4LCJGb250TmFtZSI6IkNhbGlicmkiLCJJc0JvbGQiOmZhbHNlLCJJc0l0YWxpYyI6ZmFsc2UsIklzVW5kZXJsaW5lZCI6ZmFsc2UsIlBhcmVudFN0eWxlIjp7IiRyZWYiOiI3NyJ9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jgzIiwiTGluZUNvbG9yIjpudWxsLCJMaW5lV2VpZ2h0IjowLjAsIkxpbmVUeXBlIjowLCJQYXJlbnRTdHlsZSI6bnVsbH0sIlBhcmVudFN0eWxlIjp7IiRyZWYiOiI2OSJ9fSwiRGF0ZVN0eWxlIjp7IiRpZCI6IjI4NCIsIkZvbnRTZXR0aW5ncyI6eyIkaWQiOiIyODUiLCJGb250U2l6ZSI6OCwiRm9udE5hbWUiOiJDYWxpYnJpIiwiSXNCb2xkIjpmYWxzZSwiSXNJdGFsaWMiOmZhbHNlLCJJc1VuZGVybGluZWQiOmZhbHNlLCJQYXJlbnRTdHlsZSI6eyIkcmVmIjoiNzcifX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MxMyIsIkxpbmVDb2xvciI6bnVsbCwiTGluZVdlaWdodCI6MC4wLCJMaW5lVHlwZSI6MCwiUGFyZW50U3R5bGUiOm51bGx9LCJQYXJlbnRTdHlsZSI6eyIkcmVmIjoiODYifX0sIkR1cmF0aW9uU3R5bGUiOnsiJGlkIjoiMzE0IiwiRm9udFNldHRpbmdzIjp7IiRpZCI6IjMxNSIsIkZvbnRTaXplIjoxMCwiRm9udE5hbWUiOiJDYWxpYnJpIiwiSXNCb2xkIjpmYWxzZSwiSXNJdGFsaWMiOmZhbHNlLCJJc1VuZGVybGluZWQiOmZhbHNlLCJQYXJlbnRTdHlsZSI6eyIkcmVmIjoiOTQifX0sIkF1dG9TaXplIjowLCJGb3JlZ3JvdW5kIjp7IiRpZCI6IjMxNiIsIkNvbG9yIjp7IiRpZCI6IjMx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MxOCIsIkxpbmVDb2xvciI6bnVsbCwiTGluZVdlaWdodCI6MC4wLCJMaW5lVHlwZSI6MCwiUGFyZW50U3R5bGUiOm51bGx9LCJQYXJlbnRTdHlsZSI6eyIkcmVmIjoiOTMifX0sIkhvcml6b250YWxDb25uZWN0b3JTdHlsZSI6eyIkaWQiOiIzMTkiLCJMaW5lQ29sb3IiOnsiJHJlZiI6IjEwMSJ9LCJMaW5lV2VpZ2h0IjowLjAsIkxpbmVUeXBlIjowLCJQYXJlbnRTdHlsZSI6eyIkcmVmIjoiMTAwIn19LCJWZXJ0aWNhbENvbm5lY3RvclN0eWxlIjp7IiRpZCI6IjMyMCIsIkxpbmVDb2xvciI6eyIkcmVmIjoiMTA0In0sIkxpbmVXZWlnaHQiOjAuMCwiTGluZVR5cGUiOjAsIlBhcmVudFN0eWxlIjp7IiRyZWYiOiIxMDM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zMzEiLCJMaW5lQ29sb3IiOm51bGwsIkxpbmVXZWlnaHQiOjAuMCwiTGluZVR5cGUiOjAsIlBhcmVudFN0eWxlIjpudWxsfSwiUGFyZW50U3R5bGUiOnsiJHJlZiI6IjExNCJ9fSwiRGF0ZVN0eWxlIjp7IiRpZCI6IjMzMiIsIkZvbnRTZXR0aW5ncyI6eyIkaWQiOiIzMzMiLCJGb250U2l6ZSI6MTAsIkZvbnROYW1lIjoiQ2FsaWJyaSIsIklzQm9sZCI6ZmFsc2UsIklzSXRhbGljIjpmYWxzZSwiSXNVbmRlcmxpbmVkIjpmYWxzZSwiUGFyZW50U3R5bGUiOnsiJHJlZiI6IjEyMiJ9fSwiQXV0b1NpemUiOjAsIkZvcmVncm91bmQiOnsiJGlkIjoiMzM0IiwiQ29sb3IiOnsiJGlkIjoiMzM1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7IiRyZWYiOiI4NyJ9fSwiQXV0b1NpemUiOjAsIkZvcmVncm91bmQiOnsiJHJlZiI6Ijg4In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zNDIiLCJMaW5lQ29sb3IiOm51bGwsIkxpbmVXZWlnaHQiOjAuMCwiTGluZVR5cGUiOjAsIlBhcmVudFN0eWxlIjpudWxsfSwiUGFyZW50U3R5bGUiOnsiJHJlZiI6Ijg2In19LCJEdXJhdGlvblN0eWxlIjp7IiRpZCI6IjM0MyIsIkZvbnRTZXR0aW5ncyI6eyIkaWQiOiIzNDQiLCJGb250U2l6ZSI6MTAsIkZvbnROYW1lIjoiQ2FsaWJyaSIsIklzQm9sZCI6ZmFsc2UsIklzSXRhbGljIjpmYWxzZSwiSXNVbmRlcmxpbmVkIjpmYWxzZSwiUGFyZW50U3R5bGUiOnsiJHJlZiI6Ijk0In19LCJBdXRvU2l6ZSI6MCwiRm9yZWdyb3VuZCI6eyIkaWQiOiIzNDUiLCJDb2xvciI6eyIkaWQiOiIzND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zYwIiwiTGluZUNvbG9yIjpudWxsLCJMaW5lV2VpZ2h0IjowLjAsIkxpbmVUeXBlIjowLCJQYXJlbnRTdHlsZSI6bnVsbH0sIlBhcmVudFN0eWxlIjp7IiRyZWYiOiIxMTQifX0sIkRhdGVTdHlsZSI6eyIkaWQiOiIzNjEiLCJGb250U2V0dGluZ3MiOnsiJGlkIjoiMzYyIiwiRm9udFNpemUiOjEwLCJGb250TmFtZSI6IkNhbGlicmkiLCJJc0JvbGQiOmZhbHNlLCJJc0l0YWxpYyI6ZmFsc2UsIklzVW5kZXJsaW5lZCI6ZmFsc2UsIlBhcmVudFN0eWxlIjp7IiRyZWYiOiIxMjIifX0sIkF1dG9TaXplIjowLCJGb3JlZ3JvdW5kIjp7IiRpZCI6IjM2MyIsIkNvbG9yIjp7IiRpZCI6IjM2NC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zc2IiwiTGluZUNvbG9yIjpudWxsLCJMaW5lV2VpZ2h0IjowLjAsIkxpbmVUeXBlIjowLCJQYXJlbnRTdHlsZSI6bnVsbH0sIlBhcmVudFN0eWxlIjp7IiRyZWYiOiI5MyJ9fSwiSG9yaXpvbnRhbENvbm5lY3RvclN0eWxlIjp7IiRpZCI6IjM3NyIsIkxpbmVDb2xvciI6eyIkcmVmIjoiMTAxIn0sIkxpbmVXZWlnaHQiOjAuMCwiTGluZVR5cGUiOjAsIlBhcmVudFN0eWxlIjp7IiRyZWYiOiIxMDAifX0sIlZlcnRpY2FsQ29ubmVjdG9yU3R5bGUiOnsiJGlkIjoiMzc4IiwiTGluZUNvbG9yIjp7IiRyZWYiOiIxMDQifSwiTGluZVdlaWdodCI6MC4wLCJMaW5lVHlwZSI6MCwiUGFyZW50U3R5bGUiOnsiJHJlZiI6IjEwMyJ9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M4OSIsIkxpbmVDb2xvciI6bnVsbCwiTGluZVdlaWdodCI6MC4wLCJMaW5lVHlwZSI6MCwiUGFyZW50U3R5bGUiOm51bGx9LCJQYXJlbnRTdHlsZSI6eyIkcmVmIjoiMTE0In19LCJEYXRlU3R5bGUiOnsiJGlkIjoiMzkwIiwiRm9udFNldHRpbmdzIjp7IiRpZCI6IjM5MSIsIkZvbnRTaXplIjoxMCwiRm9udE5hbWUiOiJDYWxpYnJpIiwiSXNCb2xkIjpmYWxzZSwiSXNJdGFsaWMiOmZhbHNlLCJJc1VuZGVybGluZWQiOmZhbHNlLCJQYXJlbnRTdHlsZSI6eyIkcmVmIjoiMTIyIn19LCJBdXRvU2l6ZSI6MCwiRm9yZWdyb3VuZCI6eyIkaWQiOiIzOTIiLCJDb2xvciI6eyIkaWQiOiIzOTM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QwMCIsIkxpbmVDb2xvciI6bnVsbCwiTGluZVdlaWdodCI6MC4wLCJMaW5lVHlwZSI6MCwiUGFyZW50U3R5bGUiOm51bGx9LCJQYXJlbnRTdHlsZSI6eyIkcmVmIjoiODYifX0sIkR1cmF0aW9uU3R5bGUiOnsiJGlkIjoiNDAxIiwiRm9udFNldHRpbmdzIjp7IiRpZCI6IjQwMiIsIkZvbnRTaXplIjoxMCwiRm9udE5hbWUiOiJDYWxpYnJpIiwiSXNCb2xkIjpmYWxzZSwiSXNJdGFsaWMiOmZhbHNlLCJJc1VuZGVybGluZWQiOmZhbHNlLCJQYXJlbnRTdHlsZSI6eyIkcmVmIjoiOTQifX0sIkF1dG9TaXplIjowLCJGb3JlZ3JvdW5kIjp7IiRpZCI6IjQwMyIsIkNvbG9yIjp7IiRpZCI6IjQw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QwNSIsIkxpbmVDb2xvciI6bnVsbCwiTGluZVdlaWdodCI6MC4wLCJMaW5lVHlwZSI6MCwiUGFyZW50U3R5bGUiOm51bGx9LCJQYXJlbnRTdHlsZSI6eyIkcmVmIjoiOTMifX0sIkhvcml6b250YWxDb25uZWN0b3JTdHlsZSI6eyIkaWQiOiI0MDYiLCJMaW5lQ29sb3IiOnsiJHJlZiI6IjEwMSJ9LCJMaW5lV2VpZ2h0IjowLjAsIkxpbmVUeXBlIjowLCJQYXJlbnRTdHlsZSI6eyIkcmVmIjoiMTAwIn19LCJWZXJ0aWNhbENvbm5lY3RvclN0eWxlIjp7IiRpZCI6IjQwNyIsIkxpbmVDb2xvciI6eyIkcmVmIjoiMTA0In0sIkxpbmVXZWlnaHQiOjAuMCwiTGluZVR5cGUiOjAsIlBhcmVudFN0eWxlIjp7IiRyZWYiOiIxMDM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NDE4IiwiTGluZUNvbG9yIjpudWxsLCJMaW5lV2VpZ2h0IjowLjAsIkxpbmVUeXBlIjowLCJQYXJlbnRTdHlsZSI6bnVsbH0sIlBhcmVudFN0eWxlIjp7IiRyZWYiOiIxMTQifX0sIkRhdGVTdHlsZSI6eyIkaWQiOiI0MTkiLCJGb250U2V0dGluZ3MiOnsiJGlkIjoiNDIwIiwiRm9udFNpemUiOjEwLCJGb250TmFtZSI6IkNhbGlicmkiLCJJc0JvbGQiOmZhbHNlLCJJc0l0YWxpYyI6ZmFsc2UsIklzVW5kZXJsaW5lZCI6ZmFsc2UsIlBhcmVudFN0eWxlIjp7IiRyZWYiOiIxMjIifX0sIkF1dG9TaXplIjowLCJGb3JlZ3JvdW5kIjp7IiRpZCI6IjQyMSIsIkNvbG9yIjp7IiRpZCI6IjQyMi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QyOSIsIkxpbmVDb2xvciI6bnVsbCwiTGluZVdlaWdodCI6MC4wLCJMaW5lVHlwZSI6MCwiUGFyZW50U3R5bGUiOm51bGx9LCJQYXJlbnRTdHlsZSI6eyIkcmVmIjoiODYifX0sIkR1cmF0aW9uU3R5bGUiOnsiJGlkIjoiNDMwIiwiRm9udFNldHRpbmdzIjp7IiRpZCI6IjQzMSIsIkZvbnRTaXplIjoxMCwiRm9udE5hbWUiOiJDYWxpYnJpIiwiSXNCb2xkIjpmYWxzZSwiSXNJdGFsaWMiOmZhbHNlLCJJc1VuZGVybGluZWQiOmZhbHNlLCJQYXJlbnRTdHlsZSI6eyIkcmVmIjoiOTQifX0sIkF1dG9TaXplIjowLCJGb3JlZ3JvdW5kIjp7IiRpZCI6IjQzMiIsIkNvbG9yIjp7IiRpZCI6IjQz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QzNCIsIkxpbmVDb2xvciI6bnVsbCwiTGluZVdlaWdodCI6MC4wLCJMaW5lVHlwZSI6MCwiUGFyZW50U3R5bGUiOm51bGx9LCJQYXJlbnRTdHlsZSI6eyIkcmVmIjoiOTMifX0sIkhvcml6b250YWxDb25uZWN0b3JTdHlsZSI6eyIkaWQiOiI0MzUiLCJMaW5lQ29sb3IiOnsiJHJlZiI6IjEwMSJ9LCJMaW5lV2VpZ2h0IjowLjAsIkxpbmVUeXBlIjowLCJQYXJlbnRTdHlsZSI6eyIkcmVmIjoiMTAwIn19LCJWZXJ0aWNhbENvbm5lY3RvclN0eWxlIjp7IiRpZCI6IjQzNiIsIkxpbmVDb2xvciI6eyIkcmVmIjoiMTA0In0sIkxpbmVXZWlnaHQiOjAuMCwiTGluZVR5cGUiOjAsIlBhcmVudFN0eWxlIjp7IiRyZWYiOiIxMDM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NDQ3IiwiTGluZUNvbG9yIjpudWxsLCJMaW5lV2VpZ2h0IjowLjAsIkxpbmVUeXBlIjowLCJQYXJlbnRTdHlsZSI6bnVsbH0sIlBhcmVudFN0eWxlIjp7IiRyZWYiOiIxMTQifX0sIkRhdGVTdHlsZSI6eyIkaWQiOiI0NDgiLCJGb250U2V0dGluZ3MiOnsiJGlkIjoiNDQ5IiwiRm9udFNpemUiOjEwLCJGb250TmFtZSI6IkNhbGlicmkiLCJJc0JvbGQiOmZhbHNlLCJJc0l0YWxpYyI6ZmFsc2UsIklzVW5kZXJsaW5lZCI6ZmFsc2UsIlBhcmVudFN0eWxlIjp7IiRyZWYiOiIxMjIifX0sIkF1dG9TaXplIjowLCJGb3JlZ3JvdW5kIjp7IiRpZCI6IjQ1MCIsIkNvbG9yIjp7IiRpZCI6IjQ1MS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NDU3IiwiVXNlVGltZSI6ZmFsc2UsIldvcmtEYXlTdGFydCI6IjAwOjAwOjAwIiwiV29ya0RheUVuZCI6IjIzOjU5OjAwIn0sIkxhc3RVc2VkVGVtcGxhdGVJZCI6ImMxMWY2ZjQ5LTdkYjgtNDVmZC1iYTMyLWJmY2FlYTQ5MmYzOSJ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Office Theme">
  <a:themeElements>
    <a:clrScheme name="UNAIDS Strategy Development">
      <a:dk1>
        <a:sysClr val="windowText" lastClr="000000"/>
      </a:dk1>
      <a:lt1>
        <a:sysClr val="window" lastClr="FFFFFF"/>
      </a:lt1>
      <a:dk2>
        <a:srgbClr val="E31937"/>
      </a:dk2>
      <a:lt2>
        <a:srgbClr val="EEECE1"/>
      </a:lt2>
      <a:accent1>
        <a:srgbClr val="B44A9B"/>
      </a:accent1>
      <a:accent2>
        <a:srgbClr val="2655A6"/>
      </a:accent2>
      <a:accent3>
        <a:srgbClr val="CDC884"/>
      </a:accent3>
      <a:accent4>
        <a:srgbClr val="2DADE4"/>
      </a:accent4>
      <a:accent5>
        <a:srgbClr val="63CDF6"/>
      </a:accent5>
      <a:accent6>
        <a:srgbClr val="CB1E56"/>
      </a:accent6>
      <a:hlink>
        <a:srgbClr val="0066FF"/>
      </a:hlink>
      <a:folHlink>
        <a:srgbClr val="63CDF6"/>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2_Office Theme">
  <a:themeElements>
    <a:clrScheme name="UNAIDS Strategy Development">
      <a:dk1>
        <a:sysClr val="windowText" lastClr="000000"/>
      </a:dk1>
      <a:lt1>
        <a:sysClr val="window" lastClr="FFFFFF"/>
      </a:lt1>
      <a:dk2>
        <a:srgbClr val="E31937"/>
      </a:dk2>
      <a:lt2>
        <a:srgbClr val="EEECE1"/>
      </a:lt2>
      <a:accent1>
        <a:srgbClr val="B44A9B"/>
      </a:accent1>
      <a:accent2>
        <a:srgbClr val="2655A6"/>
      </a:accent2>
      <a:accent3>
        <a:srgbClr val="CDC884"/>
      </a:accent3>
      <a:accent4>
        <a:srgbClr val="2DADE4"/>
      </a:accent4>
      <a:accent5>
        <a:srgbClr val="63CDF6"/>
      </a:accent5>
      <a:accent6>
        <a:srgbClr val="CB1E56"/>
      </a:accent6>
      <a:hlink>
        <a:srgbClr val="0066FF"/>
      </a:hlink>
      <a:folHlink>
        <a:srgbClr val="63CDF6"/>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Template PresentationGo">
  <a:themeElements>
    <a:clrScheme name="UNAIDS Strategy Development">
      <a:dk1>
        <a:sysClr val="windowText" lastClr="000000"/>
      </a:dk1>
      <a:lt1>
        <a:sysClr val="window" lastClr="FFFFFF"/>
      </a:lt1>
      <a:dk2>
        <a:srgbClr val="E31937"/>
      </a:dk2>
      <a:lt2>
        <a:srgbClr val="EEECE1"/>
      </a:lt2>
      <a:accent1>
        <a:srgbClr val="B44A9B"/>
      </a:accent1>
      <a:accent2>
        <a:srgbClr val="2655A6"/>
      </a:accent2>
      <a:accent3>
        <a:srgbClr val="CDC884"/>
      </a:accent3>
      <a:accent4>
        <a:srgbClr val="2DADE4"/>
      </a:accent4>
      <a:accent5>
        <a:srgbClr val="63CDF6"/>
      </a:accent5>
      <a:accent6>
        <a:srgbClr val="CB1E56"/>
      </a:accent6>
      <a:hlink>
        <a:srgbClr val="0066FF"/>
      </a:hlink>
      <a:folHlink>
        <a:srgbClr val="63CDF6"/>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1_Custom Design">
  <a:themeElements>
    <a:clrScheme name="UNAIDS Strategy Development">
      <a:dk1>
        <a:sysClr val="windowText" lastClr="000000"/>
      </a:dk1>
      <a:lt1>
        <a:sysClr val="window" lastClr="FFFFFF"/>
      </a:lt1>
      <a:dk2>
        <a:srgbClr val="E31937"/>
      </a:dk2>
      <a:lt2>
        <a:srgbClr val="EEECE1"/>
      </a:lt2>
      <a:accent1>
        <a:srgbClr val="B44A9B"/>
      </a:accent1>
      <a:accent2>
        <a:srgbClr val="2655A6"/>
      </a:accent2>
      <a:accent3>
        <a:srgbClr val="CDC884"/>
      </a:accent3>
      <a:accent4>
        <a:srgbClr val="2DADE4"/>
      </a:accent4>
      <a:accent5>
        <a:srgbClr val="63CDF6"/>
      </a:accent5>
      <a:accent6>
        <a:srgbClr val="CB1E56"/>
      </a:accent6>
      <a:hlink>
        <a:srgbClr val="0066FF"/>
      </a:hlink>
      <a:folHlink>
        <a:srgbClr val="63CDF6"/>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Template_Strategy_PWT" id="{8EBD776D-E12E-0D4D-80BB-D8892D539153}" vid="{AFBF36A2-7D73-E240-A247-13895DE0C6E2}"/>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9D86014B5B585E4BA67102090511F8D5" ma:contentTypeVersion="13" ma:contentTypeDescription="Create a new document." ma:contentTypeScope="" ma:versionID="610ef0252affe42e36d794399426c91c">
  <xsd:schema xmlns:xsd="http://www.w3.org/2001/XMLSchema" xmlns:xs="http://www.w3.org/2001/XMLSchema" xmlns:p="http://schemas.microsoft.com/office/2006/metadata/properties" xmlns:ns3="dd296d58-863d-4d9c-b2a5-ac0a46d038f4" xmlns:ns4="92ea123e-1ac0-45aa-a7a1-1861856ef87d" targetNamespace="http://schemas.microsoft.com/office/2006/metadata/properties" ma:root="true" ma:fieldsID="e7fe7fa7984b4a0b3dfb8997ef5ebed1" ns3:_="" ns4:_="">
    <xsd:import namespace="dd296d58-863d-4d9c-b2a5-ac0a46d038f4"/>
    <xsd:import namespace="92ea123e-1ac0-45aa-a7a1-1861856ef87d"/>
    <xsd:element name="properties">
      <xsd:complexType>
        <xsd:sequence>
          <xsd:element name="documentManagement">
            <xsd:complexType>
              <xsd:all>
                <xsd:element ref="ns3:SharedWithUsers" minOccurs="0"/>
                <xsd:element ref="ns3:SharedWithDetails" minOccurs="0"/>
                <xsd:element ref="ns3:SharingHintHash" minOccurs="0"/>
                <xsd:element ref="ns4:MediaServiceMetadata" minOccurs="0"/>
                <xsd:element ref="ns4:MediaServiceFastMetadata" minOccurs="0"/>
                <xsd:element ref="ns4:MediaServiceAutoTags" minOccurs="0"/>
                <xsd:element ref="ns4:MediaServiceDateTaken" minOccurs="0"/>
                <xsd:element ref="ns4:MediaServiceLocation" minOccurs="0"/>
                <xsd:element ref="ns4:MediaServiceOCR" minOccurs="0"/>
                <xsd:element ref="ns4:MediaServiceGenerationTime" minOccurs="0"/>
                <xsd:element ref="ns4:MediaServiceEventHashCode" minOccurs="0"/>
                <xsd:element ref="ns4:MediaServiceAutoKeyPoints" minOccurs="0"/>
                <xsd:element ref="ns4: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d296d58-863d-4d9c-b2a5-ac0a46d038f4" elementFormDefault="qualified">
    <xsd:import namespace="http://schemas.microsoft.com/office/2006/documentManagement/types"/>
    <xsd:import namespace="http://schemas.microsoft.com/office/infopath/2007/PartnerControls"/>
    <xsd:element name="SharedWithUsers" ma:index="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internalName="SharedWithDetails" ma:readOnly="true">
      <xsd:simpleType>
        <xsd:restriction base="dms:Note">
          <xsd:maxLength value="255"/>
        </xsd:restriction>
      </xsd:simpleType>
    </xsd:element>
    <xsd:element name="SharingHintHash" ma:index="10" nillable="true" ma:displayName="Sharing Hint Hash" ma:hidden="true" ma:internalName="SharingHintHash"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92ea123e-1ac0-45aa-a7a1-1861856ef87d" elementFormDefault="qualified">
    <xsd:import namespace="http://schemas.microsoft.com/office/2006/documentManagement/types"/>
    <xsd:import namespace="http://schemas.microsoft.com/office/infopath/2007/PartnerControls"/>
    <xsd:element name="MediaServiceMetadata" ma:index="11" nillable="true" ma:displayName="MediaServiceMetadata" ma:hidden="true" ma:internalName="MediaServiceMetadata" ma:readOnly="true">
      <xsd:simpleType>
        <xsd:restriction base="dms:Note"/>
      </xsd:simpleType>
    </xsd:element>
    <xsd:element name="MediaServiceFastMetadata" ma:index="12" nillable="true" ma:displayName="MediaServiceFastMetadata" ma:hidden="true" ma:internalName="MediaServiceFastMetadata" ma:readOnly="true">
      <xsd:simpleType>
        <xsd:restriction base="dms:Note"/>
      </xsd:simpleType>
    </xsd:element>
    <xsd:element name="MediaServiceAutoTags" ma:index="13" nillable="true" ma:displayName="MediaServiceAutoTags" ma:internalName="MediaServiceAutoTags" ma:readOnly="true">
      <xsd:simpleType>
        <xsd:restriction base="dms:Text"/>
      </xsd:simpleType>
    </xsd:element>
    <xsd:element name="MediaServiceDateTaken" ma:index="14" nillable="true" ma:displayName="MediaServiceDateTaken" ma:hidden="true" ma:internalName="MediaServiceDateTaken" ma:readOnly="true">
      <xsd:simpleType>
        <xsd:restriction base="dms:Text"/>
      </xsd:simpleType>
    </xsd:element>
    <xsd:element name="MediaServiceLocation" ma:index="15" nillable="true" ma:displayName="MediaServiceLocation" ma:internalName="MediaServiceLocation" ma:readOnly="true">
      <xsd:simpleType>
        <xsd:restriction base="dms:Text"/>
      </xsd:simpleType>
    </xsd:element>
    <xsd:element name="MediaServiceOCR" ma:index="16" nillable="true" ma:displayName="MediaServiceOCR"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AutoKeyPoints" ma:index="19" nillable="true" ma:displayName="MediaServiceAutoKeyPoints" ma:hidden="true" ma:internalName="MediaServiceAutoKeyPoints" ma:readOnly="true">
      <xsd:simpleType>
        <xsd:restriction base="dms:Note"/>
      </xsd:simpleType>
    </xsd:element>
    <xsd:element name="MediaServiceKeyPoints" ma:index="20" nillable="true" ma:displayName="KeyPoints" ma:internalName="MediaServiceKeyPoint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E859AE0C-38D0-4E05-B213-49B8D64D3492}">
  <ds:schemaRefs>
    <ds:schemaRef ds:uri="http://purl.org/dc/dcmitype/"/>
    <ds:schemaRef ds:uri="http://schemas.microsoft.com/office/2006/documentManagement/types"/>
    <ds:schemaRef ds:uri="http://purl.org/dc/elements/1.1/"/>
    <ds:schemaRef ds:uri="http://schemas.microsoft.com/office/2006/metadata/properties"/>
    <ds:schemaRef ds:uri="92ea123e-1ac0-45aa-a7a1-1861856ef87d"/>
    <ds:schemaRef ds:uri="http://purl.org/dc/terms/"/>
    <ds:schemaRef ds:uri="http://schemas.openxmlformats.org/package/2006/metadata/core-properties"/>
    <ds:schemaRef ds:uri="http://schemas.microsoft.com/office/infopath/2007/PartnerControls"/>
    <ds:schemaRef ds:uri="dd296d58-863d-4d9c-b2a5-ac0a46d038f4"/>
    <ds:schemaRef ds:uri="http://www.w3.org/XML/1998/namespace"/>
  </ds:schemaRefs>
</ds:datastoreItem>
</file>

<file path=customXml/itemProps2.xml><?xml version="1.0" encoding="utf-8"?>
<ds:datastoreItem xmlns:ds="http://schemas.openxmlformats.org/officeDocument/2006/customXml" ds:itemID="{0D591019-E4CA-4D0E-8257-212B2B26AF75}">
  <ds:schemaRefs>
    <ds:schemaRef ds:uri="http://schemas.microsoft.com/sharepoint/v3/contenttype/forms"/>
  </ds:schemaRefs>
</ds:datastoreItem>
</file>

<file path=customXml/itemProps3.xml><?xml version="1.0" encoding="utf-8"?>
<ds:datastoreItem xmlns:ds="http://schemas.openxmlformats.org/officeDocument/2006/customXml" ds:itemID="{816FCD98-C3D7-4159-881A-06DBF8763273}">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d296d58-863d-4d9c-b2a5-ac0a46d038f4"/>
    <ds:schemaRef ds:uri="92ea123e-1ac0-45aa-a7a1-1861856ef87d"/>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otalTime>2184</TotalTime>
  <Words>5589</Words>
  <Application>Microsoft Office PowerPoint</Application>
  <PresentationFormat>Panorámica</PresentationFormat>
  <Paragraphs>701</Paragraphs>
  <Slides>49</Slides>
  <Notes>7</Notes>
  <HiddenSlides>0</HiddenSlides>
  <MMClips>0</MMClips>
  <ScaleCrop>false</ScaleCrop>
  <HeadingPairs>
    <vt:vector size="6" baseType="variant">
      <vt:variant>
        <vt:lpstr>Fuentes usadas</vt:lpstr>
      </vt:variant>
      <vt:variant>
        <vt:i4>9</vt:i4>
      </vt:variant>
      <vt:variant>
        <vt:lpstr>Tema</vt:lpstr>
      </vt:variant>
      <vt:variant>
        <vt:i4>4</vt:i4>
      </vt:variant>
      <vt:variant>
        <vt:lpstr>Títulos de diapositiva</vt:lpstr>
      </vt:variant>
      <vt:variant>
        <vt:i4>49</vt:i4>
      </vt:variant>
    </vt:vector>
  </HeadingPairs>
  <TitlesOfParts>
    <vt:vector size="62" baseType="lpstr">
      <vt:lpstr>MS PGothic</vt:lpstr>
      <vt:lpstr>Arial</vt:lpstr>
      <vt:lpstr>Calibri</vt:lpstr>
      <vt:lpstr>Calibri Light</vt:lpstr>
      <vt:lpstr>Helvetica</vt:lpstr>
      <vt:lpstr>Open Sans</vt:lpstr>
      <vt:lpstr>Segoe UI</vt:lpstr>
      <vt:lpstr>Times New Roman</vt:lpstr>
      <vt:lpstr>Wingdings</vt:lpstr>
      <vt:lpstr>1_Office Theme</vt:lpstr>
      <vt:lpstr>2_Office Theme</vt:lpstr>
      <vt:lpstr>Template PresentationGo</vt:lpstr>
      <vt:lpstr>1_Custom Design</vt:lpstr>
      <vt:lpstr>Presentación de PowerPoint</vt:lpstr>
      <vt:lpstr>Presentación de PowerPoint</vt:lpstr>
      <vt:lpstr>Presentación de PowerPoint</vt:lpstr>
      <vt:lpstr>Presentación de PowerPoint</vt:lpstr>
      <vt:lpstr>Presentación de PowerPoint</vt:lpstr>
      <vt:lpstr>¿Y cuál es tu aporte?</vt:lpstr>
      <vt:lpstr>Presentación de PowerPoint</vt:lpstr>
      <vt:lpstr>Presentación de PowerPoint</vt:lpstr>
      <vt:lpstr>Presentación de PowerPoint</vt:lpstr>
      <vt:lpstr>Antes de seguir adelante…</vt:lpstr>
      <vt:lpstr>Presentación de PowerPoint</vt:lpstr>
      <vt:lpstr>Presentación de PowerPoint</vt:lpstr>
      <vt:lpstr>Presentación de PowerPoint</vt:lpstr>
      <vt:lpstr>De ahora en adelante, la línea de tiempo seguirá un patrón de colores que se basa en la persona que está a cargo:</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Tienes alguna pregunta?  ¿Necesitas aclarar algo? ¿Quieres hacer una sugerencia?  Contáctanos a través de strategyteam@unaids.org  para poder darte orientaciones y apoyo  durante tu preparación. </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Tienes alguna pregunta?  ¿Quieres aclarar algo? ¿Quieres hacer una sugerencia?  Contáctanos a través de strategyteam@unaids.org  para poder darte orientaciones y apoyo  durante tu preparación.</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vector>
  </TitlesOfParts>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ALLOURIS, Christoforos</dc:creator>
  <cp:lastModifiedBy>Cuenta Microsoft</cp:lastModifiedBy>
  <cp:revision>229</cp:revision>
  <dcterms:created xsi:type="dcterms:W3CDTF">2020-06-09T10:52:41Z</dcterms:created>
  <dcterms:modified xsi:type="dcterms:W3CDTF">2020-07-10T11:11:0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9D86014B5B585E4BA67102090511F8D5</vt:lpwstr>
  </property>
</Properties>
</file>